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5360" windowHeight="7644"/>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7" i="10" l="1"/>
  <c r="BG36" i="10"/>
  <c r="BG35" i="10"/>
  <c r="BG34" i="10"/>
  <c r="AO40" i="10"/>
  <c r="AO39" i="10"/>
  <c r="AO38" i="10"/>
  <c r="AO37"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BW41" i="10"/>
  <c r="BE41" i="10"/>
  <c r="AM41" i="10"/>
  <c r="U41" i="10"/>
  <c r="BW40" i="10"/>
  <c r="BE40" i="10"/>
  <c r="U40" i="10"/>
  <c r="BW39" i="10"/>
  <c r="BE39" i="10"/>
  <c r="U39" i="10"/>
  <c r="BW38" i="10"/>
  <c r="BE38" i="10"/>
  <c r="U38" i="10"/>
  <c r="BW37" i="10"/>
  <c r="C34" i="10"/>
  <c r="C35" i="10" s="1"/>
  <c r="C36" i="10" s="1"/>
  <c r="C37" i="10" s="1"/>
  <c r="C38" i="10" s="1"/>
  <c r="C39" i="10" s="1"/>
  <c r="C40" i="10" s="1"/>
  <c r="C41" i="10" s="1"/>
  <c r="C42" i="10" s="1"/>
  <c r="U34" i="10" l="1"/>
  <c r="U35" i="10" s="1"/>
  <c r="U36" i="10" s="1"/>
  <c r="U37" i="10" s="1"/>
  <c r="AM34" i="10"/>
  <c r="AM35" i="10" s="1"/>
  <c r="AM36" i="10" s="1"/>
  <c r="AM37" i="10" s="1"/>
  <c r="AM38" i="10" s="1"/>
  <c r="AM39" i="10" s="1"/>
  <c r="AM40"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 r="BE35" i="10" l="1"/>
  <c r="BE36" i="10" s="1"/>
  <c r="BE37" i="10" s="1"/>
  <c r="BW34" i="10" l="1"/>
  <c r="BW35" i="10" l="1"/>
  <c r="BW36" i="10" s="1"/>
  <c r="CO34" i="10"/>
  <c r="CO35" i="10" s="1"/>
  <c r="CO36" i="10" s="1"/>
  <c r="CO37" i="10" s="1"/>
  <c r="CO38" i="10" s="1"/>
  <c r="CO39" i="10" s="1"/>
  <c r="CO40" i="10" s="1"/>
  <c r="CO41" i="10" s="1"/>
  <c r="CO42" i="10" s="1"/>
  <c r="CO43" i="10" s="1"/>
</calcChain>
</file>

<file path=xl/sharedStrings.xml><?xml version="1.0" encoding="utf-8"?>
<sst xmlns="http://schemas.openxmlformats.org/spreadsheetml/2006/main" count="1099" uniqueCount="65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横浜市</t>
    <phoneticPr fontId="5"/>
  </si>
  <si>
    <t>地方交付税種地</t>
    <rPh sb="0" eb="2">
      <t>チホウ</t>
    </rPh>
    <rPh sb="2" eb="5">
      <t>コウフゼイ</t>
    </rPh>
    <rPh sb="5" eb="6">
      <t>シュ</t>
    </rPh>
    <rPh sb="6" eb="7">
      <t>チ</t>
    </rPh>
    <phoneticPr fontId="5"/>
  </si>
  <si>
    <t>1-1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4</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0</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横浜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t>
    <phoneticPr fontId="5"/>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元利償還金</t>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交通</t>
    <phoneticPr fontId="5"/>
  </si>
  <si>
    <t>加入世帯数(世帯)</t>
  </si>
  <si>
    <t>　繰出金</t>
    <phoneticPr fontId="5"/>
  </si>
  <si>
    <t>諸収入</t>
  </si>
  <si>
    <t>病院</t>
    <phoneticPr fontId="5"/>
  </si>
  <si>
    <t>被保険者数(人)</t>
  </si>
  <si>
    <t>　積立金</t>
    <phoneticPr fontId="5"/>
  </si>
  <si>
    <t>地方債</t>
  </si>
  <si>
    <t>宅地造成</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横浜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市債金会計</t>
    <phoneticPr fontId="5"/>
  </si>
  <si>
    <t>-</t>
    <phoneticPr fontId="5"/>
  </si>
  <si>
    <t>母子父子寡婦福祉資金会計</t>
    <phoneticPr fontId="5"/>
  </si>
  <si>
    <t>勤労者福祉共済事業費会計</t>
    <phoneticPr fontId="5"/>
  </si>
  <si>
    <t>公害被害者救済事業費会計</t>
    <phoneticPr fontId="5"/>
  </si>
  <si>
    <t>公共事業用地費会計</t>
    <phoneticPr fontId="5"/>
  </si>
  <si>
    <t>新墓園事業費会計</t>
    <phoneticPr fontId="5"/>
  </si>
  <si>
    <t>みどり保全創造事業費会計</t>
    <phoneticPr fontId="5"/>
  </si>
  <si>
    <t>-</t>
    <phoneticPr fontId="5"/>
  </si>
  <si>
    <t>市街地開発事業費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費会計</t>
    <phoneticPr fontId="5"/>
  </si>
  <si>
    <t>介護保険事業費会計</t>
    <phoneticPr fontId="5"/>
  </si>
  <si>
    <t>後期高齢者医療事業費会計</t>
    <phoneticPr fontId="5"/>
  </si>
  <si>
    <t>自動車駐車場事業費会計</t>
    <phoneticPr fontId="5"/>
  </si>
  <si>
    <t>水道事業会計</t>
    <phoneticPr fontId="5"/>
  </si>
  <si>
    <t>法適用企業</t>
    <phoneticPr fontId="5"/>
  </si>
  <si>
    <t>工業用水道事業会計</t>
    <phoneticPr fontId="5"/>
  </si>
  <si>
    <t>自動車事業会計</t>
    <phoneticPr fontId="5"/>
  </si>
  <si>
    <t>高速鉄道事業会計</t>
    <phoneticPr fontId="5"/>
  </si>
  <si>
    <t>下水道事業会計</t>
    <phoneticPr fontId="5"/>
  </si>
  <si>
    <t>病院事業会計</t>
    <phoneticPr fontId="5"/>
  </si>
  <si>
    <t>埋立事業会計</t>
    <phoneticPr fontId="5"/>
  </si>
  <si>
    <t>-</t>
    <phoneticPr fontId="5"/>
  </si>
  <si>
    <t>法適用企業</t>
    <phoneticPr fontId="5"/>
  </si>
  <si>
    <t>港湾整備事業費会計</t>
    <phoneticPr fontId="5"/>
  </si>
  <si>
    <t>法非適用企業</t>
    <phoneticPr fontId="5"/>
  </si>
  <si>
    <t>中央卸売市場費会計</t>
    <phoneticPr fontId="5"/>
  </si>
  <si>
    <t>法非適用企業</t>
    <phoneticPr fontId="5"/>
  </si>
  <si>
    <t>中央と畜場費会計</t>
    <phoneticPr fontId="5"/>
  </si>
  <si>
    <t>風力発電事業費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埋立事業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1.75</t>
  </si>
  <si>
    <t>▲ 1.21</t>
  </si>
  <si>
    <t>▲ 0.02</t>
  </si>
  <si>
    <t>下水道事業会計</t>
  </si>
  <si>
    <t>水道事業会計</t>
  </si>
  <si>
    <t>国民健康保険事業費会計</t>
  </si>
  <si>
    <t>介護保険事業費会計</t>
  </si>
  <si>
    <t>一般会計</t>
  </si>
  <si>
    <t>病院事業会計</t>
  </si>
  <si>
    <t>工業用水道事業会計</t>
  </si>
  <si>
    <t>自動車事業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文化基金</t>
    <rPh sb="0" eb="2">
      <t>ブンカ</t>
    </rPh>
    <rPh sb="2" eb="4">
      <t>キキン</t>
    </rPh>
    <phoneticPr fontId="5"/>
  </si>
  <si>
    <t>災害救助基金</t>
    <rPh sb="0" eb="2">
      <t>サイガイ</t>
    </rPh>
    <rPh sb="2" eb="6">
      <t>キュウジョキキン</t>
    </rPh>
    <phoneticPr fontId="5"/>
  </si>
  <si>
    <t>墓地運営等基金</t>
    <rPh sb="0" eb="7">
      <t>ボチウンエイトウキキン</t>
    </rPh>
    <phoneticPr fontId="5"/>
  </si>
  <si>
    <t>学校施設整備基金</t>
    <rPh sb="0" eb="6">
      <t>ガッコウシセツセイビ</t>
    </rPh>
    <rPh sb="6" eb="8">
      <t>キキン</t>
    </rPh>
    <phoneticPr fontId="5"/>
  </si>
  <si>
    <t>学校給食費調整基金</t>
    <rPh sb="0" eb="5">
      <t>ガッコウキュウショクヒ</t>
    </rPh>
    <rPh sb="5" eb="9">
      <t>チョウセイキキン</t>
    </rPh>
    <phoneticPr fontId="5"/>
  </si>
  <si>
    <t>神奈川県内広域水道企業団（水道用水供給事業会計）</t>
  </si>
  <si>
    <t>神奈川県後期高齢者医療広域連合（一般会計）</t>
  </si>
  <si>
    <t>神奈川県後期高齢者医療広域連合（後期高齢者医療特別会計）</t>
  </si>
  <si>
    <t>公益財団法人横浜市男女共同参画推進協会</t>
  </si>
  <si>
    <t>公益財団法人横浜市国際交流協会</t>
  </si>
  <si>
    <t>公益財団法人横浜市スポーツ協会</t>
    <rPh sb="0" eb="2">
      <t>コウエキ</t>
    </rPh>
    <rPh sb="2" eb="4">
      <t>ザイダン</t>
    </rPh>
    <rPh sb="4" eb="6">
      <t>ホウジン</t>
    </rPh>
    <rPh sb="6" eb="9">
      <t>ヨコハマシ</t>
    </rPh>
    <rPh sb="13" eb="15">
      <t>キョウカイ</t>
    </rPh>
    <rPh sb="14" eb="15">
      <t>タイキョウ</t>
    </rPh>
    <phoneticPr fontId="5"/>
  </si>
  <si>
    <t>公益財団法人横浜市芸術文化振興財団</t>
    <rPh sb="0" eb="2">
      <t>コウエキ</t>
    </rPh>
    <rPh sb="2" eb="4">
      <t>ザイダン</t>
    </rPh>
    <rPh sb="4" eb="6">
      <t>ホウジン</t>
    </rPh>
    <rPh sb="6" eb="9">
      <t>ヨコハマシ</t>
    </rPh>
    <rPh sb="9" eb="11">
      <t>ゲイジュツ</t>
    </rPh>
    <rPh sb="11" eb="13">
      <t>ブンカ</t>
    </rPh>
    <rPh sb="13" eb="15">
      <t>シンコウ</t>
    </rPh>
    <rPh sb="15" eb="17">
      <t>ザイダン</t>
    </rPh>
    <phoneticPr fontId="5"/>
  </si>
  <si>
    <t>公益財団法人三溪園保勝会</t>
    <rPh sb="0" eb="2">
      <t>コウエキ</t>
    </rPh>
    <rPh sb="2" eb="4">
      <t>ザイダン</t>
    </rPh>
    <rPh sb="4" eb="6">
      <t>ホウジン</t>
    </rPh>
    <rPh sb="6" eb="9">
      <t>サンケイエン</t>
    </rPh>
    <rPh sb="9" eb="10">
      <t>ホ</t>
    </rPh>
    <rPh sb="10" eb="11">
      <t>ショウ</t>
    </rPh>
    <rPh sb="11" eb="12">
      <t>カイ</t>
    </rPh>
    <phoneticPr fontId="5"/>
  </si>
  <si>
    <t>公益財団法人横浜観光コンベンション・ビューロー</t>
    <rPh sb="0" eb="6">
      <t>コウエキザイダンホウジン</t>
    </rPh>
    <rPh sb="6" eb="8">
      <t>ヨコハマ</t>
    </rPh>
    <rPh sb="8" eb="10">
      <t>カンコウ</t>
    </rPh>
    <phoneticPr fontId="5"/>
  </si>
  <si>
    <t>株式会社横浜国際平和会議場</t>
    <rPh sb="0" eb="4">
      <t>カブシキガイシャ</t>
    </rPh>
    <rPh sb="4" eb="6">
      <t>ヨコハマ</t>
    </rPh>
    <rPh sb="6" eb="8">
      <t>コクサイ</t>
    </rPh>
    <rPh sb="8" eb="10">
      <t>ヘイワ</t>
    </rPh>
    <rPh sb="10" eb="13">
      <t>カイギジョウ</t>
    </rPh>
    <phoneticPr fontId="5"/>
  </si>
  <si>
    <t>公益財団法人木原記念横浜生命科学振興財団</t>
    <rPh sb="0" eb="2">
      <t>コウエキ</t>
    </rPh>
    <rPh sb="2" eb="4">
      <t>ザイダン</t>
    </rPh>
    <rPh sb="4" eb="6">
      <t>ホウジン</t>
    </rPh>
    <rPh sb="6" eb="8">
      <t>キハラ</t>
    </rPh>
    <rPh sb="8" eb="10">
      <t>キネン</t>
    </rPh>
    <rPh sb="10" eb="12">
      <t>ヨコハマ</t>
    </rPh>
    <rPh sb="12" eb="14">
      <t>セイメイ</t>
    </rPh>
    <rPh sb="14" eb="16">
      <t>カガク</t>
    </rPh>
    <rPh sb="16" eb="18">
      <t>シンコウ</t>
    </rPh>
    <rPh sb="18" eb="20">
      <t>ザイダン</t>
    </rPh>
    <phoneticPr fontId="5"/>
  </si>
  <si>
    <t>公益財団法人横浜企業経営支援財団</t>
    <rPh sb="0" eb="6">
      <t>コウエキザイダンホウジン</t>
    </rPh>
    <rPh sb="6" eb="8">
      <t>ヨコハマ</t>
    </rPh>
    <rPh sb="8" eb="10">
      <t>キギョウ</t>
    </rPh>
    <rPh sb="10" eb="12">
      <t>ケイエイ</t>
    </rPh>
    <rPh sb="12" eb="14">
      <t>シエン</t>
    </rPh>
    <rPh sb="14" eb="16">
      <t>ザイダン</t>
    </rPh>
    <phoneticPr fontId="5"/>
  </si>
  <si>
    <t>公益財団法人横浜市消費者協会</t>
    <rPh sb="0" eb="2">
      <t>コウエキ</t>
    </rPh>
    <rPh sb="2" eb="4">
      <t>ザイダン</t>
    </rPh>
    <rPh sb="4" eb="6">
      <t>ホウジン</t>
    </rPh>
    <rPh sb="6" eb="9">
      <t>ヨコハマシ</t>
    </rPh>
    <rPh sb="9" eb="12">
      <t>ショウヒシャ</t>
    </rPh>
    <rPh sb="12" eb="14">
      <t>キョウカイ</t>
    </rPh>
    <phoneticPr fontId="5"/>
  </si>
  <si>
    <t>公益財団法人横浜市シルバー人材センター</t>
    <rPh sb="0" eb="2">
      <t>コウエキ</t>
    </rPh>
    <rPh sb="2" eb="4">
      <t>ザイダン</t>
    </rPh>
    <rPh sb="4" eb="6">
      <t>ホウジン</t>
    </rPh>
    <rPh sb="6" eb="9">
      <t>ヨコハマシ</t>
    </rPh>
    <rPh sb="13" eb="15">
      <t>ジンザイ</t>
    </rPh>
    <phoneticPr fontId="5"/>
  </si>
  <si>
    <t>横浜市信用保証協会</t>
    <rPh sb="0" eb="3">
      <t>ヨコハマシ</t>
    </rPh>
    <rPh sb="3" eb="5">
      <t>シンヨウ</t>
    </rPh>
    <rPh sb="5" eb="7">
      <t>ホショウ</t>
    </rPh>
    <rPh sb="7" eb="9">
      <t>キョウカイ</t>
    </rPh>
    <phoneticPr fontId="15"/>
  </si>
  <si>
    <t>横浜市場冷蔵株式会社</t>
    <rPh sb="0" eb="2">
      <t>ヨコハマ</t>
    </rPh>
    <rPh sb="2" eb="4">
      <t>シジョウ</t>
    </rPh>
    <rPh sb="4" eb="6">
      <t>レイゾウ</t>
    </rPh>
    <rPh sb="6" eb="10">
      <t>カブシキガイシャ</t>
    </rPh>
    <phoneticPr fontId="5"/>
  </si>
  <si>
    <t>横浜食肉市場株式会社</t>
    <rPh sb="0" eb="2">
      <t>ヨコハマ</t>
    </rPh>
    <rPh sb="2" eb="4">
      <t>ショクニク</t>
    </rPh>
    <rPh sb="4" eb="6">
      <t>シジョウ</t>
    </rPh>
    <rPh sb="6" eb="10">
      <t>カブシキガイシャ</t>
    </rPh>
    <phoneticPr fontId="5"/>
  </si>
  <si>
    <t>株式会社横浜市食肉公社</t>
    <rPh sb="0" eb="4">
      <t>カブシキガイシャ</t>
    </rPh>
    <rPh sb="4" eb="7">
      <t>ヨコハマシ</t>
    </rPh>
    <rPh sb="7" eb="9">
      <t>ショクニク</t>
    </rPh>
    <rPh sb="9" eb="11">
      <t>コウシャ</t>
    </rPh>
    <phoneticPr fontId="5"/>
  </si>
  <si>
    <t>公益財団法人よこはまユース</t>
    <rPh sb="0" eb="2">
      <t>コウエキ</t>
    </rPh>
    <rPh sb="2" eb="4">
      <t>ザイダン</t>
    </rPh>
    <rPh sb="4" eb="6">
      <t>ホウジン</t>
    </rPh>
    <phoneticPr fontId="5"/>
  </si>
  <si>
    <t>公益財団法人寿町勤労者福祉協会</t>
    <rPh sb="2" eb="4">
      <t>ザイダン</t>
    </rPh>
    <rPh sb="4" eb="6">
      <t>ホウジン</t>
    </rPh>
    <rPh sb="6" eb="8">
      <t>コトブキチョウ</t>
    </rPh>
    <rPh sb="8" eb="11">
      <t>キンロウシャ</t>
    </rPh>
    <rPh sb="11" eb="13">
      <t>フクシ</t>
    </rPh>
    <rPh sb="13" eb="15">
      <t>キョウカイ</t>
    </rPh>
    <phoneticPr fontId="5"/>
  </si>
  <si>
    <t>公益財団法人横浜市総合保健医療財団</t>
    <rPh sb="0" eb="8">
      <t>コウエキザイダンホウジンヨコハマ</t>
    </rPh>
    <rPh sb="8" eb="9">
      <t>シ</t>
    </rPh>
    <rPh sb="9" eb="11">
      <t>ソウゴウ</t>
    </rPh>
    <rPh sb="11" eb="13">
      <t>ホケン</t>
    </rPh>
    <rPh sb="13" eb="15">
      <t>イリョウ</t>
    </rPh>
    <rPh sb="15" eb="17">
      <t>ザイダン</t>
    </rPh>
    <phoneticPr fontId="5"/>
  </si>
  <si>
    <t>社会福祉法人横浜市社会福祉協議会</t>
    <rPh sb="0" eb="2">
      <t>シャカイ</t>
    </rPh>
    <rPh sb="2" eb="4">
      <t>フクシ</t>
    </rPh>
    <rPh sb="4" eb="6">
      <t>ホウジン</t>
    </rPh>
    <rPh sb="6" eb="9">
      <t>ヨコハマシ</t>
    </rPh>
    <rPh sb="9" eb="11">
      <t>シャカイ</t>
    </rPh>
    <rPh sb="11" eb="13">
      <t>フクシ</t>
    </rPh>
    <rPh sb="13" eb="16">
      <t>キョウギカイ</t>
    </rPh>
    <phoneticPr fontId="15"/>
  </si>
  <si>
    <t>社会福祉法人横浜市リハビリテーション事業団</t>
    <rPh sb="6" eb="9">
      <t>ヨコハマシ</t>
    </rPh>
    <rPh sb="18" eb="20">
      <t>ジギョウ</t>
    </rPh>
    <rPh sb="20" eb="21">
      <t>ダン</t>
    </rPh>
    <phoneticPr fontId="15"/>
  </si>
  <si>
    <t>公益財団法人横浜市緑の協会</t>
    <rPh sb="0" eb="2">
      <t>コウエキ</t>
    </rPh>
    <rPh sb="2" eb="4">
      <t>ザイダン</t>
    </rPh>
    <rPh sb="4" eb="6">
      <t>ホウジン</t>
    </rPh>
    <rPh sb="6" eb="9">
      <t>ヨコハマシ</t>
    </rPh>
    <rPh sb="9" eb="10">
      <t>ミドリ</t>
    </rPh>
    <rPh sb="11" eb="13">
      <t>キョウカイ</t>
    </rPh>
    <phoneticPr fontId="5"/>
  </si>
  <si>
    <t>公益財団法人横浜市資源循環公社</t>
    <rPh sb="0" eb="2">
      <t>コウエキ</t>
    </rPh>
    <rPh sb="2" eb="4">
      <t>ザイダン</t>
    </rPh>
    <rPh sb="4" eb="6">
      <t>ホウジン</t>
    </rPh>
    <rPh sb="6" eb="9">
      <t>ヨコハマシ</t>
    </rPh>
    <rPh sb="9" eb="11">
      <t>シゲン</t>
    </rPh>
    <rPh sb="11" eb="13">
      <t>ジュンカン</t>
    </rPh>
    <rPh sb="13" eb="15">
      <t>コウシャ</t>
    </rPh>
    <phoneticPr fontId="5"/>
  </si>
  <si>
    <t>横浜市住宅供給公社</t>
    <rPh sb="0" eb="3">
      <t>ヨコハマシ</t>
    </rPh>
    <rPh sb="3" eb="5">
      <t>ジュウタク</t>
    </rPh>
    <rPh sb="5" eb="7">
      <t>キョウキュウ</t>
    </rPh>
    <rPh sb="7" eb="9">
      <t>コウシャ</t>
    </rPh>
    <phoneticPr fontId="5"/>
  </si>
  <si>
    <t>公益財団法人横浜市建築助成公社</t>
    <rPh sb="0" eb="2">
      <t>コウエキ</t>
    </rPh>
    <rPh sb="2" eb="4">
      <t>ザイダン</t>
    </rPh>
    <rPh sb="4" eb="6">
      <t>ホウジン</t>
    </rPh>
    <rPh sb="6" eb="9">
      <t>ヨコハマシ</t>
    </rPh>
    <rPh sb="9" eb="11">
      <t>ケンチク</t>
    </rPh>
    <rPh sb="11" eb="13">
      <t>ジョセイ</t>
    </rPh>
    <rPh sb="13" eb="15">
      <t>コウシャ</t>
    </rPh>
    <phoneticPr fontId="5"/>
  </si>
  <si>
    <t>公益財団法人横浜市建築保全公社</t>
    <rPh sb="0" eb="2">
      <t>コウエキ</t>
    </rPh>
    <rPh sb="2" eb="4">
      <t>ザイダン</t>
    </rPh>
    <rPh sb="4" eb="6">
      <t>ホウジン</t>
    </rPh>
    <rPh sb="6" eb="9">
      <t>ヨコハマシ</t>
    </rPh>
    <rPh sb="9" eb="11">
      <t>ケンチク</t>
    </rPh>
    <rPh sb="11" eb="13">
      <t>ホゼン</t>
    </rPh>
    <rPh sb="13" eb="15">
      <t>コウシャ</t>
    </rPh>
    <phoneticPr fontId="5"/>
  </si>
  <si>
    <t>横浜シティ・エア・ターミナル株式会社</t>
    <rPh sb="0" eb="2">
      <t>ヨコハマ</t>
    </rPh>
    <rPh sb="14" eb="18">
      <t>カブシキガイシャ</t>
    </rPh>
    <phoneticPr fontId="5"/>
  </si>
  <si>
    <t>横浜高速鉄道株式会社</t>
    <rPh sb="0" eb="2">
      <t>ヨコハマ</t>
    </rPh>
    <rPh sb="2" eb="4">
      <t>コウソク</t>
    </rPh>
    <rPh sb="4" eb="6">
      <t>テツドウ</t>
    </rPh>
    <rPh sb="6" eb="10">
      <t>カブシキガイシャ</t>
    </rPh>
    <phoneticPr fontId="5"/>
  </si>
  <si>
    <t>一般社団法人横浜みなとみらい２１</t>
    <rPh sb="0" eb="2">
      <t>イッパン</t>
    </rPh>
    <rPh sb="2" eb="4">
      <t>シャダン</t>
    </rPh>
    <rPh sb="4" eb="6">
      <t>ホウジン</t>
    </rPh>
    <rPh sb="6" eb="8">
      <t>ヨコハマ</t>
    </rPh>
    <phoneticPr fontId="5"/>
  </si>
  <si>
    <t>株式会社横浜シーサイドライン</t>
    <rPh sb="0" eb="4">
      <t>カブシキガイシャ</t>
    </rPh>
    <phoneticPr fontId="5"/>
  </si>
  <si>
    <t>一般財団法人横浜市道路建設事業団</t>
    <rPh sb="0" eb="2">
      <t>イッパン</t>
    </rPh>
    <rPh sb="2" eb="4">
      <t>ザイダン</t>
    </rPh>
    <rPh sb="4" eb="6">
      <t>ホウジン</t>
    </rPh>
    <rPh sb="6" eb="9">
      <t>ヨコハマシ</t>
    </rPh>
    <rPh sb="9" eb="11">
      <t>ドウロ</t>
    </rPh>
    <rPh sb="11" eb="13">
      <t>ケンセツ</t>
    </rPh>
    <rPh sb="13" eb="16">
      <t>ジギョウダン</t>
    </rPh>
    <phoneticPr fontId="5"/>
  </si>
  <si>
    <t>株式会社横浜港国際流通センター</t>
    <rPh sb="0" eb="4">
      <t>カブシキガイシャ</t>
    </rPh>
    <rPh sb="4" eb="6">
      <t>ヨコハマ</t>
    </rPh>
    <rPh sb="6" eb="7">
      <t>コウ</t>
    </rPh>
    <rPh sb="7" eb="9">
      <t>コクサイ</t>
    </rPh>
    <rPh sb="9" eb="11">
      <t>リュウツウ</t>
    </rPh>
    <phoneticPr fontId="5"/>
  </si>
  <si>
    <t>横浜港埠頭株式会社</t>
    <rPh sb="0" eb="2">
      <t>ヨコハマ</t>
    </rPh>
    <rPh sb="2" eb="3">
      <t>コウ</t>
    </rPh>
    <rPh sb="3" eb="5">
      <t>フトウ</t>
    </rPh>
    <rPh sb="5" eb="7">
      <t>カブシキ</t>
    </rPh>
    <rPh sb="7" eb="9">
      <t>カイシャ</t>
    </rPh>
    <phoneticPr fontId="5"/>
  </si>
  <si>
    <t>公益財団法人帆船日本丸記念財団</t>
    <rPh sb="0" eb="2">
      <t>コウエキ</t>
    </rPh>
    <rPh sb="2" eb="4">
      <t>ザイダン</t>
    </rPh>
    <rPh sb="4" eb="6">
      <t>ホウジン</t>
    </rPh>
    <rPh sb="6" eb="8">
      <t>ハンセン</t>
    </rPh>
    <rPh sb="8" eb="11">
      <t>ニホンマル</t>
    </rPh>
    <rPh sb="11" eb="13">
      <t>キネン</t>
    </rPh>
    <rPh sb="13" eb="15">
      <t>ザイダン</t>
    </rPh>
    <phoneticPr fontId="5"/>
  </si>
  <si>
    <t>横浜ベイサイドマリーナ株式会社</t>
    <rPh sb="0" eb="2">
      <t>ヨコハマ</t>
    </rPh>
    <rPh sb="11" eb="15">
      <t>カブシキガイシャ</t>
    </rPh>
    <phoneticPr fontId="5"/>
  </si>
  <si>
    <t>横浜ウォーター株式会社</t>
    <rPh sb="0" eb="2">
      <t>ヨコハマ</t>
    </rPh>
    <rPh sb="7" eb="11">
      <t>カブシキガイシャ</t>
    </rPh>
    <phoneticPr fontId="5"/>
  </si>
  <si>
    <t>横浜交通開発株式会社</t>
    <rPh sb="0" eb="2">
      <t>ヨコハマ</t>
    </rPh>
    <rPh sb="2" eb="4">
      <t>コウツウ</t>
    </rPh>
    <rPh sb="4" eb="6">
      <t>カイハツ</t>
    </rPh>
    <rPh sb="6" eb="10">
      <t>カブシキガイシャ</t>
    </rPh>
    <phoneticPr fontId="5"/>
  </si>
  <si>
    <t>公益財団法人横浜市ふるさと歴史財団</t>
    <rPh sb="0" eb="6">
      <t>コウエキザイダンホウジン</t>
    </rPh>
    <rPh sb="6" eb="9">
      <t>ヨコハマシ</t>
    </rPh>
    <rPh sb="13" eb="15">
      <t>レキシ</t>
    </rPh>
    <rPh sb="15" eb="17">
      <t>ザイダン</t>
    </rPh>
    <phoneticPr fontId="5"/>
  </si>
  <si>
    <t>公益財団法人よこはま学校食育財団</t>
    <rPh sb="0" eb="2">
      <t>コウエキ</t>
    </rPh>
    <rPh sb="2" eb="4">
      <t>ザイダン</t>
    </rPh>
    <rPh sb="4" eb="6">
      <t>ホウジン</t>
    </rPh>
    <rPh sb="10" eb="12">
      <t>ガッコウ</t>
    </rPh>
    <rPh sb="12" eb="14">
      <t>ショクイク</t>
    </rPh>
    <rPh sb="14" eb="16">
      <t>ザイダン</t>
    </rPh>
    <phoneticPr fontId="3"/>
  </si>
  <si>
    <t>公立大学法人横浜市立大学</t>
    <rPh sb="0" eb="2">
      <t>コウリツ</t>
    </rPh>
    <rPh sb="2" eb="4">
      <t>ダイガク</t>
    </rPh>
    <rPh sb="4" eb="6">
      <t>ホウジン</t>
    </rPh>
    <rPh sb="6" eb="10">
      <t>ヨコハマシリツ</t>
    </rPh>
    <rPh sb="10" eb="12">
      <t>ダイガク</t>
    </rPh>
    <phoneticPr fontId="5"/>
  </si>
  <si>
    <t>横浜川崎国際港湾株式会社</t>
    <rPh sb="0" eb="2">
      <t>ヨコハマ</t>
    </rPh>
    <rPh sb="2" eb="4">
      <t>カワサキ</t>
    </rPh>
    <rPh sb="4" eb="6">
      <t>コクサイ</t>
    </rPh>
    <rPh sb="6" eb="8">
      <t>コウワン</t>
    </rPh>
    <rPh sb="8" eb="12">
      <t>カブシキガイシャ</t>
    </rPh>
    <phoneticPr fontId="3"/>
  </si>
  <si>
    <t>〇</t>
  </si>
  <si>
    <t xml:space="preserve">※8：職員の状況については、令和3年地方公務員給与実態調査に基づいている。 </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将来負担比率及び実質公債費比率は、類似団体と比較して高くなっています。
本市の経年比較では、将来負担比率は、企業会計・外郭団体等の借入金等の返済を進めてきたことにより、年々減少傾向にあります。令和３年度は、国勢調査結果の反映及び、臨時財政対策債償還基金費（臨時財政対策債の償還等に要する経費に対し交付されるもの）等の追加交付に伴う再算定により基準財政需要額が増加したため、分母の構成要素である標準財政規模が増加し、前年度と比較して比率は減少しました。実質公債費比率においては、平成29年度から令和元年度までは、県費負担教職員の本市移管による標準財政規模の改善等により比率は減少傾向にありました。令和３年度は、分母の構成要素である標準財政規模が微増である一方、分子の構成要素である元利償還金等から減算する特定財源の減少により、前年度と比較して比率がやや上昇しました。</t>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類似団体と比較すると、将来負担比率は高い水準にある一方、有形固定資産減価償却率は、道路、庁舎、橋りょう・トンネルの整備などを進めたこと等により、低い水準となっています。
本市の経年比較では、将来負担比率は、企業会計・外郭団体等の借入金等の返済を進めてきたことにより、年々減少傾向にあります。
有形固定資産減価償却率は、平成30年度までは公共施設の取得から年度が経過したことにより、年々上昇していました。令和元年度及び２年度の一時的な減少要因となった市庁舎などの取得資産の減価償却が進んだことなどにより、令和３年度は前年度と比較して増加しています。今後も、将来負担比率と有形固定資産減価償却率の推移などに留意しながら、「施策の推進と財政の健全性の維持」の両立の観点から、計画的な市債活用や借入金残高の管理など、持続可能な財政運営を進めていきます。</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0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0" fontId="18" fillId="0" borderId="41" xfId="16" applyFont="1" applyBorder="1" applyAlignment="1" applyProtection="1">
      <alignment horizontal="left" vertical="top" wrapText="1"/>
      <protection locked="0"/>
    </xf>
    <xf numFmtId="0" fontId="18" fillId="0" borderId="12" xfId="16" applyFont="1" applyBorder="1" applyAlignment="1" applyProtection="1">
      <alignment horizontal="left" vertical="top" wrapText="1"/>
      <protection locked="0"/>
    </xf>
    <xf numFmtId="0" fontId="18" fillId="0" borderId="48" xfId="16" applyFont="1" applyBorder="1" applyAlignment="1" applyProtection="1">
      <alignment horizontal="left" vertical="top" wrapText="1"/>
      <protection locked="0"/>
    </xf>
    <xf numFmtId="0" fontId="18" fillId="0" borderId="64" xfId="16" applyFont="1" applyBorder="1" applyAlignment="1" applyProtection="1">
      <alignment horizontal="left" vertical="top" wrapText="1"/>
      <protection locked="0"/>
    </xf>
    <xf numFmtId="0" fontId="18" fillId="0" borderId="0" xfId="16" applyFont="1" applyAlignment="1" applyProtection="1">
      <alignment horizontal="left" vertical="top" wrapText="1"/>
      <protection locked="0"/>
    </xf>
    <xf numFmtId="0" fontId="18" fillId="0" borderId="38" xfId="16" applyFont="1" applyBorder="1" applyAlignment="1" applyProtection="1">
      <alignment horizontal="left" vertical="top" wrapText="1"/>
      <protection locked="0"/>
    </xf>
    <xf numFmtId="0" fontId="18" fillId="0" borderId="37" xfId="16" applyFont="1" applyBorder="1" applyAlignment="1" applyProtection="1">
      <alignment horizontal="left" vertical="top" wrapText="1"/>
      <protection locked="0"/>
    </xf>
    <xf numFmtId="0" fontId="18" fillId="0" borderId="54" xfId="16" applyFont="1" applyBorder="1" applyAlignment="1" applyProtection="1">
      <alignment horizontal="left" vertical="top" wrapText="1"/>
      <protection locked="0"/>
    </xf>
    <xf numFmtId="0" fontId="18"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2897</c:v>
                </c:pt>
                <c:pt idx="1">
                  <c:v>54945</c:v>
                </c:pt>
                <c:pt idx="2">
                  <c:v>57132</c:v>
                </c:pt>
                <c:pt idx="3">
                  <c:v>58766</c:v>
                </c:pt>
                <c:pt idx="4">
                  <c:v>62482</c:v>
                </c:pt>
              </c:numCache>
            </c:numRef>
          </c:val>
          <c:smooth val="0"/>
          <c:extLst>
            <c:ext xmlns:c16="http://schemas.microsoft.com/office/drawing/2014/chart" uri="{C3380CC4-5D6E-409C-BE32-E72D297353CC}">
              <c16:uniqueId val="{00000000-82E0-46D4-8C6B-F0964F7819E9}"/>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54167</c:v>
                </c:pt>
                <c:pt idx="1">
                  <c:v>62800</c:v>
                </c:pt>
                <c:pt idx="2">
                  <c:v>62653</c:v>
                </c:pt>
                <c:pt idx="3">
                  <c:v>60904</c:v>
                </c:pt>
                <c:pt idx="4">
                  <c:v>84110</c:v>
                </c:pt>
              </c:numCache>
            </c:numRef>
          </c:val>
          <c:smooth val="0"/>
          <c:extLst>
            <c:ext xmlns:c16="http://schemas.microsoft.com/office/drawing/2014/chart" uri="{C3380CC4-5D6E-409C-BE32-E72D297353CC}">
              <c16:uniqueId val="{00000001-82E0-46D4-8C6B-F0964F7819E9}"/>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1.39</c:v>
                </c:pt>
                <c:pt idx="1">
                  <c:v>0.51</c:v>
                </c:pt>
                <c:pt idx="2">
                  <c:v>0.86</c:v>
                </c:pt>
                <c:pt idx="3">
                  <c:v>0.7</c:v>
                </c:pt>
                <c:pt idx="4">
                  <c:v>1.4</c:v>
                </c:pt>
              </c:numCache>
            </c:numRef>
          </c:val>
          <c:extLst>
            <c:ext xmlns:c16="http://schemas.microsoft.com/office/drawing/2014/chart" uri="{C3380CC4-5D6E-409C-BE32-E72D297353CC}">
              <c16:uniqueId val="{00000000-9859-4E6A-B7B6-6BD0FB5571D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2.8</c:v>
                </c:pt>
                <c:pt idx="1">
                  <c:v>2.31</c:v>
                </c:pt>
                <c:pt idx="2">
                  <c:v>0.84</c:v>
                </c:pt>
                <c:pt idx="3">
                  <c:v>1.19</c:v>
                </c:pt>
                <c:pt idx="4">
                  <c:v>3.13</c:v>
                </c:pt>
              </c:numCache>
            </c:numRef>
          </c:val>
          <c:extLst>
            <c:ext xmlns:c16="http://schemas.microsoft.com/office/drawing/2014/chart" uri="{C3380CC4-5D6E-409C-BE32-E72D297353CC}">
              <c16:uniqueId val="{00000001-9859-4E6A-B7B6-6BD0FB5571DB}"/>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33</c:v>
                </c:pt>
                <c:pt idx="1">
                  <c:v>-1.75</c:v>
                </c:pt>
                <c:pt idx="2">
                  <c:v>-1.21</c:v>
                </c:pt>
                <c:pt idx="3">
                  <c:v>-0.02</c:v>
                </c:pt>
                <c:pt idx="4">
                  <c:v>2.4500000000000002</c:v>
                </c:pt>
              </c:numCache>
            </c:numRef>
          </c:val>
          <c:smooth val="0"/>
          <c:extLst>
            <c:ext xmlns:c16="http://schemas.microsoft.com/office/drawing/2014/chart" uri="{C3380CC4-5D6E-409C-BE32-E72D297353CC}">
              <c16:uniqueId val="{00000002-9859-4E6A-B7B6-6BD0FB5571DB}"/>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1.31</c:v>
                </c:pt>
                <c:pt idx="2">
                  <c:v>#N/A</c:v>
                </c:pt>
                <c:pt idx="3">
                  <c:v>1.44</c:v>
                </c:pt>
                <c:pt idx="4">
                  <c:v>#N/A</c:v>
                </c:pt>
                <c:pt idx="5">
                  <c:v>1.73</c:v>
                </c:pt>
                <c:pt idx="6">
                  <c:v>#N/A</c:v>
                </c:pt>
                <c:pt idx="7">
                  <c:v>0.54</c:v>
                </c:pt>
                <c:pt idx="8">
                  <c:v>#N/A</c:v>
                </c:pt>
                <c:pt idx="9">
                  <c:v>0.54</c:v>
                </c:pt>
              </c:numCache>
            </c:numRef>
          </c:val>
          <c:extLst>
            <c:ext xmlns:c16="http://schemas.microsoft.com/office/drawing/2014/chart" uri="{C3380CC4-5D6E-409C-BE32-E72D297353CC}">
              <c16:uniqueId val="{00000000-9730-4A11-B40F-31CE3FFAC51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730-4A11-B40F-31CE3FFAC516}"/>
            </c:ext>
          </c:extLst>
        </c:ser>
        <c:ser>
          <c:idx val="2"/>
          <c:order val="2"/>
          <c:tx>
            <c:strRef>
              <c:f>データシート!$A$29</c:f>
              <c:strCache>
                <c:ptCount val="1"/>
                <c:pt idx="0">
                  <c:v>自動車事業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7</c:v>
                </c:pt>
                <c:pt idx="2">
                  <c:v>#N/A</c:v>
                </c:pt>
                <c:pt idx="3">
                  <c:v>0.68</c:v>
                </c:pt>
                <c:pt idx="4">
                  <c:v>#N/A</c:v>
                </c:pt>
                <c:pt idx="5">
                  <c:v>0.68</c:v>
                </c:pt>
                <c:pt idx="6">
                  <c:v>#N/A</c:v>
                </c:pt>
                <c:pt idx="7">
                  <c:v>0.44</c:v>
                </c:pt>
                <c:pt idx="8">
                  <c:v>#N/A</c:v>
                </c:pt>
                <c:pt idx="9">
                  <c:v>0.44</c:v>
                </c:pt>
              </c:numCache>
            </c:numRef>
          </c:val>
          <c:extLst>
            <c:ext xmlns:c16="http://schemas.microsoft.com/office/drawing/2014/chart" uri="{C3380CC4-5D6E-409C-BE32-E72D297353CC}">
              <c16:uniqueId val="{00000002-9730-4A11-B40F-31CE3FFAC516}"/>
            </c:ext>
          </c:extLst>
        </c:ser>
        <c:ser>
          <c:idx val="3"/>
          <c:order val="3"/>
          <c:tx>
            <c:strRef>
              <c:f>データシート!$A$30</c:f>
              <c:strCache>
                <c:ptCount val="1"/>
                <c:pt idx="0">
                  <c:v>工業用水道事業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52</c:v>
                </c:pt>
                <c:pt idx="2">
                  <c:v>#N/A</c:v>
                </c:pt>
                <c:pt idx="3">
                  <c:v>0.51</c:v>
                </c:pt>
                <c:pt idx="4">
                  <c:v>#N/A</c:v>
                </c:pt>
                <c:pt idx="5">
                  <c:v>0.47</c:v>
                </c:pt>
                <c:pt idx="6">
                  <c:v>#N/A</c:v>
                </c:pt>
                <c:pt idx="7">
                  <c:v>0.48</c:v>
                </c:pt>
                <c:pt idx="8">
                  <c:v>#N/A</c:v>
                </c:pt>
                <c:pt idx="9">
                  <c:v>0.47</c:v>
                </c:pt>
              </c:numCache>
            </c:numRef>
          </c:val>
          <c:extLst>
            <c:ext xmlns:c16="http://schemas.microsoft.com/office/drawing/2014/chart" uri="{C3380CC4-5D6E-409C-BE32-E72D297353CC}">
              <c16:uniqueId val="{00000003-9730-4A11-B40F-31CE3FFAC516}"/>
            </c:ext>
          </c:extLst>
        </c:ser>
        <c:ser>
          <c:idx val="4"/>
          <c:order val="4"/>
          <c:tx>
            <c:strRef>
              <c:f>データシート!$A$31</c:f>
              <c:strCache>
                <c:ptCount val="1"/>
                <c:pt idx="0">
                  <c:v>病院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27</c:v>
                </c:pt>
                <c:pt idx="2">
                  <c:v>#N/A</c:v>
                </c:pt>
                <c:pt idx="3">
                  <c:v>0.26</c:v>
                </c:pt>
                <c:pt idx="4">
                  <c:v>#N/A</c:v>
                </c:pt>
                <c:pt idx="5">
                  <c:v>0.25</c:v>
                </c:pt>
                <c:pt idx="6">
                  <c:v>#N/A</c:v>
                </c:pt>
                <c:pt idx="7">
                  <c:v>0.26</c:v>
                </c:pt>
                <c:pt idx="8">
                  <c:v>#N/A</c:v>
                </c:pt>
                <c:pt idx="9">
                  <c:v>0.57999999999999996</c:v>
                </c:pt>
              </c:numCache>
            </c:numRef>
          </c:val>
          <c:extLst>
            <c:ext xmlns:c16="http://schemas.microsoft.com/office/drawing/2014/chart" uri="{C3380CC4-5D6E-409C-BE32-E72D297353CC}">
              <c16:uniqueId val="{00000004-9730-4A11-B40F-31CE3FFAC516}"/>
            </c:ext>
          </c:extLst>
        </c:ser>
        <c:ser>
          <c:idx val="5"/>
          <c:order val="5"/>
          <c:tx>
            <c:strRef>
              <c:f>データシート!$A$32</c:f>
              <c:strCache>
                <c:ptCount val="1"/>
                <c:pt idx="0">
                  <c:v>一般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77</c:v>
                </c:pt>
                <c:pt idx="2">
                  <c:v>#N/A</c:v>
                </c:pt>
                <c:pt idx="3">
                  <c:v>0.21</c:v>
                </c:pt>
                <c:pt idx="4">
                  <c:v>#N/A</c:v>
                </c:pt>
                <c:pt idx="5">
                  <c:v>0.44</c:v>
                </c:pt>
                <c:pt idx="6">
                  <c:v>#N/A</c:v>
                </c:pt>
                <c:pt idx="7">
                  <c:v>0.56000000000000005</c:v>
                </c:pt>
                <c:pt idx="8">
                  <c:v>#N/A</c:v>
                </c:pt>
                <c:pt idx="9">
                  <c:v>1.1200000000000001</c:v>
                </c:pt>
              </c:numCache>
            </c:numRef>
          </c:val>
          <c:extLst>
            <c:ext xmlns:c16="http://schemas.microsoft.com/office/drawing/2014/chart" uri="{C3380CC4-5D6E-409C-BE32-E72D297353CC}">
              <c16:uniqueId val="{00000005-9730-4A11-B40F-31CE3FFAC516}"/>
            </c:ext>
          </c:extLst>
        </c:ser>
        <c:ser>
          <c:idx val="6"/>
          <c:order val="6"/>
          <c:tx>
            <c:strRef>
              <c:f>データシート!$A$33</c:f>
              <c:strCache>
                <c:ptCount val="1"/>
                <c:pt idx="0">
                  <c:v>介護保険事業費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28999999999999998</c:v>
                </c:pt>
                <c:pt idx="2">
                  <c:v>#N/A</c:v>
                </c:pt>
                <c:pt idx="3">
                  <c:v>0.59</c:v>
                </c:pt>
                <c:pt idx="4">
                  <c:v>#N/A</c:v>
                </c:pt>
                <c:pt idx="5">
                  <c:v>0.44</c:v>
                </c:pt>
                <c:pt idx="6">
                  <c:v>#N/A</c:v>
                </c:pt>
                <c:pt idx="7">
                  <c:v>1.21</c:v>
                </c:pt>
                <c:pt idx="8">
                  <c:v>#N/A</c:v>
                </c:pt>
                <c:pt idx="9">
                  <c:v>1.1599999999999999</c:v>
                </c:pt>
              </c:numCache>
            </c:numRef>
          </c:val>
          <c:extLst>
            <c:ext xmlns:c16="http://schemas.microsoft.com/office/drawing/2014/chart" uri="{C3380CC4-5D6E-409C-BE32-E72D297353CC}">
              <c16:uniqueId val="{00000006-9730-4A11-B40F-31CE3FFAC516}"/>
            </c:ext>
          </c:extLst>
        </c:ser>
        <c:ser>
          <c:idx val="7"/>
          <c:order val="7"/>
          <c:tx>
            <c:strRef>
              <c:f>データシート!$A$34</c:f>
              <c:strCache>
                <c:ptCount val="1"/>
                <c:pt idx="0">
                  <c:v>国民健康保険事業費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1.4</c:v>
                </c:pt>
                <c:pt idx="2">
                  <c:v>#N/A</c:v>
                </c:pt>
                <c:pt idx="3">
                  <c:v>0.45</c:v>
                </c:pt>
                <c:pt idx="4">
                  <c:v>#N/A</c:v>
                </c:pt>
                <c:pt idx="5">
                  <c:v>0.34</c:v>
                </c:pt>
                <c:pt idx="6">
                  <c:v>#N/A</c:v>
                </c:pt>
                <c:pt idx="7">
                  <c:v>0.86</c:v>
                </c:pt>
                <c:pt idx="8">
                  <c:v>#N/A</c:v>
                </c:pt>
                <c:pt idx="9">
                  <c:v>1.38</c:v>
                </c:pt>
              </c:numCache>
            </c:numRef>
          </c:val>
          <c:extLst>
            <c:ext xmlns:c16="http://schemas.microsoft.com/office/drawing/2014/chart" uri="{C3380CC4-5D6E-409C-BE32-E72D297353CC}">
              <c16:uniqueId val="{00000007-9730-4A11-B40F-31CE3FFAC516}"/>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2.46</c:v>
                </c:pt>
                <c:pt idx="2">
                  <c:v>#N/A</c:v>
                </c:pt>
                <c:pt idx="3">
                  <c:v>2.34</c:v>
                </c:pt>
                <c:pt idx="4">
                  <c:v>#N/A</c:v>
                </c:pt>
                <c:pt idx="5">
                  <c:v>2.34</c:v>
                </c:pt>
                <c:pt idx="6">
                  <c:v>#N/A</c:v>
                </c:pt>
                <c:pt idx="7">
                  <c:v>2.15</c:v>
                </c:pt>
                <c:pt idx="8">
                  <c:v>#N/A</c:v>
                </c:pt>
                <c:pt idx="9">
                  <c:v>2.4500000000000002</c:v>
                </c:pt>
              </c:numCache>
            </c:numRef>
          </c:val>
          <c:extLst>
            <c:ext xmlns:c16="http://schemas.microsoft.com/office/drawing/2014/chart" uri="{C3380CC4-5D6E-409C-BE32-E72D297353CC}">
              <c16:uniqueId val="{00000008-9730-4A11-B40F-31CE3FFAC516}"/>
            </c:ext>
          </c:extLst>
        </c:ser>
        <c:ser>
          <c:idx val="9"/>
          <c:order val="9"/>
          <c:tx>
            <c:strRef>
              <c:f>データシート!$A$36</c:f>
              <c:strCache>
                <c:ptCount val="1"/>
                <c:pt idx="0">
                  <c:v>下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3.78</c:v>
                </c:pt>
                <c:pt idx="2">
                  <c:v>#N/A</c:v>
                </c:pt>
                <c:pt idx="3">
                  <c:v>4.3099999999999996</c:v>
                </c:pt>
                <c:pt idx="4">
                  <c:v>#N/A</c:v>
                </c:pt>
                <c:pt idx="5">
                  <c:v>4.46</c:v>
                </c:pt>
                <c:pt idx="6">
                  <c:v>#N/A</c:v>
                </c:pt>
                <c:pt idx="7">
                  <c:v>4.5</c:v>
                </c:pt>
                <c:pt idx="8">
                  <c:v>#N/A</c:v>
                </c:pt>
                <c:pt idx="9">
                  <c:v>4.82</c:v>
                </c:pt>
              </c:numCache>
            </c:numRef>
          </c:val>
          <c:extLst>
            <c:ext xmlns:c16="http://schemas.microsoft.com/office/drawing/2014/chart" uri="{C3380CC4-5D6E-409C-BE32-E72D297353CC}">
              <c16:uniqueId val="{00000009-9730-4A11-B40F-31CE3FFAC516}"/>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79831</c:v>
                </c:pt>
                <c:pt idx="5">
                  <c:v>183591</c:v>
                </c:pt>
                <c:pt idx="8">
                  <c:v>175855</c:v>
                </c:pt>
                <c:pt idx="11">
                  <c:v>166684</c:v>
                </c:pt>
                <c:pt idx="14">
                  <c:v>156175</c:v>
                </c:pt>
              </c:numCache>
            </c:numRef>
          </c:val>
          <c:extLst>
            <c:ext xmlns:c16="http://schemas.microsoft.com/office/drawing/2014/chart" uri="{C3380CC4-5D6E-409C-BE32-E72D297353CC}">
              <c16:uniqueId val="{00000000-085C-414B-81BF-595D9563D4C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3</c:v>
                </c:pt>
                <c:pt idx="12">
                  <c:v>0</c:v>
                </c:pt>
              </c:numCache>
            </c:numRef>
          </c:val>
          <c:extLst>
            <c:ext xmlns:c16="http://schemas.microsoft.com/office/drawing/2014/chart" uri="{C3380CC4-5D6E-409C-BE32-E72D297353CC}">
              <c16:uniqueId val="{00000001-085C-414B-81BF-595D9563D4C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1654</c:v>
                </c:pt>
                <c:pt idx="3">
                  <c:v>1655</c:v>
                </c:pt>
                <c:pt idx="6">
                  <c:v>2556</c:v>
                </c:pt>
                <c:pt idx="9">
                  <c:v>3804</c:v>
                </c:pt>
                <c:pt idx="12">
                  <c:v>3327</c:v>
                </c:pt>
              </c:numCache>
            </c:numRef>
          </c:val>
          <c:extLst>
            <c:ext xmlns:c16="http://schemas.microsoft.com/office/drawing/2014/chart" uri="{C3380CC4-5D6E-409C-BE32-E72D297353CC}">
              <c16:uniqueId val="{00000002-085C-414B-81BF-595D9563D4C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85C-414B-81BF-595D9563D4C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56443</c:v>
                </c:pt>
                <c:pt idx="3">
                  <c:v>53308</c:v>
                </c:pt>
                <c:pt idx="6">
                  <c:v>48636</c:v>
                </c:pt>
                <c:pt idx="9">
                  <c:v>43151</c:v>
                </c:pt>
                <c:pt idx="12">
                  <c:v>43269</c:v>
                </c:pt>
              </c:numCache>
            </c:numRef>
          </c:val>
          <c:extLst>
            <c:ext xmlns:c16="http://schemas.microsoft.com/office/drawing/2014/chart" uri="{C3380CC4-5D6E-409C-BE32-E72D297353CC}">
              <c16:uniqueId val="{00000004-085C-414B-81BF-595D9563D4C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69842</c:v>
                </c:pt>
                <c:pt idx="3">
                  <c:v>66507</c:v>
                </c:pt>
                <c:pt idx="6">
                  <c:v>61378</c:v>
                </c:pt>
                <c:pt idx="9">
                  <c:v>60203</c:v>
                </c:pt>
                <c:pt idx="12">
                  <c:v>61101</c:v>
                </c:pt>
              </c:numCache>
            </c:numRef>
          </c:val>
          <c:extLst>
            <c:ext xmlns:c16="http://schemas.microsoft.com/office/drawing/2014/chart" uri="{C3380CC4-5D6E-409C-BE32-E72D297353CC}">
              <c16:uniqueId val="{00000005-085C-414B-81BF-595D9563D4C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29184</c:v>
                </c:pt>
                <c:pt idx="3">
                  <c:v>38039</c:v>
                </c:pt>
                <c:pt idx="6">
                  <c:v>37686</c:v>
                </c:pt>
                <c:pt idx="9">
                  <c:v>29478</c:v>
                </c:pt>
                <c:pt idx="12">
                  <c:v>23891</c:v>
                </c:pt>
              </c:numCache>
            </c:numRef>
          </c:val>
          <c:extLst>
            <c:ext xmlns:c16="http://schemas.microsoft.com/office/drawing/2014/chart" uri="{C3380CC4-5D6E-409C-BE32-E72D297353CC}">
              <c16:uniqueId val="{00000006-085C-414B-81BF-595D9563D4C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102444</c:v>
                </c:pt>
                <c:pt idx="3">
                  <c:v>105495</c:v>
                </c:pt>
                <c:pt idx="6">
                  <c:v>119475</c:v>
                </c:pt>
                <c:pt idx="9">
                  <c:v>122220</c:v>
                </c:pt>
                <c:pt idx="12">
                  <c:v>114468</c:v>
                </c:pt>
              </c:numCache>
            </c:numRef>
          </c:val>
          <c:extLst>
            <c:ext xmlns:c16="http://schemas.microsoft.com/office/drawing/2014/chart" uri="{C3380CC4-5D6E-409C-BE32-E72D297353CC}">
              <c16:uniqueId val="{00000007-085C-414B-81BF-595D9563D4C9}"/>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79736</c:v>
                </c:pt>
                <c:pt idx="2">
                  <c:v>#N/A</c:v>
                </c:pt>
                <c:pt idx="3">
                  <c:v>#N/A</c:v>
                </c:pt>
                <c:pt idx="4">
                  <c:v>81413</c:v>
                </c:pt>
                <c:pt idx="5">
                  <c:v>#N/A</c:v>
                </c:pt>
                <c:pt idx="6">
                  <c:v>#N/A</c:v>
                </c:pt>
                <c:pt idx="7">
                  <c:v>93876</c:v>
                </c:pt>
                <c:pt idx="8">
                  <c:v>#N/A</c:v>
                </c:pt>
                <c:pt idx="9">
                  <c:v>#N/A</c:v>
                </c:pt>
                <c:pt idx="10">
                  <c:v>92175</c:v>
                </c:pt>
                <c:pt idx="11">
                  <c:v>#N/A</c:v>
                </c:pt>
                <c:pt idx="12">
                  <c:v>#N/A</c:v>
                </c:pt>
                <c:pt idx="13">
                  <c:v>89881</c:v>
                </c:pt>
                <c:pt idx="14">
                  <c:v>#N/A</c:v>
                </c:pt>
              </c:numCache>
            </c:numRef>
          </c:val>
          <c:smooth val="0"/>
          <c:extLst>
            <c:ext xmlns:c16="http://schemas.microsoft.com/office/drawing/2014/chart" uri="{C3380CC4-5D6E-409C-BE32-E72D297353CC}">
              <c16:uniqueId val="{00000008-085C-414B-81BF-595D9563D4C9}"/>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392552</c:v>
                </c:pt>
                <c:pt idx="5">
                  <c:v>1377858</c:v>
                </c:pt>
                <c:pt idx="8">
                  <c:v>1367852</c:v>
                </c:pt>
                <c:pt idx="11">
                  <c:v>1348979</c:v>
                </c:pt>
                <c:pt idx="14">
                  <c:v>1344210</c:v>
                </c:pt>
              </c:numCache>
            </c:numRef>
          </c:val>
          <c:extLst>
            <c:ext xmlns:c16="http://schemas.microsoft.com/office/drawing/2014/chart" uri="{C3380CC4-5D6E-409C-BE32-E72D297353CC}">
              <c16:uniqueId val="{00000000-DC27-4B8F-ACF6-32944DBBBD3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715000</c:v>
                </c:pt>
                <c:pt idx="5">
                  <c:v>746716</c:v>
                </c:pt>
                <c:pt idx="8">
                  <c:v>777314</c:v>
                </c:pt>
                <c:pt idx="11">
                  <c:v>777426</c:v>
                </c:pt>
                <c:pt idx="14">
                  <c:v>691902</c:v>
                </c:pt>
              </c:numCache>
            </c:numRef>
          </c:val>
          <c:extLst>
            <c:ext xmlns:c16="http://schemas.microsoft.com/office/drawing/2014/chart" uri="{C3380CC4-5D6E-409C-BE32-E72D297353CC}">
              <c16:uniqueId val="{00000001-DC27-4B8F-ACF6-32944DBBBD3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55643</c:v>
                </c:pt>
                <c:pt idx="5">
                  <c:v>182347</c:v>
                </c:pt>
                <c:pt idx="8">
                  <c:v>181000</c:v>
                </c:pt>
                <c:pt idx="11">
                  <c:v>183880</c:v>
                </c:pt>
                <c:pt idx="14">
                  <c:v>251655</c:v>
                </c:pt>
              </c:numCache>
            </c:numRef>
          </c:val>
          <c:extLst>
            <c:ext xmlns:c16="http://schemas.microsoft.com/office/drawing/2014/chart" uri="{C3380CC4-5D6E-409C-BE32-E72D297353CC}">
              <c16:uniqueId val="{00000002-DC27-4B8F-ACF6-32944DBBBD3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DC27-4B8F-ACF6-32944DBBBD3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DC27-4B8F-ACF6-32944DBBBD3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57500</c:v>
                </c:pt>
                <c:pt idx="3">
                  <c:v>50501</c:v>
                </c:pt>
                <c:pt idx="6">
                  <c:v>38574</c:v>
                </c:pt>
                <c:pt idx="9">
                  <c:v>39544</c:v>
                </c:pt>
                <c:pt idx="12">
                  <c:v>10655</c:v>
                </c:pt>
              </c:numCache>
            </c:numRef>
          </c:val>
          <c:extLst>
            <c:ext xmlns:c16="http://schemas.microsoft.com/office/drawing/2014/chart" uri="{C3380CC4-5D6E-409C-BE32-E72D297353CC}">
              <c16:uniqueId val="{00000005-DC27-4B8F-ACF6-32944DBBBD3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227722</c:v>
                </c:pt>
                <c:pt idx="3">
                  <c:v>207077</c:v>
                </c:pt>
                <c:pt idx="6">
                  <c:v>204782</c:v>
                </c:pt>
                <c:pt idx="9">
                  <c:v>205583</c:v>
                </c:pt>
                <c:pt idx="12">
                  <c:v>207868</c:v>
                </c:pt>
              </c:numCache>
            </c:numRef>
          </c:val>
          <c:extLst>
            <c:ext xmlns:c16="http://schemas.microsoft.com/office/drawing/2014/chart" uri="{C3380CC4-5D6E-409C-BE32-E72D297353CC}">
              <c16:uniqueId val="{00000006-DC27-4B8F-ACF6-32944DBBBD3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296</c:v>
                </c:pt>
                <c:pt idx="3">
                  <c:v>105</c:v>
                </c:pt>
                <c:pt idx="6">
                  <c:v>0</c:v>
                </c:pt>
                <c:pt idx="9">
                  <c:v>0</c:v>
                </c:pt>
                <c:pt idx="12">
                  <c:v>0</c:v>
                </c:pt>
              </c:numCache>
            </c:numRef>
          </c:val>
          <c:extLst>
            <c:ext xmlns:c16="http://schemas.microsoft.com/office/drawing/2014/chart" uri="{C3380CC4-5D6E-409C-BE32-E72D297353CC}">
              <c16:uniqueId val="{00000007-DC27-4B8F-ACF6-32944DBBBD3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552351</c:v>
                </c:pt>
                <c:pt idx="3">
                  <c:v>520361</c:v>
                </c:pt>
                <c:pt idx="6">
                  <c:v>493202</c:v>
                </c:pt>
                <c:pt idx="9">
                  <c:v>467958</c:v>
                </c:pt>
                <c:pt idx="12">
                  <c:v>454545</c:v>
                </c:pt>
              </c:numCache>
            </c:numRef>
          </c:val>
          <c:extLst>
            <c:ext xmlns:c16="http://schemas.microsoft.com/office/drawing/2014/chart" uri="{C3380CC4-5D6E-409C-BE32-E72D297353CC}">
              <c16:uniqueId val="{00000008-DC27-4B8F-ACF6-32944DBBBD3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27605</c:v>
                </c:pt>
                <c:pt idx="3">
                  <c:v>41831</c:v>
                </c:pt>
                <c:pt idx="6">
                  <c:v>95988</c:v>
                </c:pt>
                <c:pt idx="9">
                  <c:v>91230</c:v>
                </c:pt>
                <c:pt idx="12">
                  <c:v>76748</c:v>
                </c:pt>
              </c:numCache>
            </c:numRef>
          </c:val>
          <c:extLst>
            <c:ext xmlns:c16="http://schemas.microsoft.com/office/drawing/2014/chart" uri="{C3380CC4-5D6E-409C-BE32-E72D297353CC}">
              <c16:uniqueId val="{00000009-DC27-4B8F-ACF6-32944DBBBD3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2599222</c:v>
                </c:pt>
                <c:pt idx="3">
                  <c:v>2639495</c:v>
                </c:pt>
                <c:pt idx="6">
                  <c:v>2671095</c:v>
                </c:pt>
                <c:pt idx="9">
                  <c:v>2678080</c:v>
                </c:pt>
                <c:pt idx="12">
                  <c:v>2701273</c:v>
                </c:pt>
              </c:numCache>
            </c:numRef>
          </c:val>
          <c:extLst>
            <c:ext xmlns:c16="http://schemas.microsoft.com/office/drawing/2014/chart" uri="{C3380CC4-5D6E-409C-BE32-E72D297353CC}">
              <c16:uniqueId val="{0000000A-DC27-4B8F-ACF6-32944DBBBD35}"/>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1201501</c:v>
                </c:pt>
                <c:pt idx="2">
                  <c:v>#N/A</c:v>
                </c:pt>
                <c:pt idx="3">
                  <c:v>#N/A</c:v>
                </c:pt>
                <c:pt idx="4">
                  <c:v>1152448</c:v>
                </c:pt>
                <c:pt idx="5">
                  <c:v>#N/A</c:v>
                </c:pt>
                <c:pt idx="6">
                  <c:v>#N/A</c:v>
                </c:pt>
                <c:pt idx="7">
                  <c:v>1177474</c:v>
                </c:pt>
                <c:pt idx="8">
                  <c:v>#N/A</c:v>
                </c:pt>
                <c:pt idx="9">
                  <c:v>#N/A</c:v>
                </c:pt>
                <c:pt idx="10">
                  <c:v>1172110</c:v>
                </c:pt>
                <c:pt idx="11">
                  <c:v>#N/A</c:v>
                </c:pt>
                <c:pt idx="12">
                  <c:v>#N/A</c:v>
                </c:pt>
                <c:pt idx="13">
                  <c:v>1163322</c:v>
                </c:pt>
                <c:pt idx="14">
                  <c:v>#N/A</c:v>
                </c:pt>
              </c:numCache>
            </c:numRef>
          </c:val>
          <c:smooth val="0"/>
          <c:extLst>
            <c:ext xmlns:c16="http://schemas.microsoft.com/office/drawing/2014/chart" uri="{C3380CC4-5D6E-409C-BE32-E72D297353CC}">
              <c16:uniqueId val="{0000000B-DC27-4B8F-ACF6-32944DBBBD35}"/>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7965</c:v>
                </c:pt>
                <c:pt idx="1">
                  <c:v>11352</c:v>
                </c:pt>
                <c:pt idx="2">
                  <c:v>31319</c:v>
                </c:pt>
              </c:numCache>
            </c:numRef>
          </c:val>
          <c:extLst>
            <c:ext xmlns:c16="http://schemas.microsoft.com/office/drawing/2014/chart" uri="{C3380CC4-5D6E-409C-BE32-E72D297353CC}">
              <c16:uniqueId val="{00000000-A4A7-476F-AA76-64076B31FFE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A4A7-476F-AA76-64076B31FFE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16740</c:v>
                </c:pt>
                <c:pt idx="1">
                  <c:v>17419</c:v>
                </c:pt>
                <c:pt idx="2">
                  <c:v>18338</c:v>
                </c:pt>
              </c:numCache>
            </c:numRef>
          </c:val>
          <c:extLst>
            <c:ext xmlns:c16="http://schemas.microsoft.com/office/drawing/2014/chart" uri="{C3380CC4-5D6E-409C-BE32-E72D297353CC}">
              <c16:uniqueId val="{00000002-A4A7-476F-AA76-64076B31FFE6}"/>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2.5576095379908417E-2"/>
                  <c:y val="-6.4739042105865174E-2"/>
                </c:manualLayout>
              </c:layout>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04996AC-0805-4D7D-8925-D2C53BB067DF}</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0AB6-475E-8D8C-439337AD354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87F01A-1207-49B6-8489-2D0155C9DB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AB6-475E-8D8C-439337AD354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69B1728-111F-4440-B54C-F767CCE118F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AB6-475E-8D8C-439337AD354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DE0A667-0849-4209-8556-DF4D95FE97A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AB6-475E-8D8C-439337AD354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0412026-43AC-4A38-8B86-6724BD64021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AB6-475E-8D8C-439337AD3546}"/>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C088C6-5BFB-4224-9FE6-5EF9C7537708}</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0AB6-475E-8D8C-439337AD3546}"/>
                </c:ext>
              </c:extLst>
            </c:dLbl>
            <c:dLbl>
              <c:idx val="16"/>
              <c:layout>
                <c:manualLayout>
                  <c:x val="-3.8584855739898317E-2"/>
                  <c:y val="-5.5744775176185694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D2E75D8-EB01-40A1-BE56-54584DDA3FAF}</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0AB6-475E-8D8C-439337AD3546}"/>
                </c:ext>
              </c:extLst>
            </c:dLbl>
            <c:dLbl>
              <c:idx val="24"/>
              <c:layout>
                <c:manualLayout>
                  <c:x val="-3.2015750650234161E-2"/>
                  <c:y val="-7.3733309035544828E-2"/>
                </c:manualLayout>
              </c:layout>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039C185-0307-4EBF-A1A8-8DFFDA3C55C2}</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0AB6-475E-8D8C-439337AD3546}"/>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6951218-7607-4491-81F2-C738061C5527}</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0AB6-475E-8D8C-439337AD354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5.2</c:v>
                </c:pt>
                <c:pt idx="8">
                  <c:v>56.4</c:v>
                </c:pt>
                <c:pt idx="16">
                  <c:v>55.4</c:v>
                </c:pt>
                <c:pt idx="24">
                  <c:v>55.3</c:v>
                </c:pt>
                <c:pt idx="32">
                  <c:v>57.1</c:v>
                </c:pt>
              </c:numCache>
            </c:numRef>
          </c:xVal>
          <c:yVal>
            <c:numRef>
              <c:f>公会計指標分析・財政指標組合せ分析表!$BP$51:$DC$51</c:f>
              <c:numCache>
                <c:formatCode>#,##0.0;"▲ "#,##0.0</c:formatCode>
                <c:ptCount val="40"/>
                <c:pt idx="0">
                  <c:v>145.6</c:v>
                </c:pt>
                <c:pt idx="8">
                  <c:v>138.5</c:v>
                </c:pt>
                <c:pt idx="16">
                  <c:v>140.4</c:v>
                </c:pt>
                <c:pt idx="24">
                  <c:v>137.4</c:v>
                </c:pt>
                <c:pt idx="32">
                  <c:v>129.9</c:v>
                </c:pt>
              </c:numCache>
            </c:numRef>
          </c:yVal>
          <c:smooth val="0"/>
          <c:extLst>
            <c:ext xmlns:c16="http://schemas.microsoft.com/office/drawing/2014/chart" uri="{C3380CC4-5D6E-409C-BE32-E72D297353CC}">
              <c16:uniqueId val="{00000009-0AB6-475E-8D8C-439337AD3546}"/>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FFA4F25-5B12-45A5-B90F-49BD2FFB2729}</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0AB6-475E-8D8C-439337AD3546}"/>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8FC389A-C1F6-45F9-ACDE-5F91C14CED6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AB6-475E-8D8C-439337AD354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B23774E-A145-4353-A395-3C97A25C49F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AB6-475E-8D8C-439337AD354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6F5A843-B559-4A91-BB0C-467AF9362F5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AB6-475E-8D8C-439337AD354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CCF5F50-5A90-4BC5-96B9-0001EF41F07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AB6-475E-8D8C-439337AD3546}"/>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BAE7FF7-0015-4C75-A6E2-591D2DE4D1DE}</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0AB6-475E-8D8C-439337AD3546}"/>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F03ECC5-EDEA-494E-9714-7F9F208D709F}</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0AB6-475E-8D8C-439337AD3546}"/>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672E52E-BC9C-4AB2-9BA5-1F5E229AFBB1}</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0AB6-475E-8D8C-439337AD3546}"/>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C3D33D-05A5-4520-8CB2-A4D9C11BB92B}</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0AB6-475E-8D8C-439337AD354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2</c:v>
                </c:pt>
                <c:pt idx="8">
                  <c:v>62.9</c:v>
                </c:pt>
                <c:pt idx="16">
                  <c:v>63.4</c:v>
                </c:pt>
                <c:pt idx="24">
                  <c:v>64.3</c:v>
                </c:pt>
                <c:pt idx="32">
                  <c:v>65.2</c:v>
                </c:pt>
              </c:numCache>
            </c:numRef>
          </c:xVal>
          <c:yVal>
            <c:numRef>
              <c:f>公会計指標分析・財政指標組合せ分析表!$BP$55:$DC$55</c:f>
              <c:numCache>
                <c:formatCode>#,##0.0;"▲ "#,##0.0</c:formatCode>
                <c:ptCount val="40"/>
                <c:pt idx="0">
                  <c:v>106</c:v>
                </c:pt>
                <c:pt idx="8">
                  <c:v>97.6</c:v>
                </c:pt>
                <c:pt idx="16">
                  <c:v>91.9</c:v>
                </c:pt>
                <c:pt idx="24">
                  <c:v>86</c:v>
                </c:pt>
                <c:pt idx="32">
                  <c:v>72.8</c:v>
                </c:pt>
              </c:numCache>
            </c:numRef>
          </c:yVal>
          <c:smooth val="0"/>
          <c:extLst>
            <c:ext xmlns:c16="http://schemas.microsoft.com/office/drawing/2014/chart" uri="{C3380CC4-5D6E-409C-BE32-E72D297353CC}">
              <c16:uniqueId val="{00000013-0AB6-475E-8D8C-439337AD3546}"/>
            </c:ext>
          </c:extLst>
        </c:ser>
        <c:dLbls>
          <c:showLegendKey val="0"/>
          <c:showVal val="1"/>
          <c:showCatName val="0"/>
          <c:showSerName val="0"/>
          <c:showPercent val="0"/>
          <c:showBubbleSize val="0"/>
        </c:dLbls>
        <c:axId val="46179840"/>
        <c:axId val="46181760"/>
      </c:scatterChart>
      <c:valAx>
        <c:axId val="46179840"/>
        <c:scaling>
          <c:orientation val="maxMin"/>
          <c:max val="66"/>
          <c:min val="54"/>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60"/>
          <c:min val="5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9D7BAC2-F273-4F04-81FC-5BDE5AEB22DB}</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4042-4EF0-8077-3DCD45810D3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AC4DEA9-12DE-4D13-A9BA-0EBECD5C984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042-4EF0-8077-3DCD45810D3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67A7B25-9786-4DA4-B967-8B6ABF3B7EB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042-4EF0-8077-3DCD45810D3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FCDB60D-79ED-4721-BA8A-71CAE885701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042-4EF0-8077-3DCD45810D3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F68DB1F-4B54-4121-B024-6695FECAC2D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042-4EF0-8077-3DCD45810D30}"/>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0C14F92-9AF6-4879-8CD2-9BAFD666B076}</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4042-4EF0-8077-3DCD45810D30}"/>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D231B11-B476-4799-AFAC-4022F02BA153}</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4042-4EF0-8077-3DCD45810D30}"/>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84CF642-A353-453F-94B8-4D14F53DA163}</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4042-4EF0-8077-3DCD45810D30}"/>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4B2A0C9-46A1-445C-90B5-F137A9322F18}</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4042-4EF0-8077-3DCD45810D3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3.3</c:v>
                </c:pt>
                <c:pt idx="8">
                  <c:v>11.2</c:v>
                </c:pt>
                <c:pt idx="16">
                  <c:v>10.199999999999999</c:v>
                </c:pt>
                <c:pt idx="24">
                  <c:v>10.5</c:v>
                </c:pt>
                <c:pt idx="32">
                  <c:v>10.6</c:v>
                </c:pt>
              </c:numCache>
            </c:numRef>
          </c:xVal>
          <c:yVal>
            <c:numRef>
              <c:f>公会計指標分析・財政指標組合せ分析表!$BP$73:$DC$73</c:f>
              <c:numCache>
                <c:formatCode>#,##0.0;"▲ "#,##0.0</c:formatCode>
                <c:ptCount val="40"/>
                <c:pt idx="0">
                  <c:v>145.6</c:v>
                </c:pt>
                <c:pt idx="8">
                  <c:v>138.5</c:v>
                </c:pt>
                <c:pt idx="16">
                  <c:v>140.4</c:v>
                </c:pt>
                <c:pt idx="24">
                  <c:v>137.4</c:v>
                </c:pt>
                <c:pt idx="32">
                  <c:v>129.9</c:v>
                </c:pt>
              </c:numCache>
            </c:numRef>
          </c:yVal>
          <c:smooth val="0"/>
          <c:extLst>
            <c:ext xmlns:c16="http://schemas.microsoft.com/office/drawing/2014/chart" uri="{C3380CC4-5D6E-409C-BE32-E72D297353CC}">
              <c16:uniqueId val="{00000009-4042-4EF0-8077-3DCD45810D3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DC066BA-8AF2-4E1F-A8B5-4A36A0A99A0D}</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4042-4EF0-8077-3DCD45810D3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1FAB687C-7AFE-424D-BF77-C50FD310F44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042-4EF0-8077-3DCD45810D3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C3171B1-7908-430E-9127-32945A68EC7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042-4EF0-8077-3DCD45810D3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9D1E795-5770-43E2-9B18-48C8D88EE79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042-4EF0-8077-3DCD45810D3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8DE088B-19BA-4A9B-BCE0-4445BF6AEEF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042-4EF0-8077-3DCD45810D30}"/>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97F2C4B-55F9-424D-8938-1D12F5D054E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4042-4EF0-8077-3DCD45810D30}"/>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64F07F2-B2C1-4165-B689-5BE93A3920F5}</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4042-4EF0-8077-3DCD45810D30}"/>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BDCD409-D2F3-4548-9A25-E79B1D68A026}</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4042-4EF0-8077-3DCD45810D30}"/>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423A69-B47A-443D-995F-6253FBA135BE}</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4042-4EF0-8077-3DCD45810D3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c:v>
                </c:pt>
                <c:pt idx="8">
                  <c:v>8</c:v>
                </c:pt>
                <c:pt idx="16">
                  <c:v>7.3</c:v>
                </c:pt>
                <c:pt idx="24">
                  <c:v>7.3</c:v>
                </c:pt>
                <c:pt idx="32">
                  <c:v>7.1</c:v>
                </c:pt>
              </c:numCache>
            </c:numRef>
          </c:xVal>
          <c:yVal>
            <c:numRef>
              <c:f>公会計指標分析・財政指標組合せ分析表!$BP$77:$DC$77</c:f>
              <c:numCache>
                <c:formatCode>#,##0.0;"▲ "#,##0.0</c:formatCode>
                <c:ptCount val="40"/>
                <c:pt idx="0">
                  <c:v>106</c:v>
                </c:pt>
                <c:pt idx="8">
                  <c:v>97.6</c:v>
                </c:pt>
                <c:pt idx="16">
                  <c:v>91.9</c:v>
                </c:pt>
                <c:pt idx="24">
                  <c:v>86</c:v>
                </c:pt>
                <c:pt idx="32">
                  <c:v>72.8</c:v>
                </c:pt>
              </c:numCache>
            </c:numRef>
          </c:yVal>
          <c:smooth val="0"/>
          <c:extLst>
            <c:ext xmlns:c16="http://schemas.microsoft.com/office/drawing/2014/chart" uri="{C3380CC4-5D6E-409C-BE32-E72D297353CC}">
              <c16:uniqueId val="{00000013-4042-4EF0-8077-3DCD45810D30}"/>
            </c:ext>
          </c:extLst>
        </c:ser>
        <c:dLbls>
          <c:showLegendKey val="0"/>
          <c:showVal val="1"/>
          <c:showCatName val="0"/>
          <c:showSerName val="0"/>
          <c:showPercent val="0"/>
          <c:showBubbleSize val="0"/>
        </c:dLbls>
        <c:axId val="84219776"/>
        <c:axId val="84234240"/>
      </c:scatterChart>
      <c:valAx>
        <c:axId val="84219776"/>
        <c:scaling>
          <c:orientation val="maxMin"/>
          <c:max val="14"/>
          <c:min val="6"/>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60"/>
          <c:min val="5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令和３年度は前年度に比べて、満期一括償還地方債に係る年度割相当額や公営企業債の元利償還金に対する繰入金等は増加したものの、元利償還金や減債基金積立不足算定額及び債務負担行為に基づく支出額は減少となった結果、元利償還金等（</a:t>
          </a:r>
          <a:r>
            <a:rPr kumimoji="1" lang="en-US" altLang="ja-JP" sz="1200">
              <a:latin typeface="ＭＳ ゴシック" pitchFamily="49" charset="-128"/>
              <a:ea typeface="ＭＳ ゴシック" pitchFamily="49" charset="-128"/>
            </a:rPr>
            <a:t>A</a:t>
          </a:r>
          <a:r>
            <a:rPr kumimoji="1" lang="ja-JP" altLang="en-US" sz="1200">
              <a:latin typeface="ＭＳ ゴシック" pitchFamily="49" charset="-128"/>
              <a:ea typeface="ＭＳ ゴシック" pitchFamily="49" charset="-128"/>
            </a:rPr>
            <a:t>）は減少となりました。</a:t>
          </a:r>
        </a:p>
        <a:p>
          <a:r>
            <a:rPr kumimoji="1" lang="ja-JP" altLang="en-US" sz="1200">
              <a:latin typeface="ＭＳ ゴシック" pitchFamily="49" charset="-128"/>
              <a:ea typeface="ＭＳ ゴシック" pitchFamily="49" charset="-128"/>
            </a:rPr>
            <a:t>　一方、特定財源の減等に伴い算入公債費等（</a:t>
          </a:r>
          <a:r>
            <a:rPr kumimoji="1" lang="en-US" altLang="ja-JP" sz="1200">
              <a:latin typeface="ＭＳ ゴシック" pitchFamily="49" charset="-128"/>
              <a:ea typeface="ＭＳ ゴシック" pitchFamily="49" charset="-128"/>
            </a:rPr>
            <a:t>B</a:t>
          </a:r>
          <a:r>
            <a:rPr kumimoji="1" lang="ja-JP" altLang="en-US" sz="1200">
              <a:latin typeface="ＭＳ ゴシック" pitchFamily="49" charset="-128"/>
              <a:ea typeface="ＭＳ ゴシック" pitchFamily="49" charset="-128"/>
            </a:rPr>
            <a:t>）についても減少となったため、実質公債費比率の分子</a:t>
          </a:r>
          <a:r>
            <a:rPr kumimoji="1" lang="en-US" altLang="ja-JP" sz="1200">
              <a:latin typeface="ＭＳ ゴシック" pitchFamily="49" charset="-128"/>
              <a:ea typeface="ＭＳ ゴシック" pitchFamily="49" charset="-128"/>
            </a:rPr>
            <a:t>(A)</a:t>
          </a:r>
          <a:r>
            <a:rPr kumimoji="1" lang="ja-JP" altLang="en-US" sz="1200">
              <a:latin typeface="ＭＳ ゴシック" pitchFamily="49" charset="-128"/>
              <a:ea typeface="ＭＳ ゴシック" pitchFamily="49" charset="-128"/>
            </a:rPr>
            <a:t>－</a:t>
          </a:r>
          <a:r>
            <a:rPr kumimoji="1" lang="en-US" altLang="ja-JP" sz="1200">
              <a:latin typeface="ＭＳ ゴシック" pitchFamily="49" charset="-128"/>
              <a:ea typeface="ＭＳ ゴシック" pitchFamily="49" charset="-128"/>
            </a:rPr>
            <a:t>(B) </a:t>
          </a:r>
          <a:r>
            <a:rPr kumimoji="1" lang="ja-JP" altLang="en-US" sz="1200">
              <a:latin typeface="ＭＳ ゴシック" pitchFamily="49" charset="-128"/>
              <a:ea typeface="ＭＳ ゴシック" pitchFamily="49" charset="-128"/>
            </a:rPr>
            <a:t>としてはほぼ横ばいで推移しています。</a:t>
          </a:r>
          <a:endParaRPr kumimoji="1" lang="en-US" altLang="ja-JP" sz="1200">
            <a:solidFill>
              <a:srgbClr val="FF0000"/>
            </a:solidFill>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実質公債比率は、令和４年６月に策定した「横浜市の持続的な発展に向けた財政ビジョン」において、本市の財政の持続性を総合的に評価する「持続性評価指標」として設定しており、計画期間ごとにモニタリングを行い、持続可能な財政運営を進めていきます。</a:t>
          </a:r>
        </a:p>
        <a:p>
          <a:endParaRPr kumimoji="1" lang="ja-JP" altLang="en-US" sz="12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経済事情の変動等による公債費の財源不足に伴い、減債基金の一部を活用してきたため、基金積立相当額に比べ残高が少ない状況となっていますが、毎年度の市債償還に支障のないよう基金残高を管理しています。</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平成初期に計画に基づき行った公共投資のために、多くの市債を発行しました。これにより、一般会計等に係る地方債の現在高および公営企業債等繰入見込額が高い割合を示しています。</a:t>
          </a:r>
        </a:p>
        <a:p>
          <a:r>
            <a:rPr kumimoji="1" lang="ja-JP" altLang="en-US" sz="1200">
              <a:latin typeface="ＭＳ ゴシック" pitchFamily="49" charset="-128"/>
              <a:ea typeface="ＭＳ ゴシック" pitchFamily="49" charset="-128"/>
            </a:rPr>
            <a:t>　これまで、企業会計・外郭団体の借入金等の返済を進めてきたことにより、比率は年々減少傾向にあります。特に、設立法人等の負債額等負担見込額は、本市が損失補償を付与する団体の債務の減少に伴い、年々減少しています。</a:t>
          </a:r>
        </a:p>
        <a:p>
          <a:r>
            <a:rPr kumimoji="1" lang="ja-JP" altLang="en-US" sz="1200">
              <a:latin typeface="ＭＳ ゴシック" pitchFamily="49" charset="-128"/>
              <a:ea typeface="ＭＳ ゴシック" pitchFamily="49" charset="-128"/>
            </a:rPr>
            <a:t>　令和３年度は、設立法人の負債額等負担見込額の減少等に伴い、分子である「将来負担額（</a:t>
          </a:r>
          <a:r>
            <a:rPr kumimoji="1" lang="en-US" altLang="ja-JP" sz="1200">
              <a:latin typeface="ＭＳ ゴシック" pitchFamily="49" charset="-128"/>
              <a:ea typeface="ＭＳ ゴシック" pitchFamily="49" charset="-128"/>
            </a:rPr>
            <a:t>A</a:t>
          </a:r>
          <a:r>
            <a:rPr kumimoji="1" lang="ja-JP" altLang="en-US" sz="1200">
              <a:latin typeface="ＭＳ ゴシック" pitchFamily="49" charset="-128"/>
              <a:ea typeface="ＭＳ ゴシック" pitchFamily="49" charset="-128"/>
            </a:rPr>
            <a:t>）」が減少したこと等により、将来負担比率が減少しました。</a:t>
          </a:r>
        </a:p>
        <a:p>
          <a:r>
            <a:rPr kumimoji="1" lang="ja-JP" altLang="en-US" sz="1200">
              <a:latin typeface="ＭＳ ゴシック" pitchFamily="49" charset="-128"/>
              <a:ea typeface="ＭＳ ゴシック" pitchFamily="49" charset="-128"/>
            </a:rPr>
            <a:t>　将来負担比率は、令和４年６月に策定した「横浜市の持続的な発展に向けた財政ビジョン」において、本市の財政の持続性を総合的に評価する「持続性評価指標」として設定しており、計画期間ごとにモニタリングを行い、持続可能な財政運営を進めていきます。</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横浜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４年度以降に活用予定の財源を一時的に積み立てたことや、財源の年度間調整額の増等により、財政調整基金の積立額が取崩額より大きかったことから、財政調整基金の残高が大きく増加し、結果として、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増加しま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本市は、「横浜市将来にわたる責任ある財政運営の推進に関する条例」に基づき、施策の推進と財政の健全性の維持の両立に取り組んでおり、施策の推進に必要な財源を確保する観点から、基金の積立・取崩を行う際にも、各基金の設置目的や残高の状況等、中・長期的な視点に基づき対応を行っています。財政調整基金残高は、令和４年６月に策定した「横浜市の持続的な発展に向けた財政ビジョン」において、本市の財政の持続性を総合的に評価する「持続性評価指標」として設定しており、他都市との比較や本市の過去の水準等の複数の視点から評価しながら、計画期間ごとにモニタリングを行うこととしています。引き続き、基金全体の適正管理を行い、持続可能な財政運営を進めていきます。</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文化基金　　　　　：横浜美術館に収蔵する作品の購入等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救助基金　　　：大規模災害時の救助費用の財源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墓地運営等基金　　：墓地の健全な運営及び整備の促進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施設整備基金　：学校施設整備等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給食費調整基金：学校給食における給食用物資の確保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森林環境譲与税の積立に伴う学校施設整備基金の増など</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上記のうち、墓地運営等基金は施設使用料等の歳入により残高が増加する見込みですが、</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８年度に工事完了予定の（仮称）舞岡墓園の使用者募集終了後は残高が減少する見込みで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学校施設整備基金のうち森林環境譲与税積立額については、その使途を市立小中学校建替の内装等のほか、公園などの市民利用施設にも拡大することで、後年度に活用し、国産木材の利用をさらに進めていきま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の設置目的や残高の状況等を勘案しながら、適正に管理していきます。</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４年度以降に活用予定の財源を一時的に積み立てたことや、財源の年度間調整額の増等により、財政調整基金の積立額が取崩額より大きかったことから、残高が大きく増加しました。 </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効率的・効果的な執行により翌年度予算に活用する財源として積み立てた額（年度間調整分等）を除いた場合の残高</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元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46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令和２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95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令和３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21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３年度については、年度間調整分の他に、令和４年度以降に活用予定の財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除いていま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残高は、令和４年６月に策定した「横浜市の持続的な発展に向けた財政ビジョン」において、本市の財政の持続性を総合的に評価する「持続性評価指標」として設定しています。他都市との比較や本市の過去の水準等の複数の視点から評価しながら、計画期間ごとにモニタリングを行い、持続可能な財政運営を進めていきます。</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な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将来の市債償還に支障のないよう、適正に管理していきます。</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E375BBF4-D01F-4B9C-AC51-BEDC38BF960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5285446F-C79A-47EC-B9F8-8F6C6743CD4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223B96DD-D220-41D8-A95E-75BBB1125E2C}"/>
            </a:ext>
          </a:extLst>
        </xdr:cNvPr>
        <xdr:cNvSpPr/>
      </xdr:nvSpPr>
      <xdr:spPr>
        <a:xfrm>
          <a:off x="352425" y="66675"/>
          <a:ext cx="114077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F0467863-3A5C-4A1F-AA29-11254F35A85E}"/>
            </a:ext>
          </a:extLst>
        </xdr:cNvPr>
        <xdr:cNvSpPr/>
      </xdr:nvSpPr>
      <xdr:spPr>
        <a:xfrm>
          <a:off x="15351125" y="161925"/>
          <a:ext cx="3552825" cy="158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A4D85DD3-05C5-4091-8E9E-E34CDA674342}"/>
            </a:ext>
          </a:extLst>
        </xdr:cNvPr>
        <xdr:cNvSpPr/>
      </xdr:nvSpPr>
      <xdr:spPr>
        <a:xfrm>
          <a:off x="15360650" y="161925"/>
          <a:ext cx="3524250" cy="1587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255E86C3-75C4-4224-9816-49D62755AACE}"/>
            </a:ext>
          </a:extLst>
        </xdr:cNvPr>
        <xdr:cNvSpPr/>
      </xdr:nvSpPr>
      <xdr:spPr>
        <a:xfrm>
          <a:off x="15389225" y="161925"/>
          <a:ext cx="346710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B1A9D15C-ADCE-4F24-B72D-494A849AFA63}"/>
            </a:ext>
          </a:extLst>
        </xdr:cNvPr>
        <xdr:cNvSpPr/>
      </xdr:nvSpPr>
      <xdr:spPr>
        <a:xfrm>
          <a:off x="12827000" y="161925"/>
          <a:ext cx="2390775" cy="158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88755509-009D-4F70-A275-8848456256B5}"/>
            </a:ext>
          </a:extLst>
        </xdr:cNvPr>
        <xdr:cNvSpPr/>
      </xdr:nvSpPr>
      <xdr:spPr>
        <a:xfrm>
          <a:off x="12855575" y="161925"/>
          <a:ext cx="2343150" cy="1587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59F14C15-8C6D-40E4-BA27-137422522B42}"/>
            </a:ext>
          </a:extLst>
        </xdr:cNvPr>
        <xdr:cNvSpPr/>
      </xdr:nvSpPr>
      <xdr:spPr>
        <a:xfrm>
          <a:off x="12874625" y="161925"/>
          <a:ext cx="2314575" cy="1587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9CBA2274-75E5-4DF3-B474-CA9FA764481F}"/>
            </a:ext>
          </a:extLst>
        </xdr:cNvPr>
        <xdr:cNvSpPr/>
      </xdr:nvSpPr>
      <xdr:spPr>
        <a:xfrm>
          <a:off x="447675" y="349250"/>
          <a:ext cx="9083675" cy="15335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0A925A2C-B0BD-4B9D-B13D-897B8ABF9475}"/>
            </a:ext>
          </a:extLst>
        </xdr:cNvPr>
        <xdr:cNvSpPr/>
      </xdr:nvSpPr>
      <xdr:spPr>
        <a:xfrm>
          <a:off x="568325" y="377825"/>
          <a:ext cx="1247775" cy="147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F6B89BF3-4454-466E-83EA-E149F4C46B62}"/>
            </a:ext>
          </a:extLst>
        </xdr:cNvPr>
        <xdr:cNvSpPr/>
      </xdr:nvSpPr>
      <xdr:spPr>
        <a:xfrm>
          <a:off x="1768475" y="377825"/>
          <a:ext cx="1200150" cy="147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5,793
3,656,564
437.78
2,230,290,510
2,202,642,428
13,996,572
999,814,703
2,384,424,6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708A9A49-C92C-4468-9692-B14022E38926}"/>
            </a:ext>
          </a:extLst>
        </xdr:cNvPr>
        <xdr:cNvSpPr/>
      </xdr:nvSpPr>
      <xdr:spPr>
        <a:xfrm>
          <a:off x="2968625" y="377825"/>
          <a:ext cx="1371600" cy="147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CCAC826A-2FBB-473A-98A7-9340BDD0C6CE}"/>
            </a:ext>
          </a:extLst>
        </xdr:cNvPr>
        <xdr:cNvSpPr/>
      </xdr:nvSpPr>
      <xdr:spPr>
        <a:xfrm>
          <a:off x="4340225" y="396875"/>
          <a:ext cx="1828800" cy="742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76438036-CEC6-424F-B8FE-28ED60022A06}"/>
            </a:ext>
          </a:extLst>
        </xdr:cNvPr>
        <xdr:cNvSpPr/>
      </xdr:nvSpPr>
      <xdr:spPr>
        <a:xfrm>
          <a:off x="6169025" y="396875"/>
          <a:ext cx="1133475" cy="742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6
12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DE231F7E-1A7E-44DE-AEFF-F7F382AD6BF4}"/>
            </a:ext>
          </a:extLst>
        </xdr:cNvPr>
        <xdr:cNvSpPr/>
      </xdr:nvSpPr>
      <xdr:spPr>
        <a:xfrm>
          <a:off x="7369175" y="406400"/>
          <a:ext cx="571500" cy="742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A41101FE-1C88-4AC8-8A20-39256E4C0FBA}"/>
            </a:ext>
          </a:extLst>
        </xdr:cNvPr>
        <xdr:cNvSpPr/>
      </xdr:nvSpPr>
      <xdr:spPr>
        <a:xfrm>
          <a:off x="4340225" y="977900"/>
          <a:ext cx="18288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E4745D33-4804-490E-B3CB-61E41E3F26B2}"/>
            </a:ext>
          </a:extLst>
        </xdr:cNvPr>
        <xdr:cNvSpPr/>
      </xdr:nvSpPr>
      <xdr:spPr>
        <a:xfrm>
          <a:off x="6226175" y="977900"/>
          <a:ext cx="3305175"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18EC6498-4F3F-4C54-9A39-1BFD64344DAE}"/>
            </a:ext>
          </a:extLst>
        </xdr:cNvPr>
        <xdr:cNvSpPr/>
      </xdr:nvSpPr>
      <xdr:spPr>
        <a:xfrm>
          <a:off x="9988550" y="349250"/>
          <a:ext cx="1371600" cy="105727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2B82600B-2673-4AA1-92BF-84DE67895C50}"/>
            </a:ext>
          </a:extLst>
        </xdr:cNvPr>
        <xdr:cNvSpPr/>
      </xdr:nvSpPr>
      <xdr:spPr>
        <a:xfrm>
          <a:off x="10217150" y="406400"/>
          <a:ext cx="1200150" cy="95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CB2C7D18-AB7E-483A-A70A-30DB5E071BAF}"/>
            </a:ext>
          </a:extLst>
        </xdr:cNvPr>
        <xdr:cNvSpPr/>
      </xdr:nvSpPr>
      <xdr:spPr>
        <a:xfrm>
          <a:off x="10217150" y="511175"/>
          <a:ext cx="1200150" cy="495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6EEEF23F-5706-42C2-805A-88BA7899E2E5}"/>
            </a:ext>
          </a:extLst>
        </xdr:cNvPr>
        <xdr:cNvSpPr/>
      </xdr:nvSpPr>
      <xdr:spPr>
        <a:xfrm>
          <a:off x="10217150" y="835025"/>
          <a:ext cx="1323975" cy="619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99D90FD7-9172-41EC-8A73-F00671264F08}"/>
            </a:ext>
          </a:extLst>
        </xdr:cNvPr>
        <xdr:cNvCxnSpPr/>
      </xdr:nvCxnSpPr>
      <xdr:spPr>
        <a:xfrm flipH="1">
          <a:off x="10055225" y="48260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10B333DF-D1B2-42F0-B287-7D1577A0AB3D}"/>
            </a:ext>
          </a:extLst>
        </xdr:cNvPr>
        <xdr:cNvSpPr/>
      </xdr:nvSpPr>
      <xdr:spPr>
        <a:xfrm>
          <a:off x="10106025" y="463550"/>
          <a:ext cx="104775" cy="190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76972E87-D831-4D61-86EB-8278A1904713}"/>
            </a:ext>
          </a:extLst>
        </xdr:cNvPr>
        <xdr:cNvSpPr/>
      </xdr:nvSpPr>
      <xdr:spPr>
        <a:xfrm>
          <a:off x="10106025" y="606425"/>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DFDC0905-83AC-45EC-A5A9-9FDFD001DEFD}"/>
            </a:ext>
          </a:extLst>
        </xdr:cNvPr>
        <xdr:cNvCxnSpPr/>
      </xdr:nvCxnSpPr>
      <xdr:spPr>
        <a:xfrm>
          <a:off x="10153650" y="8350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94AF5BD7-96BE-4CF6-B439-40A625213583}"/>
            </a:ext>
          </a:extLst>
        </xdr:cNvPr>
        <xdr:cNvCxnSpPr/>
      </xdr:nvCxnSpPr>
      <xdr:spPr>
        <a:xfrm>
          <a:off x="10074275" y="8350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DB91DCFD-AF08-49C8-B2B2-4A8C86741006}"/>
            </a:ext>
          </a:extLst>
        </xdr:cNvPr>
        <xdr:cNvCxnSpPr/>
      </xdr:nvCxnSpPr>
      <xdr:spPr>
        <a:xfrm flipV="1">
          <a:off x="10153650" y="10668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08506F02-F5B3-4298-886A-D80A3A70B952}"/>
            </a:ext>
          </a:extLst>
        </xdr:cNvPr>
        <xdr:cNvCxnSpPr/>
      </xdr:nvCxnSpPr>
      <xdr:spPr>
        <a:xfrm>
          <a:off x="10074275" y="119697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96414705-A26C-406B-A1DF-3D57A00F2748}"/>
            </a:ext>
          </a:extLst>
        </xdr:cNvPr>
        <xdr:cNvSpPr txBox="1"/>
      </xdr:nvSpPr>
      <xdr:spPr>
        <a:xfrm>
          <a:off x="419100" y="1978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F2358C8E-34C7-47B9-BEF1-D1FBD7586AAD}"/>
            </a:ext>
          </a:extLst>
        </xdr:cNvPr>
        <xdr:cNvSpPr txBox="1"/>
      </xdr:nvSpPr>
      <xdr:spPr>
        <a:xfrm>
          <a:off x="419100" y="2206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CF35B4BB-B6A8-4FC0-967E-52F38EECBAAC}"/>
            </a:ext>
          </a:extLst>
        </xdr:cNvPr>
        <xdr:cNvSpPr txBox="1"/>
      </xdr:nvSpPr>
      <xdr:spPr>
        <a:xfrm>
          <a:off x="419100" y="24352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2FA14DE2-F3C0-430A-A1CE-BBC1E73D7C68}"/>
            </a:ext>
          </a:extLst>
        </xdr:cNvPr>
        <xdr:cNvSpPr txBox="1"/>
      </xdr:nvSpPr>
      <xdr:spPr>
        <a:xfrm>
          <a:off x="419100" y="26638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84A72544-D97B-4B36-9683-0628510F6EA0}"/>
            </a:ext>
          </a:extLst>
        </xdr:cNvPr>
        <xdr:cNvSpPr txBox="1"/>
      </xdr:nvSpPr>
      <xdr:spPr>
        <a:xfrm>
          <a:off x="419100" y="28924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3E9E4200-14CD-47A5-B84D-06AA1404D76A}"/>
            </a:ext>
          </a:extLst>
        </xdr:cNvPr>
        <xdr:cNvSpPr/>
      </xdr:nvSpPr>
      <xdr:spPr>
        <a:xfrm>
          <a:off x="1158875" y="3387725"/>
          <a:ext cx="3819525" cy="2000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20349565-7847-474E-B00F-CA56AFED8B0C}"/>
            </a:ext>
          </a:extLst>
        </xdr:cNvPr>
        <xdr:cNvSpPr/>
      </xdr:nvSpPr>
      <xdr:spPr>
        <a:xfrm>
          <a:off x="1811514" y="3646742"/>
          <a:ext cx="1558571" cy="2503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560A8192-7D22-4999-AF20-2FF9186A79B7}"/>
            </a:ext>
          </a:extLst>
        </xdr:cNvPr>
        <xdr:cNvSpPr/>
      </xdr:nvSpPr>
      <xdr:spPr>
        <a:xfrm>
          <a:off x="3468364" y="3630071"/>
          <a:ext cx="759471" cy="2836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7.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9439BE1D-1F31-4E10-BE61-E0675B225025}"/>
            </a:ext>
          </a:extLst>
        </xdr:cNvPr>
        <xdr:cNvSpPr/>
      </xdr:nvSpPr>
      <xdr:spPr>
        <a:xfrm>
          <a:off x="4930775"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B53A5229-DEF9-4A4A-84AB-3B6C5265F0C0}"/>
            </a:ext>
          </a:extLst>
        </xdr:cNvPr>
        <xdr:cNvSpPr/>
      </xdr:nvSpPr>
      <xdr:spPr>
        <a:xfrm>
          <a:off x="4930775"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FFE1AB6F-4AA2-4EFE-8F95-60A769AE59A4}"/>
            </a:ext>
          </a:extLst>
        </xdr:cNvPr>
        <xdr:cNvSpPr/>
      </xdr:nvSpPr>
      <xdr:spPr>
        <a:xfrm>
          <a:off x="6302375"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B6EA35E5-E441-43B0-A982-8AD9602D3FD2}"/>
            </a:ext>
          </a:extLst>
        </xdr:cNvPr>
        <xdr:cNvSpPr/>
      </xdr:nvSpPr>
      <xdr:spPr>
        <a:xfrm>
          <a:off x="6302375"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2F696F7F-FF9E-4646-BE1A-DDA1AE280BFB}"/>
            </a:ext>
          </a:extLst>
        </xdr:cNvPr>
        <xdr:cNvSpPr/>
      </xdr:nvSpPr>
      <xdr:spPr>
        <a:xfrm>
          <a:off x="7797800"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329BC2E7-5B0B-4289-9E80-5FA4B3A2A943}"/>
            </a:ext>
          </a:extLst>
        </xdr:cNvPr>
        <xdr:cNvSpPr/>
      </xdr:nvSpPr>
      <xdr:spPr>
        <a:xfrm>
          <a:off x="7797800"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5B4BA2D7-A880-4B6D-8B48-C5063F4429FC}"/>
            </a:ext>
          </a:extLst>
        </xdr:cNvPr>
        <xdr:cNvSpPr/>
      </xdr:nvSpPr>
      <xdr:spPr>
        <a:xfrm>
          <a:off x="1158875" y="3949700"/>
          <a:ext cx="3819525" cy="20383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A9B51835-ED2D-49DF-A285-466BC68581BA}"/>
            </a:ext>
          </a:extLst>
        </xdr:cNvPr>
        <xdr:cNvSpPr/>
      </xdr:nvSpPr>
      <xdr:spPr>
        <a:xfrm>
          <a:off x="5226050" y="3949700"/>
          <a:ext cx="4286250" cy="20383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2881C954-1A84-4620-8941-0EA6CE4B7FAB}"/>
            </a:ext>
          </a:extLst>
        </xdr:cNvPr>
        <xdr:cNvSpPr/>
      </xdr:nvSpPr>
      <xdr:spPr>
        <a:xfrm>
          <a:off x="5226050" y="4016375"/>
          <a:ext cx="41148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E17C1B4A-316A-425E-899B-C7DC4CE89C16}"/>
            </a:ext>
          </a:extLst>
        </xdr:cNvPr>
        <xdr:cNvSpPr txBox="1"/>
      </xdr:nvSpPr>
      <xdr:spPr>
        <a:xfrm>
          <a:off x="5283200" y="4225925"/>
          <a:ext cx="4105275" cy="16859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800" b="0" i="0" baseline="0">
              <a:solidFill>
                <a:schemeClr val="dk1"/>
              </a:solidFill>
              <a:effectLst/>
              <a:latin typeface="+mn-lt"/>
              <a:ea typeface="+mn-ea"/>
              <a:cs typeface="+mn-cs"/>
            </a:rPr>
            <a:t>本市の有形固定資産減価償却率は類似団体と比較して、低い水準となっています。　この中で類似団体と比較して有形固定資産減価償却率が高くなっている施設には、</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一般廃棄物処理施設</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消防施設</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などがあり、低くなっている施設には、</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庁舎</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橋りょう・トンネル</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道路</a:t>
          </a:r>
          <a:r>
            <a:rPr kumimoji="1" lang="en-US" altLang="ja-JP" sz="800" b="0" i="0" baseline="0">
              <a:solidFill>
                <a:schemeClr val="dk1"/>
              </a:solidFill>
              <a:effectLst/>
              <a:latin typeface="+mn-lt"/>
              <a:ea typeface="+mn-ea"/>
              <a:cs typeface="+mn-cs"/>
            </a:rPr>
            <a:t>】</a:t>
          </a:r>
          <a:r>
            <a:rPr kumimoji="1" lang="ja-JP" altLang="ja-JP" sz="800" b="0" i="0" baseline="0">
              <a:solidFill>
                <a:schemeClr val="dk1"/>
              </a:solidFill>
              <a:effectLst/>
              <a:latin typeface="+mn-lt"/>
              <a:ea typeface="+mn-ea"/>
              <a:cs typeface="+mn-cs"/>
            </a:rPr>
            <a:t>等があります。</a:t>
          </a:r>
          <a:endParaRPr lang="ja-JP" altLang="ja-JP" sz="800">
            <a:effectLst/>
          </a:endParaRPr>
        </a:p>
        <a:p>
          <a:pPr eaLnBrk="1" fontAlgn="auto" latinLnBrk="0" hangingPunct="1"/>
          <a:r>
            <a:rPr kumimoji="1" lang="ja-JP" altLang="ja-JP" sz="800" b="0" i="0" baseline="0">
              <a:solidFill>
                <a:schemeClr val="dk1"/>
              </a:solidFill>
              <a:effectLst/>
              <a:latin typeface="+mn-lt"/>
              <a:ea typeface="+mn-ea"/>
              <a:cs typeface="+mn-cs"/>
            </a:rPr>
            <a:t>本市では、施設の老朽化の進行に対しては、「公共施設等総合管理計画」や、施設ごとの「個別施設計画」に沿って、長寿命化を基本とした計画的かつ効果的な保全更新を着実に進めています。</a:t>
          </a:r>
          <a:endParaRPr lang="ja-JP" altLang="ja-JP" sz="800">
            <a:effectLst/>
          </a:endParaRPr>
        </a:p>
        <a:p>
          <a:pPr eaLnBrk="1" fontAlgn="auto" latinLnBrk="0" hangingPunct="1"/>
          <a:r>
            <a:rPr kumimoji="1" lang="ja-JP" altLang="ja-JP" sz="800" b="0" i="0" baseline="0">
              <a:solidFill>
                <a:schemeClr val="dk1"/>
              </a:solidFill>
              <a:effectLst/>
              <a:latin typeface="+mn-lt"/>
              <a:ea typeface="+mn-ea"/>
              <a:cs typeface="+mn-cs"/>
            </a:rPr>
            <a:t>また、公共施設が提供する機能・サービスの持続的な維持・向上のため、施設の規模・数量、質、保全更新コスト等の適正化を進めていきます。　</a:t>
          </a:r>
          <a:endParaRPr lang="ja-JP" altLang="ja-JP" sz="800">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2CB9E795-123D-4FC3-9409-E99BF0FB42FE}"/>
            </a:ext>
          </a:extLst>
        </xdr:cNvPr>
        <xdr:cNvSpPr txBox="1"/>
      </xdr:nvSpPr>
      <xdr:spPr>
        <a:xfrm>
          <a:off x="1130300" y="3768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DFB7BFDD-2D05-42CB-86AA-31F07B973939}"/>
            </a:ext>
          </a:extLst>
        </xdr:cNvPr>
        <xdr:cNvCxnSpPr/>
      </xdr:nvCxnSpPr>
      <xdr:spPr>
        <a:xfrm>
          <a:off x="1158875" y="5988050"/>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EBBC0A26-7B2E-42DA-A5BB-58BF73D97F4D}"/>
            </a:ext>
          </a:extLst>
        </xdr:cNvPr>
        <xdr:cNvSpPr txBox="1"/>
      </xdr:nvSpPr>
      <xdr:spPr>
        <a:xfrm>
          <a:off x="789956" y="59037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0F68256A-B8DB-4AD7-96B8-408EDC0951FF}"/>
            </a:ext>
          </a:extLst>
        </xdr:cNvPr>
        <xdr:cNvCxnSpPr/>
      </xdr:nvCxnSpPr>
      <xdr:spPr>
        <a:xfrm>
          <a:off x="1158875" y="5656792"/>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928A534D-2E27-47BD-AF7D-B2A0EBABB248}"/>
            </a:ext>
          </a:extLst>
        </xdr:cNvPr>
        <xdr:cNvSpPr txBox="1"/>
      </xdr:nvSpPr>
      <xdr:spPr>
        <a:xfrm>
          <a:off x="789956" y="556299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7695DAE6-7AC1-4F9B-AF72-28BC3CC8C0A1}"/>
            </a:ext>
          </a:extLst>
        </xdr:cNvPr>
        <xdr:cNvCxnSpPr/>
      </xdr:nvCxnSpPr>
      <xdr:spPr>
        <a:xfrm>
          <a:off x="1158875" y="5316008"/>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B8B6E8AB-AA6B-4C97-A7F9-D7BE21B390D2}"/>
            </a:ext>
          </a:extLst>
        </xdr:cNvPr>
        <xdr:cNvSpPr txBox="1"/>
      </xdr:nvSpPr>
      <xdr:spPr>
        <a:xfrm>
          <a:off x="789956" y="52222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C9C73C57-1DB5-4A5F-9337-D106F547187C}"/>
            </a:ext>
          </a:extLst>
        </xdr:cNvPr>
        <xdr:cNvCxnSpPr/>
      </xdr:nvCxnSpPr>
      <xdr:spPr>
        <a:xfrm>
          <a:off x="1158875" y="4978400"/>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C6CB8DEE-A984-49B9-B445-291871DDBC1B}"/>
            </a:ext>
          </a:extLst>
        </xdr:cNvPr>
        <xdr:cNvSpPr txBox="1"/>
      </xdr:nvSpPr>
      <xdr:spPr>
        <a:xfrm>
          <a:off x="789956" y="488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92CECFE7-3CBC-4680-ADB3-E1D2CCEA7B00}"/>
            </a:ext>
          </a:extLst>
        </xdr:cNvPr>
        <xdr:cNvCxnSpPr/>
      </xdr:nvCxnSpPr>
      <xdr:spPr>
        <a:xfrm>
          <a:off x="1158875" y="4637617"/>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0BC31837-ADBB-422B-8953-A962B7BE972D}"/>
            </a:ext>
          </a:extLst>
        </xdr:cNvPr>
        <xdr:cNvSpPr txBox="1"/>
      </xdr:nvSpPr>
      <xdr:spPr>
        <a:xfrm>
          <a:off x="789956" y="454381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8D882833-7411-4CB9-BB56-D1C8EC534C0A}"/>
            </a:ext>
          </a:extLst>
        </xdr:cNvPr>
        <xdr:cNvCxnSpPr/>
      </xdr:nvCxnSpPr>
      <xdr:spPr>
        <a:xfrm>
          <a:off x="1158875" y="4296833"/>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B3FC889C-864B-4804-879C-BBC4D91C3308}"/>
            </a:ext>
          </a:extLst>
        </xdr:cNvPr>
        <xdr:cNvSpPr txBox="1"/>
      </xdr:nvSpPr>
      <xdr:spPr>
        <a:xfrm>
          <a:off x="789956" y="421255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F2A8DF20-FC01-4755-BBEC-882202BFE301}"/>
            </a:ext>
          </a:extLst>
        </xdr:cNvPr>
        <xdr:cNvCxnSpPr/>
      </xdr:nvCxnSpPr>
      <xdr:spPr>
        <a:xfrm>
          <a:off x="1158875" y="3949700"/>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8875077D-25CD-4898-8F72-48EFA80ACBED}"/>
            </a:ext>
          </a:extLst>
        </xdr:cNvPr>
        <xdr:cNvSpPr txBox="1"/>
      </xdr:nvSpPr>
      <xdr:spPr>
        <a:xfrm>
          <a:off x="789956" y="3865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7DCD8849-7F4F-465C-9282-467C8E001F1B}"/>
            </a:ext>
          </a:extLst>
        </xdr:cNvPr>
        <xdr:cNvSpPr/>
      </xdr:nvSpPr>
      <xdr:spPr>
        <a:xfrm>
          <a:off x="1158875" y="3949700"/>
          <a:ext cx="3819525" cy="20383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63288</xdr:rowOff>
    </xdr:from>
    <xdr:to>
      <xdr:col>23</xdr:col>
      <xdr:colOff>85090</xdr:colOff>
      <xdr:row>34</xdr:row>
      <xdr:rowOff>14605</xdr:rowOff>
    </xdr:to>
    <xdr:cxnSp macro="">
      <xdr:nvCxnSpPr>
        <xdr:cNvPr id="65" name="直線コネクタ 64">
          <a:extLst>
            <a:ext uri="{FF2B5EF4-FFF2-40B4-BE49-F238E27FC236}">
              <a16:creationId xmlns:a16="http://schemas.microsoft.com/office/drawing/2014/main" id="{E509FC65-48C7-4AB1-8EE3-AA6395C80C7B}"/>
            </a:ext>
          </a:extLst>
        </xdr:cNvPr>
        <xdr:cNvCxnSpPr/>
      </xdr:nvCxnSpPr>
      <xdr:spPr>
        <a:xfrm flipV="1">
          <a:off x="4306570" y="4438438"/>
          <a:ext cx="1270" cy="1078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8432</xdr:rowOff>
    </xdr:from>
    <xdr:ext cx="405111" cy="259045"/>
    <xdr:sp macro="" textlink="">
      <xdr:nvSpPr>
        <xdr:cNvPr id="66" name="有形固定資産減価償却率最小値テキスト">
          <a:extLst>
            <a:ext uri="{FF2B5EF4-FFF2-40B4-BE49-F238E27FC236}">
              <a16:creationId xmlns:a16="http://schemas.microsoft.com/office/drawing/2014/main" id="{6B04E365-82E7-48A8-B1BE-6FDE2678C39A}"/>
            </a:ext>
          </a:extLst>
        </xdr:cNvPr>
        <xdr:cNvSpPr txBox="1"/>
      </xdr:nvSpPr>
      <xdr:spPr>
        <a:xfrm>
          <a:off x="4359275" y="5523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4605</xdr:rowOff>
    </xdr:from>
    <xdr:to>
      <xdr:col>23</xdr:col>
      <xdr:colOff>174625</xdr:colOff>
      <xdr:row>34</xdr:row>
      <xdr:rowOff>14605</xdr:rowOff>
    </xdr:to>
    <xdr:cxnSp macro="">
      <xdr:nvCxnSpPr>
        <xdr:cNvPr id="67" name="直線コネクタ 66">
          <a:extLst>
            <a:ext uri="{FF2B5EF4-FFF2-40B4-BE49-F238E27FC236}">
              <a16:creationId xmlns:a16="http://schemas.microsoft.com/office/drawing/2014/main" id="{CFC7DC99-732D-486F-88C3-EA67761206D4}"/>
            </a:ext>
          </a:extLst>
        </xdr:cNvPr>
        <xdr:cNvCxnSpPr/>
      </xdr:nvCxnSpPr>
      <xdr:spPr>
        <a:xfrm>
          <a:off x="4216400" y="5516880"/>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965</xdr:rowOff>
    </xdr:from>
    <xdr:ext cx="405111" cy="259045"/>
    <xdr:sp macro="" textlink="">
      <xdr:nvSpPr>
        <xdr:cNvPr id="68" name="有形固定資産減価償却率最大値テキスト">
          <a:extLst>
            <a:ext uri="{FF2B5EF4-FFF2-40B4-BE49-F238E27FC236}">
              <a16:creationId xmlns:a16="http://schemas.microsoft.com/office/drawing/2014/main" id="{DBF7CFB4-98A6-493D-8B98-18F4F2A02DB7}"/>
            </a:ext>
          </a:extLst>
        </xdr:cNvPr>
        <xdr:cNvSpPr txBox="1"/>
      </xdr:nvSpPr>
      <xdr:spPr>
        <a:xfrm>
          <a:off x="4359275" y="4216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63288</xdr:rowOff>
    </xdr:from>
    <xdr:to>
      <xdr:col>23</xdr:col>
      <xdr:colOff>174625</xdr:colOff>
      <xdr:row>27</xdr:row>
      <xdr:rowOff>63288</xdr:rowOff>
    </xdr:to>
    <xdr:cxnSp macro="">
      <xdr:nvCxnSpPr>
        <xdr:cNvPr id="69" name="直線コネクタ 68">
          <a:extLst>
            <a:ext uri="{FF2B5EF4-FFF2-40B4-BE49-F238E27FC236}">
              <a16:creationId xmlns:a16="http://schemas.microsoft.com/office/drawing/2014/main" id="{E050F6A4-D768-4E26-A8A5-6F4E8F7D5D75}"/>
            </a:ext>
          </a:extLst>
        </xdr:cNvPr>
        <xdr:cNvCxnSpPr/>
      </xdr:nvCxnSpPr>
      <xdr:spPr>
        <a:xfrm>
          <a:off x="4216400" y="4438438"/>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59495</xdr:rowOff>
    </xdr:from>
    <xdr:ext cx="405111" cy="259045"/>
    <xdr:sp macro="" textlink="">
      <xdr:nvSpPr>
        <xdr:cNvPr id="70" name="有形固定資産減価償却率平均値テキスト">
          <a:extLst>
            <a:ext uri="{FF2B5EF4-FFF2-40B4-BE49-F238E27FC236}">
              <a16:creationId xmlns:a16="http://schemas.microsoft.com/office/drawing/2014/main" id="{DD971965-AC24-4DEF-8755-20A50B715C76}"/>
            </a:ext>
          </a:extLst>
        </xdr:cNvPr>
        <xdr:cNvSpPr txBox="1"/>
      </xdr:nvSpPr>
      <xdr:spPr>
        <a:xfrm>
          <a:off x="4359275" y="49172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81068</xdr:rowOff>
    </xdr:from>
    <xdr:to>
      <xdr:col>23</xdr:col>
      <xdr:colOff>136525</xdr:colOff>
      <xdr:row>31</xdr:row>
      <xdr:rowOff>11218</xdr:rowOff>
    </xdr:to>
    <xdr:sp macro="" textlink="">
      <xdr:nvSpPr>
        <xdr:cNvPr id="71" name="フローチャート: 判断 70">
          <a:extLst>
            <a:ext uri="{FF2B5EF4-FFF2-40B4-BE49-F238E27FC236}">
              <a16:creationId xmlns:a16="http://schemas.microsoft.com/office/drawing/2014/main" id="{5E60B4BD-0E72-49A1-9148-8832E3696101}"/>
            </a:ext>
          </a:extLst>
        </xdr:cNvPr>
        <xdr:cNvSpPr/>
      </xdr:nvSpPr>
      <xdr:spPr>
        <a:xfrm>
          <a:off x="4254500" y="4941993"/>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6298</xdr:rowOff>
    </xdr:from>
    <xdr:to>
      <xdr:col>19</xdr:col>
      <xdr:colOff>187325</xdr:colOff>
      <xdr:row>30</xdr:row>
      <xdr:rowOff>117898</xdr:rowOff>
    </xdr:to>
    <xdr:sp macro="" textlink="">
      <xdr:nvSpPr>
        <xdr:cNvPr id="72" name="フローチャート: 判断 71">
          <a:extLst>
            <a:ext uri="{FF2B5EF4-FFF2-40B4-BE49-F238E27FC236}">
              <a16:creationId xmlns:a16="http://schemas.microsoft.com/office/drawing/2014/main" id="{83900A52-373C-4494-9033-CF4155E4CCC5}"/>
            </a:ext>
          </a:extLst>
        </xdr:cNvPr>
        <xdr:cNvSpPr/>
      </xdr:nvSpPr>
      <xdr:spPr>
        <a:xfrm>
          <a:off x="3616325" y="4874048"/>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22978</xdr:rowOff>
    </xdr:from>
    <xdr:to>
      <xdr:col>15</xdr:col>
      <xdr:colOff>187325</xdr:colOff>
      <xdr:row>30</xdr:row>
      <xdr:rowOff>53128</xdr:rowOff>
    </xdr:to>
    <xdr:sp macro="" textlink="">
      <xdr:nvSpPr>
        <xdr:cNvPr id="73" name="フローチャート: 判断 72">
          <a:extLst>
            <a:ext uri="{FF2B5EF4-FFF2-40B4-BE49-F238E27FC236}">
              <a16:creationId xmlns:a16="http://schemas.microsoft.com/office/drawing/2014/main" id="{7AD2F854-25A4-4FE7-B35F-268301373980}"/>
            </a:ext>
          </a:extLst>
        </xdr:cNvPr>
        <xdr:cNvSpPr/>
      </xdr:nvSpPr>
      <xdr:spPr>
        <a:xfrm>
          <a:off x="2930525" y="4821978"/>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86995</xdr:rowOff>
    </xdr:from>
    <xdr:to>
      <xdr:col>11</xdr:col>
      <xdr:colOff>187325</xdr:colOff>
      <xdr:row>30</xdr:row>
      <xdr:rowOff>17145</xdr:rowOff>
    </xdr:to>
    <xdr:sp macro="" textlink="">
      <xdr:nvSpPr>
        <xdr:cNvPr id="74" name="フローチャート: 判断 73">
          <a:extLst>
            <a:ext uri="{FF2B5EF4-FFF2-40B4-BE49-F238E27FC236}">
              <a16:creationId xmlns:a16="http://schemas.microsoft.com/office/drawing/2014/main" id="{6BDE9117-A56C-4DD8-B82B-9E21225E1C60}"/>
            </a:ext>
          </a:extLst>
        </xdr:cNvPr>
        <xdr:cNvSpPr/>
      </xdr:nvSpPr>
      <xdr:spPr>
        <a:xfrm>
          <a:off x="2244725" y="477964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22225</xdr:rowOff>
    </xdr:from>
    <xdr:to>
      <xdr:col>7</xdr:col>
      <xdr:colOff>187325</xdr:colOff>
      <xdr:row>29</xdr:row>
      <xdr:rowOff>123825</xdr:rowOff>
    </xdr:to>
    <xdr:sp macro="" textlink="">
      <xdr:nvSpPr>
        <xdr:cNvPr id="75" name="フローチャート: 判断 74">
          <a:extLst>
            <a:ext uri="{FF2B5EF4-FFF2-40B4-BE49-F238E27FC236}">
              <a16:creationId xmlns:a16="http://schemas.microsoft.com/office/drawing/2014/main" id="{1C084D73-B132-4313-A770-3FF7C773C724}"/>
            </a:ext>
          </a:extLst>
        </xdr:cNvPr>
        <xdr:cNvSpPr/>
      </xdr:nvSpPr>
      <xdr:spPr>
        <a:xfrm>
          <a:off x="1558925" y="472122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5755249D-03A8-40DC-A37E-4804332A8907}"/>
            </a:ext>
          </a:extLst>
        </xdr:cNvPr>
        <xdr:cNvSpPr txBox="1"/>
      </xdr:nvSpPr>
      <xdr:spPr>
        <a:xfrm>
          <a:off x="41497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6D0E4DEE-608A-4844-ABC1-981148FCAFED}"/>
            </a:ext>
          </a:extLst>
        </xdr:cNvPr>
        <xdr:cNvSpPr txBox="1"/>
      </xdr:nvSpPr>
      <xdr:spPr>
        <a:xfrm>
          <a:off x="351155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ABBDB20F-9A59-4D9F-B632-88EE243C0ACC}"/>
            </a:ext>
          </a:extLst>
        </xdr:cNvPr>
        <xdr:cNvSpPr txBox="1"/>
      </xdr:nvSpPr>
      <xdr:spPr>
        <a:xfrm>
          <a:off x="282575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29A8C850-4956-44A7-B9A5-91645FE90A60}"/>
            </a:ext>
          </a:extLst>
        </xdr:cNvPr>
        <xdr:cNvSpPr txBox="1"/>
      </xdr:nvSpPr>
      <xdr:spPr>
        <a:xfrm>
          <a:off x="213995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4FF50173-95A4-425C-B88A-25AC16543C23}"/>
            </a:ext>
          </a:extLst>
        </xdr:cNvPr>
        <xdr:cNvSpPr txBox="1"/>
      </xdr:nvSpPr>
      <xdr:spPr>
        <a:xfrm>
          <a:off x="145415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7</xdr:row>
      <xdr:rowOff>12488</xdr:rowOff>
    </xdr:from>
    <xdr:to>
      <xdr:col>23</xdr:col>
      <xdr:colOff>136525</xdr:colOff>
      <xdr:row>27</xdr:row>
      <xdr:rowOff>114088</xdr:rowOff>
    </xdr:to>
    <xdr:sp macro="" textlink="">
      <xdr:nvSpPr>
        <xdr:cNvPr id="81" name="楕円 80">
          <a:extLst>
            <a:ext uri="{FF2B5EF4-FFF2-40B4-BE49-F238E27FC236}">
              <a16:creationId xmlns:a16="http://schemas.microsoft.com/office/drawing/2014/main" id="{FB806B1B-C752-4F5C-941B-A18950E99E75}"/>
            </a:ext>
          </a:extLst>
        </xdr:cNvPr>
        <xdr:cNvSpPr/>
      </xdr:nvSpPr>
      <xdr:spPr>
        <a:xfrm>
          <a:off x="4254500" y="4381288"/>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6</xdr:row>
      <xdr:rowOff>136965</xdr:rowOff>
    </xdr:from>
    <xdr:ext cx="405111" cy="259045"/>
    <xdr:sp macro="" textlink="">
      <xdr:nvSpPr>
        <xdr:cNvPr id="82" name="有形固定資産減価償却率該当値テキスト">
          <a:extLst>
            <a:ext uri="{FF2B5EF4-FFF2-40B4-BE49-F238E27FC236}">
              <a16:creationId xmlns:a16="http://schemas.microsoft.com/office/drawing/2014/main" id="{1B070FC4-F8D8-4537-AD65-5EBE4E3A6B91}"/>
            </a:ext>
          </a:extLst>
        </xdr:cNvPr>
        <xdr:cNvSpPr txBox="1"/>
      </xdr:nvSpPr>
      <xdr:spPr>
        <a:xfrm>
          <a:off x="4359275" y="435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6</xdr:row>
      <xdr:rowOff>54398</xdr:rowOff>
    </xdr:from>
    <xdr:to>
      <xdr:col>19</xdr:col>
      <xdr:colOff>187325</xdr:colOff>
      <xdr:row>26</xdr:row>
      <xdr:rowOff>155998</xdr:rowOff>
    </xdr:to>
    <xdr:sp macro="" textlink="">
      <xdr:nvSpPr>
        <xdr:cNvPr id="83" name="楕円 82">
          <a:extLst>
            <a:ext uri="{FF2B5EF4-FFF2-40B4-BE49-F238E27FC236}">
              <a16:creationId xmlns:a16="http://schemas.microsoft.com/office/drawing/2014/main" id="{8C82B3C9-B63D-4AC2-BD25-3843AF3976D2}"/>
            </a:ext>
          </a:extLst>
        </xdr:cNvPr>
        <xdr:cNvSpPr/>
      </xdr:nvSpPr>
      <xdr:spPr>
        <a:xfrm>
          <a:off x="3616325" y="4264448"/>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6</xdr:row>
      <xdr:rowOff>105198</xdr:rowOff>
    </xdr:from>
    <xdr:to>
      <xdr:col>23</xdr:col>
      <xdr:colOff>85725</xdr:colOff>
      <xdr:row>27</xdr:row>
      <xdr:rowOff>63288</xdr:rowOff>
    </xdr:to>
    <xdr:cxnSp macro="">
      <xdr:nvCxnSpPr>
        <xdr:cNvPr id="84" name="直線コネクタ 83">
          <a:extLst>
            <a:ext uri="{FF2B5EF4-FFF2-40B4-BE49-F238E27FC236}">
              <a16:creationId xmlns:a16="http://schemas.microsoft.com/office/drawing/2014/main" id="{EAD76F8B-3F4F-4656-9CA4-9592821F106B}"/>
            </a:ext>
          </a:extLst>
        </xdr:cNvPr>
        <xdr:cNvCxnSpPr/>
      </xdr:nvCxnSpPr>
      <xdr:spPr>
        <a:xfrm>
          <a:off x="3673475" y="4312073"/>
          <a:ext cx="628650" cy="126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6</xdr:row>
      <xdr:rowOff>61595</xdr:rowOff>
    </xdr:from>
    <xdr:to>
      <xdr:col>15</xdr:col>
      <xdr:colOff>187325</xdr:colOff>
      <xdr:row>26</xdr:row>
      <xdr:rowOff>163195</xdr:rowOff>
    </xdr:to>
    <xdr:sp macro="" textlink="">
      <xdr:nvSpPr>
        <xdr:cNvPr id="85" name="楕円 84">
          <a:extLst>
            <a:ext uri="{FF2B5EF4-FFF2-40B4-BE49-F238E27FC236}">
              <a16:creationId xmlns:a16="http://schemas.microsoft.com/office/drawing/2014/main" id="{3BDC100E-38BE-4932-9370-BE615EAD7A7E}"/>
            </a:ext>
          </a:extLst>
        </xdr:cNvPr>
        <xdr:cNvSpPr/>
      </xdr:nvSpPr>
      <xdr:spPr>
        <a:xfrm>
          <a:off x="2930525" y="427482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6</xdr:row>
      <xdr:rowOff>105198</xdr:rowOff>
    </xdr:from>
    <xdr:to>
      <xdr:col>19</xdr:col>
      <xdr:colOff>136525</xdr:colOff>
      <xdr:row>26</xdr:row>
      <xdr:rowOff>112395</xdr:rowOff>
    </xdr:to>
    <xdr:cxnSp macro="">
      <xdr:nvCxnSpPr>
        <xdr:cNvPr id="86" name="直線コネクタ 85">
          <a:extLst>
            <a:ext uri="{FF2B5EF4-FFF2-40B4-BE49-F238E27FC236}">
              <a16:creationId xmlns:a16="http://schemas.microsoft.com/office/drawing/2014/main" id="{0CEC948C-DCB5-42D0-84EE-E2D8BE6B52CA}"/>
            </a:ext>
          </a:extLst>
        </xdr:cNvPr>
        <xdr:cNvCxnSpPr/>
      </xdr:nvCxnSpPr>
      <xdr:spPr>
        <a:xfrm flipV="1">
          <a:off x="2987675" y="4312073"/>
          <a:ext cx="685800" cy="10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6</xdr:row>
      <xdr:rowOff>133562</xdr:rowOff>
    </xdr:from>
    <xdr:to>
      <xdr:col>11</xdr:col>
      <xdr:colOff>187325</xdr:colOff>
      <xdr:row>27</xdr:row>
      <xdr:rowOff>63712</xdr:rowOff>
    </xdr:to>
    <xdr:sp macro="" textlink="">
      <xdr:nvSpPr>
        <xdr:cNvPr id="87" name="楕円 86">
          <a:extLst>
            <a:ext uri="{FF2B5EF4-FFF2-40B4-BE49-F238E27FC236}">
              <a16:creationId xmlns:a16="http://schemas.microsoft.com/office/drawing/2014/main" id="{6A16E5BB-521C-4B57-BD8D-CF2B64D41F5B}"/>
            </a:ext>
          </a:extLst>
        </xdr:cNvPr>
        <xdr:cNvSpPr/>
      </xdr:nvSpPr>
      <xdr:spPr>
        <a:xfrm>
          <a:off x="2244725" y="4343612"/>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6</xdr:row>
      <xdr:rowOff>112395</xdr:rowOff>
    </xdr:from>
    <xdr:to>
      <xdr:col>15</xdr:col>
      <xdr:colOff>136525</xdr:colOff>
      <xdr:row>27</xdr:row>
      <xdr:rowOff>12912</xdr:rowOff>
    </xdr:to>
    <xdr:cxnSp macro="">
      <xdr:nvCxnSpPr>
        <xdr:cNvPr id="88" name="直線コネクタ 87">
          <a:extLst>
            <a:ext uri="{FF2B5EF4-FFF2-40B4-BE49-F238E27FC236}">
              <a16:creationId xmlns:a16="http://schemas.microsoft.com/office/drawing/2014/main" id="{B1192EDF-6FAF-407B-BADD-5F32682C7B16}"/>
            </a:ext>
          </a:extLst>
        </xdr:cNvPr>
        <xdr:cNvCxnSpPr/>
      </xdr:nvCxnSpPr>
      <xdr:spPr>
        <a:xfrm flipV="1">
          <a:off x="2301875" y="4322445"/>
          <a:ext cx="685800" cy="59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6</xdr:row>
      <xdr:rowOff>47202</xdr:rowOff>
    </xdr:from>
    <xdr:to>
      <xdr:col>7</xdr:col>
      <xdr:colOff>187325</xdr:colOff>
      <xdr:row>26</xdr:row>
      <xdr:rowOff>148802</xdr:rowOff>
    </xdr:to>
    <xdr:sp macro="" textlink="">
      <xdr:nvSpPr>
        <xdr:cNvPr id="89" name="楕円 88">
          <a:extLst>
            <a:ext uri="{FF2B5EF4-FFF2-40B4-BE49-F238E27FC236}">
              <a16:creationId xmlns:a16="http://schemas.microsoft.com/office/drawing/2014/main" id="{F77CEB45-A7D2-4947-8BF4-4BDEB3264E40}"/>
            </a:ext>
          </a:extLst>
        </xdr:cNvPr>
        <xdr:cNvSpPr/>
      </xdr:nvSpPr>
      <xdr:spPr>
        <a:xfrm>
          <a:off x="1558925" y="4260427"/>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6</xdr:row>
      <xdr:rowOff>98002</xdr:rowOff>
    </xdr:from>
    <xdr:to>
      <xdr:col>11</xdr:col>
      <xdr:colOff>136525</xdr:colOff>
      <xdr:row>27</xdr:row>
      <xdr:rowOff>12912</xdr:rowOff>
    </xdr:to>
    <xdr:cxnSp macro="">
      <xdr:nvCxnSpPr>
        <xdr:cNvPr id="90" name="直線コネクタ 89">
          <a:extLst>
            <a:ext uri="{FF2B5EF4-FFF2-40B4-BE49-F238E27FC236}">
              <a16:creationId xmlns:a16="http://schemas.microsoft.com/office/drawing/2014/main" id="{25FC81D7-3158-4932-B75E-0AB96702EA9D}"/>
            </a:ext>
          </a:extLst>
        </xdr:cNvPr>
        <xdr:cNvCxnSpPr/>
      </xdr:nvCxnSpPr>
      <xdr:spPr>
        <a:xfrm>
          <a:off x="1616075" y="4308052"/>
          <a:ext cx="685800" cy="73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109025</xdr:rowOff>
    </xdr:from>
    <xdr:ext cx="405111" cy="259045"/>
    <xdr:sp macro="" textlink="">
      <xdr:nvSpPr>
        <xdr:cNvPr id="91" name="n_1aveValue有形固定資産減価償却率">
          <a:extLst>
            <a:ext uri="{FF2B5EF4-FFF2-40B4-BE49-F238E27FC236}">
              <a16:creationId xmlns:a16="http://schemas.microsoft.com/office/drawing/2014/main" id="{E01BBECE-7732-4910-944C-AB9553D6C728}"/>
            </a:ext>
          </a:extLst>
        </xdr:cNvPr>
        <xdr:cNvSpPr txBox="1"/>
      </xdr:nvSpPr>
      <xdr:spPr>
        <a:xfrm>
          <a:off x="3474094" y="49636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44255</xdr:rowOff>
    </xdr:from>
    <xdr:ext cx="405111" cy="259045"/>
    <xdr:sp macro="" textlink="">
      <xdr:nvSpPr>
        <xdr:cNvPr id="92" name="n_2aveValue有形固定資産減価償却率">
          <a:extLst>
            <a:ext uri="{FF2B5EF4-FFF2-40B4-BE49-F238E27FC236}">
              <a16:creationId xmlns:a16="http://schemas.microsoft.com/office/drawing/2014/main" id="{F594701A-C34E-4340-BCD4-60DE286F4C6B}"/>
            </a:ext>
          </a:extLst>
        </xdr:cNvPr>
        <xdr:cNvSpPr txBox="1"/>
      </xdr:nvSpPr>
      <xdr:spPr>
        <a:xfrm>
          <a:off x="2797819" y="4905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8272</xdr:rowOff>
    </xdr:from>
    <xdr:ext cx="405111" cy="259045"/>
    <xdr:sp macro="" textlink="">
      <xdr:nvSpPr>
        <xdr:cNvPr id="93" name="n_3aveValue有形固定資産減価償却率">
          <a:extLst>
            <a:ext uri="{FF2B5EF4-FFF2-40B4-BE49-F238E27FC236}">
              <a16:creationId xmlns:a16="http://schemas.microsoft.com/office/drawing/2014/main" id="{3CBE2B7C-27BA-4F87-959E-8DD10F442456}"/>
            </a:ext>
          </a:extLst>
        </xdr:cNvPr>
        <xdr:cNvSpPr txBox="1"/>
      </xdr:nvSpPr>
      <xdr:spPr>
        <a:xfrm>
          <a:off x="2112019" y="4869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14952</xdr:rowOff>
    </xdr:from>
    <xdr:ext cx="405111" cy="259045"/>
    <xdr:sp macro="" textlink="">
      <xdr:nvSpPr>
        <xdr:cNvPr id="94" name="n_4aveValue有形固定資産減価償却率">
          <a:extLst>
            <a:ext uri="{FF2B5EF4-FFF2-40B4-BE49-F238E27FC236}">
              <a16:creationId xmlns:a16="http://schemas.microsoft.com/office/drawing/2014/main" id="{942EC56E-0055-4204-A0EE-BB0EAA5E91F6}"/>
            </a:ext>
          </a:extLst>
        </xdr:cNvPr>
        <xdr:cNvSpPr txBox="1"/>
      </xdr:nvSpPr>
      <xdr:spPr>
        <a:xfrm>
          <a:off x="1426219" y="4810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5</xdr:row>
      <xdr:rowOff>1075</xdr:rowOff>
    </xdr:from>
    <xdr:ext cx="405111" cy="259045"/>
    <xdr:sp macro="" textlink="">
      <xdr:nvSpPr>
        <xdr:cNvPr id="95" name="n_1mainValue有形固定資産減価償却率">
          <a:extLst>
            <a:ext uri="{FF2B5EF4-FFF2-40B4-BE49-F238E27FC236}">
              <a16:creationId xmlns:a16="http://schemas.microsoft.com/office/drawing/2014/main" id="{D0CBBE09-06A3-4155-B755-DC45D5677E0C}"/>
            </a:ext>
          </a:extLst>
        </xdr:cNvPr>
        <xdr:cNvSpPr txBox="1"/>
      </xdr:nvSpPr>
      <xdr:spPr>
        <a:xfrm>
          <a:off x="3474094" y="4049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5</xdr:row>
      <xdr:rowOff>8272</xdr:rowOff>
    </xdr:from>
    <xdr:ext cx="405111" cy="259045"/>
    <xdr:sp macro="" textlink="">
      <xdr:nvSpPr>
        <xdr:cNvPr id="96" name="n_2mainValue有形固定資産減価償却率">
          <a:extLst>
            <a:ext uri="{FF2B5EF4-FFF2-40B4-BE49-F238E27FC236}">
              <a16:creationId xmlns:a16="http://schemas.microsoft.com/office/drawing/2014/main" id="{7EA408CD-4D2C-4A25-8885-91440AD60DF1}"/>
            </a:ext>
          </a:extLst>
        </xdr:cNvPr>
        <xdr:cNvSpPr txBox="1"/>
      </xdr:nvSpPr>
      <xdr:spPr>
        <a:xfrm>
          <a:off x="2797819" y="4059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5</xdr:row>
      <xdr:rowOff>80239</xdr:rowOff>
    </xdr:from>
    <xdr:ext cx="405111" cy="259045"/>
    <xdr:sp macro="" textlink="">
      <xdr:nvSpPr>
        <xdr:cNvPr id="97" name="n_3mainValue有形固定資産減価償却率">
          <a:extLst>
            <a:ext uri="{FF2B5EF4-FFF2-40B4-BE49-F238E27FC236}">
              <a16:creationId xmlns:a16="http://schemas.microsoft.com/office/drawing/2014/main" id="{9393DDE9-C322-4BDF-9EC0-B0DA09116F84}"/>
            </a:ext>
          </a:extLst>
        </xdr:cNvPr>
        <xdr:cNvSpPr txBox="1"/>
      </xdr:nvSpPr>
      <xdr:spPr>
        <a:xfrm>
          <a:off x="2112019" y="4131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4</xdr:row>
      <xdr:rowOff>165329</xdr:rowOff>
    </xdr:from>
    <xdr:ext cx="405111" cy="259045"/>
    <xdr:sp macro="" textlink="">
      <xdr:nvSpPr>
        <xdr:cNvPr id="98" name="n_4mainValue有形固定資産減価償却率">
          <a:extLst>
            <a:ext uri="{FF2B5EF4-FFF2-40B4-BE49-F238E27FC236}">
              <a16:creationId xmlns:a16="http://schemas.microsoft.com/office/drawing/2014/main" id="{3C30AD83-E56A-4140-B22F-406820405AB7}"/>
            </a:ext>
          </a:extLst>
        </xdr:cNvPr>
        <xdr:cNvSpPr txBox="1"/>
      </xdr:nvSpPr>
      <xdr:spPr>
        <a:xfrm>
          <a:off x="1426219" y="4048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8F59D587-B2F5-4E17-B48E-523635A91CD7}"/>
            </a:ext>
          </a:extLst>
        </xdr:cNvPr>
        <xdr:cNvSpPr/>
      </xdr:nvSpPr>
      <xdr:spPr>
        <a:xfrm>
          <a:off x="10198100" y="3387725"/>
          <a:ext cx="3800475" cy="2000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4FD2712B-3A2A-458E-842A-C9382D8A2A9C}"/>
            </a:ext>
          </a:extLst>
        </xdr:cNvPr>
        <xdr:cNvSpPr/>
      </xdr:nvSpPr>
      <xdr:spPr>
        <a:xfrm>
          <a:off x="11154043" y="3646742"/>
          <a:ext cx="942439" cy="2503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95087A04-61F1-4318-B68E-FF7DD1CA7006}"/>
            </a:ext>
          </a:extLst>
        </xdr:cNvPr>
        <xdr:cNvSpPr/>
      </xdr:nvSpPr>
      <xdr:spPr>
        <a:xfrm>
          <a:off x="12446540" y="3630071"/>
          <a:ext cx="862519" cy="2836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16.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3D9D768F-E5F0-4822-8417-E6EF5CFC06AE}"/>
            </a:ext>
          </a:extLst>
        </xdr:cNvPr>
        <xdr:cNvSpPr/>
      </xdr:nvSpPr>
      <xdr:spPr>
        <a:xfrm>
          <a:off x="13970000"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FE3B3243-3E58-4966-9DC9-B076AF3DAB4C}"/>
            </a:ext>
          </a:extLst>
        </xdr:cNvPr>
        <xdr:cNvSpPr/>
      </xdr:nvSpPr>
      <xdr:spPr>
        <a:xfrm>
          <a:off x="13970000"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F28FC4F6-9813-4662-A05E-7220DBC71AAC}"/>
            </a:ext>
          </a:extLst>
        </xdr:cNvPr>
        <xdr:cNvSpPr/>
      </xdr:nvSpPr>
      <xdr:spPr>
        <a:xfrm>
          <a:off x="15341600"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50A87087-0FA3-4674-978F-1D5194EA0C27}"/>
            </a:ext>
          </a:extLst>
        </xdr:cNvPr>
        <xdr:cNvSpPr/>
      </xdr:nvSpPr>
      <xdr:spPr>
        <a:xfrm>
          <a:off x="15341600"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7A7E8262-F441-47DD-9243-5589819549F4}"/>
            </a:ext>
          </a:extLst>
        </xdr:cNvPr>
        <xdr:cNvSpPr/>
      </xdr:nvSpPr>
      <xdr:spPr>
        <a:xfrm>
          <a:off x="16817975"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7952BAB4-5DE1-40A6-B2B5-DDC2CBE8BAB5}"/>
            </a:ext>
          </a:extLst>
        </xdr:cNvPr>
        <xdr:cNvSpPr/>
      </xdr:nvSpPr>
      <xdr:spPr>
        <a:xfrm>
          <a:off x="16817975"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AB6C1E5E-68BE-4333-B8CD-9FA7565E079A}"/>
            </a:ext>
          </a:extLst>
        </xdr:cNvPr>
        <xdr:cNvSpPr/>
      </xdr:nvSpPr>
      <xdr:spPr>
        <a:xfrm>
          <a:off x="10198100" y="3949700"/>
          <a:ext cx="3800475" cy="20383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8D8F9D30-AA22-4A76-ADCE-72B2593ED704}"/>
            </a:ext>
          </a:extLst>
        </xdr:cNvPr>
        <xdr:cNvSpPr/>
      </xdr:nvSpPr>
      <xdr:spPr>
        <a:xfrm>
          <a:off x="14246225" y="3949700"/>
          <a:ext cx="4286250" cy="20383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995024A3-5AD3-455A-A4A2-B8B8643038B0}"/>
            </a:ext>
          </a:extLst>
        </xdr:cNvPr>
        <xdr:cNvSpPr/>
      </xdr:nvSpPr>
      <xdr:spPr>
        <a:xfrm>
          <a:off x="14246225" y="4016375"/>
          <a:ext cx="41148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8344452F-7190-4B2B-9DA2-CDA0BF07A5FA}"/>
            </a:ext>
          </a:extLst>
        </xdr:cNvPr>
        <xdr:cNvSpPr txBox="1"/>
      </xdr:nvSpPr>
      <xdr:spPr>
        <a:xfrm>
          <a:off x="14322425" y="4225925"/>
          <a:ext cx="4105275" cy="16859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800" b="0" i="0" baseline="0">
              <a:solidFill>
                <a:schemeClr val="dk1"/>
              </a:solidFill>
              <a:effectLst/>
              <a:latin typeface="+mn-lt"/>
              <a:ea typeface="+mn-ea"/>
              <a:cs typeface="+mn-cs"/>
            </a:rPr>
            <a:t>債務償還比率は、類似団体と比較して高い水準となっています。これは、近年に地方債を発行しながら公共施設の整備などをすすめた結果、類似団体と比較して将来負担額が高いことなどが考えられます。また、令和３年度は２年度と比較して、横浜市道路建設事業団の損失補償債務残高が減少したこと等により分子である将来負担額が減少したことに加え、臨時財政対策債の活用額の増等による、分母である経常一般財源等が増加したこと等により、比率が減少しました。今後も、債務償還比率などの財政指標について、他都市との比較を行いつつ、「施策の推進と財政の健全性の維持」の両立の観点から、計画的な市債活用や借入金残高の管理など、持続可能な財政運営を進めていきます。</a:t>
          </a:r>
          <a:endParaRPr lang="ja-JP" altLang="ja-JP" sz="800">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04D2D026-627D-47F3-BFAA-38C3DC335190}"/>
            </a:ext>
          </a:extLst>
        </xdr:cNvPr>
        <xdr:cNvSpPr txBox="1"/>
      </xdr:nvSpPr>
      <xdr:spPr>
        <a:xfrm>
          <a:off x="10160000" y="3768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22FD23B3-95AD-40AE-B744-C1044FE2A3CA}"/>
            </a:ext>
          </a:extLst>
        </xdr:cNvPr>
        <xdr:cNvCxnSpPr/>
      </xdr:nvCxnSpPr>
      <xdr:spPr>
        <a:xfrm>
          <a:off x="10198100" y="5988050"/>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000992F0-453E-424F-8822-00C1C9001C14}"/>
            </a:ext>
          </a:extLst>
        </xdr:cNvPr>
        <xdr:cNvSpPr txBox="1"/>
      </xdr:nvSpPr>
      <xdr:spPr>
        <a:xfrm>
          <a:off x="9708926" y="59037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a:extLst>
            <a:ext uri="{FF2B5EF4-FFF2-40B4-BE49-F238E27FC236}">
              <a16:creationId xmlns:a16="http://schemas.microsoft.com/office/drawing/2014/main" id="{B337C06F-B3BD-4649-8853-F70959BC3A42}"/>
            </a:ext>
          </a:extLst>
        </xdr:cNvPr>
        <xdr:cNvCxnSpPr/>
      </xdr:nvCxnSpPr>
      <xdr:spPr>
        <a:xfrm>
          <a:off x="10198100" y="5695497"/>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a:extLst>
            <a:ext uri="{FF2B5EF4-FFF2-40B4-BE49-F238E27FC236}">
              <a16:creationId xmlns:a16="http://schemas.microsoft.com/office/drawing/2014/main" id="{776F9A65-F376-40BF-8DEF-D692551EF3B9}"/>
            </a:ext>
          </a:extLst>
        </xdr:cNvPr>
        <xdr:cNvSpPr txBox="1"/>
      </xdr:nvSpPr>
      <xdr:spPr>
        <a:xfrm>
          <a:off x="9708926" y="561122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a:extLst>
            <a:ext uri="{FF2B5EF4-FFF2-40B4-BE49-F238E27FC236}">
              <a16:creationId xmlns:a16="http://schemas.microsoft.com/office/drawing/2014/main" id="{0FF198E8-8980-4C61-8122-A9E012D95EAA}"/>
            </a:ext>
          </a:extLst>
        </xdr:cNvPr>
        <xdr:cNvCxnSpPr/>
      </xdr:nvCxnSpPr>
      <xdr:spPr>
        <a:xfrm>
          <a:off x="10198100" y="5412468"/>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8" name="テキスト ボックス 117">
          <a:extLst>
            <a:ext uri="{FF2B5EF4-FFF2-40B4-BE49-F238E27FC236}">
              <a16:creationId xmlns:a16="http://schemas.microsoft.com/office/drawing/2014/main" id="{65E87AC4-2783-4DA5-81DE-349B8CB4D7B1}"/>
            </a:ext>
          </a:extLst>
        </xdr:cNvPr>
        <xdr:cNvSpPr txBox="1"/>
      </xdr:nvSpPr>
      <xdr:spPr>
        <a:xfrm>
          <a:off x="9708926" y="532184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a:extLst>
            <a:ext uri="{FF2B5EF4-FFF2-40B4-BE49-F238E27FC236}">
              <a16:creationId xmlns:a16="http://schemas.microsoft.com/office/drawing/2014/main" id="{A323C1F0-261D-4668-AE16-72E40869F8DA}"/>
            </a:ext>
          </a:extLst>
        </xdr:cNvPr>
        <xdr:cNvCxnSpPr/>
      </xdr:nvCxnSpPr>
      <xdr:spPr>
        <a:xfrm>
          <a:off x="10198100" y="5123089"/>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1</xdr:row>
      <xdr:rowOff>6438</xdr:rowOff>
    </xdr:from>
    <xdr:ext cx="482824" cy="225703"/>
    <xdr:sp macro="" textlink="">
      <xdr:nvSpPr>
        <xdr:cNvPr id="120" name="テキスト ボックス 119">
          <a:extLst>
            <a:ext uri="{FF2B5EF4-FFF2-40B4-BE49-F238E27FC236}">
              <a16:creationId xmlns:a16="http://schemas.microsoft.com/office/drawing/2014/main" id="{FAFD9424-909C-4991-BB07-31EC88A26D6D}"/>
            </a:ext>
          </a:extLst>
        </xdr:cNvPr>
        <xdr:cNvSpPr txBox="1"/>
      </xdr:nvSpPr>
      <xdr:spPr>
        <a:xfrm>
          <a:off x="9708926" y="5029288"/>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a:extLst>
            <a:ext uri="{FF2B5EF4-FFF2-40B4-BE49-F238E27FC236}">
              <a16:creationId xmlns:a16="http://schemas.microsoft.com/office/drawing/2014/main" id="{20EDE261-0B6C-4A70-9BA5-A6A849B3CCF6}"/>
            </a:ext>
          </a:extLst>
        </xdr:cNvPr>
        <xdr:cNvCxnSpPr/>
      </xdr:nvCxnSpPr>
      <xdr:spPr>
        <a:xfrm>
          <a:off x="10198100" y="4830536"/>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a:extLst>
            <a:ext uri="{FF2B5EF4-FFF2-40B4-BE49-F238E27FC236}">
              <a16:creationId xmlns:a16="http://schemas.microsoft.com/office/drawing/2014/main" id="{426EFF2B-0976-4C4F-9665-88E293EE0625}"/>
            </a:ext>
          </a:extLst>
        </xdr:cNvPr>
        <xdr:cNvSpPr txBox="1"/>
      </xdr:nvSpPr>
      <xdr:spPr>
        <a:xfrm>
          <a:off x="9762011" y="473673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a:extLst>
            <a:ext uri="{FF2B5EF4-FFF2-40B4-BE49-F238E27FC236}">
              <a16:creationId xmlns:a16="http://schemas.microsoft.com/office/drawing/2014/main" id="{4889B6B5-9F1D-4CCB-87EC-8368710EAB21}"/>
            </a:ext>
          </a:extLst>
        </xdr:cNvPr>
        <xdr:cNvCxnSpPr/>
      </xdr:nvCxnSpPr>
      <xdr:spPr>
        <a:xfrm>
          <a:off x="10198100" y="4531632"/>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a:extLst>
            <a:ext uri="{FF2B5EF4-FFF2-40B4-BE49-F238E27FC236}">
              <a16:creationId xmlns:a16="http://schemas.microsoft.com/office/drawing/2014/main" id="{6DD77A6D-5221-4AC6-8875-AEC5825415EF}"/>
            </a:ext>
          </a:extLst>
        </xdr:cNvPr>
        <xdr:cNvSpPr txBox="1"/>
      </xdr:nvSpPr>
      <xdr:spPr>
        <a:xfrm>
          <a:off x="9762011" y="44473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a:extLst>
            <a:ext uri="{FF2B5EF4-FFF2-40B4-BE49-F238E27FC236}">
              <a16:creationId xmlns:a16="http://schemas.microsoft.com/office/drawing/2014/main" id="{0410EFCB-358D-49ED-8E58-D69FFD024A81}"/>
            </a:ext>
          </a:extLst>
        </xdr:cNvPr>
        <xdr:cNvCxnSpPr/>
      </xdr:nvCxnSpPr>
      <xdr:spPr>
        <a:xfrm>
          <a:off x="10198100" y="4239078"/>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09852</xdr:rowOff>
    </xdr:from>
    <xdr:ext cx="410689" cy="225703"/>
    <xdr:sp macro="" textlink="">
      <xdr:nvSpPr>
        <xdr:cNvPr id="126" name="テキスト ボックス 125">
          <a:extLst>
            <a:ext uri="{FF2B5EF4-FFF2-40B4-BE49-F238E27FC236}">
              <a16:creationId xmlns:a16="http://schemas.microsoft.com/office/drawing/2014/main" id="{12A2F921-6840-49BF-91AE-FA589D3DF63C}"/>
            </a:ext>
          </a:extLst>
        </xdr:cNvPr>
        <xdr:cNvSpPr txBox="1"/>
      </xdr:nvSpPr>
      <xdr:spPr>
        <a:xfrm>
          <a:off x="9762011" y="415480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DFECD392-7EC9-4CA6-8FE7-4AEEA57D2EC1}"/>
            </a:ext>
          </a:extLst>
        </xdr:cNvPr>
        <xdr:cNvCxnSpPr/>
      </xdr:nvCxnSpPr>
      <xdr:spPr>
        <a:xfrm>
          <a:off x="10198100" y="3949700"/>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3</xdr:row>
      <xdr:rowOff>144324</xdr:rowOff>
    </xdr:from>
    <xdr:ext cx="410689" cy="225703"/>
    <xdr:sp macro="" textlink="">
      <xdr:nvSpPr>
        <xdr:cNvPr id="128" name="テキスト ボックス 127">
          <a:extLst>
            <a:ext uri="{FF2B5EF4-FFF2-40B4-BE49-F238E27FC236}">
              <a16:creationId xmlns:a16="http://schemas.microsoft.com/office/drawing/2014/main" id="{FFDCCC61-8CAF-44BE-95BF-3A9076012F3A}"/>
            </a:ext>
          </a:extLst>
        </xdr:cNvPr>
        <xdr:cNvSpPr txBox="1"/>
      </xdr:nvSpPr>
      <xdr:spPr>
        <a:xfrm>
          <a:off x="9762011" y="38654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9" name="債務償還比率グラフ枠">
          <a:extLst>
            <a:ext uri="{FF2B5EF4-FFF2-40B4-BE49-F238E27FC236}">
              <a16:creationId xmlns:a16="http://schemas.microsoft.com/office/drawing/2014/main" id="{D52663FD-0125-416F-BEEB-1649F5E71640}"/>
            </a:ext>
          </a:extLst>
        </xdr:cNvPr>
        <xdr:cNvSpPr/>
      </xdr:nvSpPr>
      <xdr:spPr>
        <a:xfrm>
          <a:off x="10198100" y="3949700"/>
          <a:ext cx="3800475" cy="20383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5</xdr:row>
      <xdr:rowOff>137495</xdr:rowOff>
    </xdr:from>
    <xdr:to>
      <xdr:col>76</xdr:col>
      <xdr:colOff>21589</xdr:colOff>
      <xdr:row>32</xdr:row>
      <xdr:rowOff>160111</xdr:rowOff>
    </xdr:to>
    <xdr:cxnSp macro="">
      <xdr:nvCxnSpPr>
        <xdr:cNvPr id="130" name="直線コネクタ 129">
          <a:extLst>
            <a:ext uri="{FF2B5EF4-FFF2-40B4-BE49-F238E27FC236}">
              <a16:creationId xmlns:a16="http://schemas.microsoft.com/office/drawing/2014/main" id="{1280A723-1D2A-44EE-8038-1B19A2789FF1}"/>
            </a:ext>
          </a:extLst>
        </xdr:cNvPr>
        <xdr:cNvCxnSpPr/>
      </xdr:nvCxnSpPr>
      <xdr:spPr>
        <a:xfrm flipV="1">
          <a:off x="13326745" y="4188795"/>
          <a:ext cx="1269" cy="11560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2</xdr:row>
      <xdr:rowOff>163938</xdr:rowOff>
    </xdr:from>
    <xdr:ext cx="560923" cy="259045"/>
    <xdr:sp macro="" textlink="">
      <xdr:nvSpPr>
        <xdr:cNvPr id="131" name="債務償還比率最小値テキスト">
          <a:extLst>
            <a:ext uri="{FF2B5EF4-FFF2-40B4-BE49-F238E27FC236}">
              <a16:creationId xmlns:a16="http://schemas.microsoft.com/office/drawing/2014/main" id="{7BFFD543-B2E6-4923-B8C2-EAE9C702587B}"/>
            </a:ext>
          </a:extLst>
        </xdr:cNvPr>
        <xdr:cNvSpPr txBox="1"/>
      </xdr:nvSpPr>
      <xdr:spPr>
        <a:xfrm>
          <a:off x="13379450" y="534236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2</xdr:row>
      <xdr:rowOff>160111</xdr:rowOff>
    </xdr:from>
    <xdr:to>
      <xdr:col>76</xdr:col>
      <xdr:colOff>111125</xdr:colOff>
      <xdr:row>32</xdr:row>
      <xdr:rowOff>160111</xdr:rowOff>
    </xdr:to>
    <xdr:cxnSp macro="">
      <xdr:nvCxnSpPr>
        <xdr:cNvPr id="132" name="直線コネクタ 131">
          <a:extLst>
            <a:ext uri="{FF2B5EF4-FFF2-40B4-BE49-F238E27FC236}">
              <a16:creationId xmlns:a16="http://schemas.microsoft.com/office/drawing/2014/main" id="{0C056D4C-E04B-451F-AA4E-29BFD8D8ADF1}"/>
            </a:ext>
          </a:extLst>
        </xdr:cNvPr>
        <xdr:cNvCxnSpPr/>
      </xdr:nvCxnSpPr>
      <xdr:spPr>
        <a:xfrm>
          <a:off x="13255625" y="5344886"/>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84172</xdr:rowOff>
    </xdr:from>
    <xdr:ext cx="469744" cy="259045"/>
    <xdr:sp macro="" textlink="">
      <xdr:nvSpPr>
        <xdr:cNvPr id="133" name="債務償還比率最大値テキスト">
          <a:extLst>
            <a:ext uri="{FF2B5EF4-FFF2-40B4-BE49-F238E27FC236}">
              <a16:creationId xmlns:a16="http://schemas.microsoft.com/office/drawing/2014/main" id="{C3840E1B-C4F5-42FF-B86E-0E449883C650}"/>
            </a:ext>
          </a:extLst>
        </xdr:cNvPr>
        <xdr:cNvSpPr txBox="1"/>
      </xdr:nvSpPr>
      <xdr:spPr>
        <a:xfrm>
          <a:off x="13379450" y="3973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5</xdr:row>
      <xdr:rowOff>137495</xdr:rowOff>
    </xdr:from>
    <xdr:to>
      <xdr:col>76</xdr:col>
      <xdr:colOff>111125</xdr:colOff>
      <xdr:row>25</xdr:row>
      <xdr:rowOff>137495</xdr:rowOff>
    </xdr:to>
    <xdr:cxnSp macro="">
      <xdr:nvCxnSpPr>
        <xdr:cNvPr id="134" name="直線コネクタ 133">
          <a:extLst>
            <a:ext uri="{FF2B5EF4-FFF2-40B4-BE49-F238E27FC236}">
              <a16:creationId xmlns:a16="http://schemas.microsoft.com/office/drawing/2014/main" id="{EB1AA606-C07A-45E1-98F8-5047BDF871FD}"/>
            </a:ext>
          </a:extLst>
        </xdr:cNvPr>
        <xdr:cNvCxnSpPr/>
      </xdr:nvCxnSpPr>
      <xdr:spPr>
        <a:xfrm>
          <a:off x="13255625" y="418879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5932</xdr:rowOff>
    </xdr:from>
    <xdr:ext cx="469744" cy="259045"/>
    <xdr:sp macro="" textlink="">
      <xdr:nvSpPr>
        <xdr:cNvPr id="135" name="債務償還比率平均値テキスト">
          <a:extLst>
            <a:ext uri="{FF2B5EF4-FFF2-40B4-BE49-F238E27FC236}">
              <a16:creationId xmlns:a16="http://schemas.microsoft.com/office/drawing/2014/main" id="{6EF801BF-45C9-48B3-A130-DA0E827C4143}"/>
            </a:ext>
          </a:extLst>
        </xdr:cNvPr>
        <xdr:cNvSpPr txBox="1"/>
      </xdr:nvSpPr>
      <xdr:spPr>
        <a:xfrm>
          <a:off x="13379450" y="45430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54505</xdr:rowOff>
    </xdr:from>
    <xdr:to>
      <xdr:col>76</xdr:col>
      <xdr:colOff>73025</xdr:colOff>
      <xdr:row>29</xdr:row>
      <xdr:rowOff>84655</xdr:rowOff>
    </xdr:to>
    <xdr:sp macro="" textlink="">
      <xdr:nvSpPr>
        <xdr:cNvPr id="136" name="フローチャート: 判断 135">
          <a:extLst>
            <a:ext uri="{FF2B5EF4-FFF2-40B4-BE49-F238E27FC236}">
              <a16:creationId xmlns:a16="http://schemas.microsoft.com/office/drawing/2014/main" id="{22B5A395-F1ED-4FC4-9088-181F4675D625}"/>
            </a:ext>
          </a:extLst>
        </xdr:cNvPr>
        <xdr:cNvSpPr/>
      </xdr:nvSpPr>
      <xdr:spPr>
        <a:xfrm>
          <a:off x="13293725" y="468840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84446</xdr:rowOff>
    </xdr:from>
    <xdr:to>
      <xdr:col>72</xdr:col>
      <xdr:colOff>123825</xdr:colOff>
      <xdr:row>32</xdr:row>
      <xdr:rowOff>14596</xdr:rowOff>
    </xdr:to>
    <xdr:sp macro="" textlink="">
      <xdr:nvSpPr>
        <xdr:cNvPr id="137" name="フローチャート: 判断 136">
          <a:extLst>
            <a:ext uri="{FF2B5EF4-FFF2-40B4-BE49-F238E27FC236}">
              <a16:creationId xmlns:a16="http://schemas.microsoft.com/office/drawing/2014/main" id="{983241F3-437E-4999-9B60-CCB787D4334D}"/>
            </a:ext>
          </a:extLst>
        </xdr:cNvPr>
        <xdr:cNvSpPr/>
      </xdr:nvSpPr>
      <xdr:spPr>
        <a:xfrm>
          <a:off x="12646025" y="5107296"/>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106961</xdr:rowOff>
    </xdr:from>
    <xdr:to>
      <xdr:col>68</xdr:col>
      <xdr:colOff>123825</xdr:colOff>
      <xdr:row>32</xdr:row>
      <xdr:rowOff>37111</xdr:rowOff>
    </xdr:to>
    <xdr:sp macro="" textlink="">
      <xdr:nvSpPr>
        <xdr:cNvPr id="138" name="フローチャート: 判断 137">
          <a:extLst>
            <a:ext uri="{FF2B5EF4-FFF2-40B4-BE49-F238E27FC236}">
              <a16:creationId xmlns:a16="http://schemas.microsoft.com/office/drawing/2014/main" id="{A31BF65D-6BBC-44AD-AB62-EE96C3EC38A7}"/>
            </a:ext>
          </a:extLst>
        </xdr:cNvPr>
        <xdr:cNvSpPr/>
      </xdr:nvSpPr>
      <xdr:spPr>
        <a:xfrm>
          <a:off x="11960225" y="5123461"/>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85834</xdr:rowOff>
    </xdr:from>
    <xdr:to>
      <xdr:col>64</xdr:col>
      <xdr:colOff>123825</xdr:colOff>
      <xdr:row>32</xdr:row>
      <xdr:rowOff>15984</xdr:rowOff>
    </xdr:to>
    <xdr:sp macro="" textlink="">
      <xdr:nvSpPr>
        <xdr:cNvPr id="139" name="フローチャート: 判断 138">
          <a:extLst>
            <a:ext uri="{FF2B5EF4-FFF2-40B4-BE49-F238E27FC236}">
              <a16:creationId xmlns:a16="http://schemas.microsoft.com/office/drawing/2014/main" id="{2FB45CA0-00F7-4989-9915-DE41C91A81E9}"/>
            </a:ext>
          </a:extLst>
        </xdr:cNvPr>
        <xdr:cNvSpPr/>
      </xdr:nvSpPr>
      <xdr:spPr>
        <a:xfrm>
          <a:off x="11274425" y="5102334"/>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08041</xdr:rowOff>
    </xdr:from>
    <xdr:to>
      <xdr:col>60</xdr:col>
      <xdr:colOff>123825</xdr:colOff>
      <xdr:row>32</xdr:row>
      <xdr:rowOff>38191</xdr:rowOff>
    </xdr:to>
    <xdr:sp macro="" textlink="">
      <xdr:nvSpPr>
        <xdr:cNvPr id="140" name="フローチャート: 判断 139">
          <a:extLst>
            <a:ext uri="{FF2B5EF4-FFF2-40B4-BE49-F238E27FC236}">
              <a16:creationId xmlns:a16="http://schemas.microsoft.com/office/drawing/2014/main" id="{193886D6-E27B-4F49-ADF9-3070937DA4B4}"/>
            </a:ext>
          </a:extLst>
        </xdr:cNvPr>
        <xdr:cNvSpPr/>
      </xdr:nvSpPr>
      <xdr:spPr>
        <a:xfrm>
          <a:off x="10588625" y="5124541"/>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F942D3C6-02DC-4F79-A404-CFC7CE7E6248}"/>
            </a:ext>
          </a:extLst>
        </xdr:cNvPr>
        <xdr:cNvSpPr txBox="1"/>
      </xdr:nvSpPr>
      <xdr:spPr>
        <a:xfrm>
          <a:off x="1316990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52EBC74A-F12E-4CA7-8B16-2788E01EF1E8}"/>
            </a:ext>
          </a:extLst>
        </xdr:cNvPr>
        <xdr:cNvSpPr txBox="1"/>
      </xdr:nvSpPr>
      <xdr:spPr>
        <a:xfrm>
          <a:off x="125317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517F145F-F057-4E77-9B61-447541E6D70C}"/>
            </a:ext>
          </a:extLst>
        </xdr:cNvPr>
        <xdr:cNvSpPr txBox="1"/>
      </xdr:nvSpPr>
      <xdr:spPr>
        <a:xfrm>
          <a:off x="118459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14BCEE71-0E48-4168-93CB-E5005A018C1D}"/>
            </a:ext>
          </a:extLst>
        </xdr:cNvPr>
        <xdr:cNvSpPr txBox="1"/>
      </xdr:nvSpPr>
      <xdr:spPr>
        <a:xfrm>
          <a:off x="111601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5" name="テキスト ボックス 144">
          <a:extLst>
            <a:ext uri="{FF2B5EF4-FFF2-40B4-BE49-F238E27FC236}">
              <a16:creationId xmlns:a16="http://schemas.microsoft.com/office/drawing/2014/main" id="{EBC13420-CE1F-4DF7-BAEA-96C91ED56167}"/>
            </a:ext>
          </a:extLst>
        </xdr:cNvPr>
        <xdr:cNvSpPr txBox="1"/>
      </xdr:nvSpPr>
      <xdr:spPr>
        <a:xfrm>
          <a:off x="104743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92275</xdr:rowOff>
    </xdr:from>
    <xdr:to>
      <xdr:col>76</xdr:col>
      <xdr:colOff>73025</xdr:colOff>
      <xdr:row>31</xdr:row>
      <xdr:rowOff>22425</xdr:rowOff>
    </xdr:to>
    <xdr:sp macro="" textlink="">
      <xdr:nvSpPr>
        <xdr:cNvPr id="146" name="楕円 145">
          <a:extLst>
            <a:ext uri="{FF2B5EF4-FFF2-40B4-BE49-F238E27FC236}">
              <a16:creationId xmlns:a16="http://schemas.microsoft.com/office/drawing/2014/main" id="{70204110-003A-4590-887D-7F93DD91827A}"/>
            </a:ext>
          </a:extLst>
        </xdr:cNvPr>
        <xdr:cNvSpPr/>
      </xdr:nvSpPr>
      <xdr:spPr>
        <a:xfrm>
          <a:off x="13293725" y="495002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70702</xdr:rowOff>
    </xdr:from>
    <xdr:ext cx="469744" cy="259045"/>
    <xdr:sp macro="" textlink="">
      <xdr:nvSpPr>
        <xdr:cNvPr id="147" name="債務償還比率該当値テキスト">
          <a:extLst>
            <a:ext uri="{FF2B5EF4-FFF2-40B4-BE49-F238E27FC236}">
              <a16:creationId xmlns:a16="http://schemas.microsoft.com/office/drawing/2014/main" id="{28D6727D-755A-4B57-A08B-3E7FC93161D8}"/>
            </a:ext>
          </a:extLst>
        </xdr:cNvPr>
        <xdr:cNvSpPr txBox="1"/>
      </xdr:nvSpPr>
      <xdr:spPr>
        <a:xfrm>
          <a:off x="13379450" y="4925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3</xdr:row>
      <xdr:rowOff>91612</xdr:rowOff>
    </xdr:from>
    <xdr:to>
      <xdr:col>72</xdr:col>
      <xdr:colOff>123825</xdr:colOff>
      <xdr:row>34</xdr:row>
      <xdr:rowOff>21762</xdr:rowOff>
    </xdr:to>
    <xdr:sp macro="" textlink="">
      <xdr:nvSpPr>
        <xdr:cNvPr id="148" name="楕円 147">
          <a:extLst>
            <a:ext uri="{FF2B5EF4-FFF2-40B4-BE49-F238E27FC236}">
              <a16:creationId xmlns:a16="http://schemas.microsoft.com/office/drawing/2014/main" id="{AF2AA0A3-C475-4AC6-A90D-176CBDA95E75}"/>
            </a:ext>
          </a:extLst>
        </xdr:cNvPr>
        <xdr:cNvSpPr/>
      </xdr:nvSpPr>
      <xdr:spPr>
        <a:xfrm>
          <a:off x="12646025" y="543196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43075</xdr:rowOff>
    </xdr:from>
    <xdr:to>
      <xdr:col>76</xdr:col>
      <xdr:colOff>22225</xdr:colOff>
      <xdr:row>33</xdr:row>
      <xdr:rowOff>142412</xdr:rowOff>
    </xdr:to>
    <xdr:cxnSp macro="">
      <xdr:nvCxnSpPr>
        <xdr:cNvPr id="149" name="直線コネクタ 148">
          <a:extLst>
            <a:ext uri="{FF2B5EF4-FFF2-40B4-BE49-F238E27FC236}">
              <a16:creationId xmlns:a16="http://schemas.microsoft.com/office/drawing/2014/main" id="{CB108DC4-C7B6-4936-9DC3-EADAF4933E62}"/>
            </a:ext>
          </a:extLst>
        </xdr:cNvPr>
        <xdr:cNvCxnSpPr/>
      </xdr:nvCxnSpPr>
      <xdr:spPr>
        <a:xfrm flipV="1">
          <a:off x="12693650" y="4997650"/>
          <a:ext cx="638175" cy="491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4</xdr:row>
      <xdr:rowOff>78386</xdr:rowOff>
    </xdr:from>
    <xdr:to>
      <xdr:col>68</xdr:col>
      <xdr:colOff>123825</xdr:colOff>
      <xdr:row>35</xdr:row>
      <xdr:rowOff>8536</xdr:rowOff>
    </xdr:to>
    <xdr:sp macro="" textlink="">
      <xdr:nvSpPr>
        <xdr:cNvPr id="150" name="楕円 149">
          <a:extLst>
            <a:ext uri="{FF2B5EF4-FFF2-40B4-BE49-F238E27FC236}">
              <a16:creationId xmlns:a16="http://schemas.microsoft.com/office/drawing/2014/main" id="{8F4E705F-0A4B-4CB7-8ECC-AC61EA6736D5}"/>
            </a:ext>
          </a:extLst>
        </xdr:cNvPr>
        <xdr:cNvSpPr/>
      </xdr:nvSpPr>
      <xdr:spPr>
        <a:xfrm>
          <a:off x="11960225" y="5583836"/>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3</xdr:row>
      <xdr:rowOff>142412</xdr:rowOff>
    </xdr:from>
    <xdr:to>
      <xdr:col>72</xdr:col>
      <xdr:colOff>73025</xdr:colOff>
      <xdr:row>34</xdr:row>
      <xdr:rowOff>129186</xdr:rowOff>
    </xdr:to>
    <xdr:cxnSp macro="">
      <xdr:nvCxnSpPr>
        <xdr:cNvPr id="151" name="直線コネクタ 150">
          <a:extLst>
            <a:ext uri="{FF2B5EF4-FFF2-40B4-BE49-F238E27FC236}">
              <a16:creationId xmlns:a16="http://schemas.microsoft.com/office/drawing/2014/main" id="{BE48E619-1F8A-47AF-8253-D59B1219607B}"/>
            </a:ext>
          </a:extLst>
        </xdr:cNvPr>
        <xdr:cNvCxnSpPr/>
      </xdr:nvCxnSpPr>
      <xdr:spPr>
        <a:xfrm flipV="1">
          <a:off x="12007850" y="5489112"/>
          <a:ext cx="685800" cy="142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21908</xdr:rowOff>
    </xdr:from>
    <xdr:to>
      <xdr:col>64</xdr:col>
      <xdr:colOff>123825</xdr:colOff>
      <xdr:row>33</xdr:row>
      <xdr:rowOff>123507</xdr:rowOff>
    </xdr:to>
    <xdr:sp macro="" textlink="">
      <xdr:nvSpPr>
        <xdr:cNvPr id="152" name="楕円 151">
          <a:extLst>
            <a:ext uri="{FF2B5EF4-FFF2-40B4-BE49-F238E27FC236}">
              <a16:creationId xmlns:a16="http://schemas.microsoft.com/office/drawing/2014/main" id="{1BE30052-8BBC-4649-A64A-1546C9A6B744}"/>
            </a:ext>
          </a:extLst>
        </xdr:cNvPr>
        <xdr:cNvSpPr/>
      </xdr:nvSpPr>
      <xdr:spPr>
        <a:xfrm>
          <a:off x="11274425" y="5365433"/>
          <a:ext cx="95250" cy="104774"/>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72708</xdr:rowOff>
    </xdr:from>
    <xdr:to>
      <xdr:col>68</xdr:col>
      <xdr:colOff>73025</xdr:colOff>
      <xdr:row>34</xdr:row>
      <xdr:rowOff>129186</xdr:rowOff>
    </xdr:to>
    <xdr:cxnSp macro="">
      <xdr:nvCxnSpPr>
        <xdr:cNvPr id="153" name="直線コネクタ 152">
          <a:extLst>
            <a:ext uri="{FF2B5EF4-FFF2-40B4-BE49-F238E27FC236}">
              <a16:creationId xmlns:a16="http://schemas.microsoft.com/office/drawing/2014/main" id="{2F0B68CE-B74D-4C29-BBA9-4F0BD4EABFF5}"/>
            </a:ext>
          </a:extLst>
        </xdr:cNvPr>
        <xdr:cNvCxnSpPr/>
      </xdr:nvCxnSpPr>
      <xdr:spPr>
        <a:xfrm>
          <a:off x="11322050" y="5413058"/>
          <a:ext cx="685800" cy="218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55835</xdr:rowOff>
    </xdr:from>
    <xdr:to>
      <xdr:col>60</xdr:col>
      <xdr:colOff>123825</xdr:colOff>
      <xdr:row>33</xdr:row>
      <xdr:rowOff>157435</xdr:rowOff>
    </xdr:to>
    <xdr:sp macro="" textlink="">
      <xdr:nvSpPr>
        <xdr:cNvPr id="154" name="楕円 153">
          <a:extLst>
            <a:ext uri="{FF2B5EF4-FFF2-40B4-BE49-F238E27FC236}">
              <a16:creationId xmlns:a16="http://schemas.microsoft.com/office/drawing/2014/main" id="{29FD98AC-D061-4E98-AF82-30E107CA59B2}"/>
            </a:ext>
          </a:extLst>
        </xdr:cNvPr>
        <xdr:cNvSpPr/>
      </xdr:nvSpPr>
      <xdr:spPr>
        <a:xfrm>
          <a:off x="10588625" y="5399360"/>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72708</xdr:rowOff>
    </xdr:from>
    <xdr:to>
      <xdr:col>64</xdr:col>
      <xdr:colOff>73025</xdr:colOff>
      <xdr:row>33</xdr:row>
      <xdr:rowOff>106635</xdr:rowOff>
    </xdr:to>
    <xdr:cxnSp macro="">
      <xdr:nvCxnSpPr>
        <xdr:cNvPr id="155" name="直線コネクタ 154">
          <a:extLst>
            <a:ext uri="{FF2B5EF4-FFF2-40B4-BE49-F238E27FC236}">
              <a16:creationId xmlns:a16="http://schemas.microsoft.com/office/drawing/2014/main" id="{67283F51-1DDD-485B-B0A9-F084F1234032}"/>
            </a:ext>
          </a:extLst>
        </xdr:cNvPr>
        <xdr:cNvCxnSpPr/>
      </xdr:nvCxnSpPr>
      <xdr:spPr>
        <a:xfrm flipV="1">
          <a:off x="10636250" y="5413058"/>
          <a:ext cx="685800" cy="33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0</xdr:col>
      <xdr:colOff>160863</xdr:colOff>
      <xdr:row>30</xdr:row>
      <xdr:rowOff>31123</xdr:rowOff>
    </xdr:from>
    <xdr:ext cx="560923" cy="259045"/>
    <xdr:sp macro="" textlink="">
      <xdr:nvSpPr>
        <xdr:cNvPr id="156" name="n_1aveValue債務償還比率">
          <a:extLst>
            <a:ext uri="{FF2B5EF4-FFF2-40B4-BE49-F238E27FC236}">
              <a16:creationId xmlns:a16="http://schemas.microsoft.com/office/drawing/2014/main" id="{5A33B717-9CE6-49BE-A33C-A7EACE42D404}"/>
            </a:ext>
          </a:extLst>
        </xdr:cNvPr>
        <xdr:cNvSpPr txBox="1"/>
      </xdr:nvSpPr>
      <xdr:spPr>
        <a:xfrm>
          <a:off x="12441763" y="488569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0</xdr:row>
      <xdr:rowOff>53638</xdr:rowOff>
    </xdr:from>
    <xdr:ext cx="560923" cy="259045"/>
    <xdr:sp macro="" textlink="">
      <xdr:nvSpPr>
        <xdr:cNvPr id="157" name="n_2aveValue債務償還比率">
          <a:extLst>
            <a:ext uri="{FF2B5EF4-FFF2-40B4-BE49-F238E27FC236}">
              <a16:creationId xmlns:a16="http://schemas.microsoft.com/office/drawing/2014/main" id="{615B37F4-5578-4375-8006-1F7426AF72A7}"/>
            </a:ext>
          </a:extLst>
        </xdr:cNvPr>
        <xdr:cNvSpPr txBox="1"/>
      </xdr:nvSpPr>
      <xdr:spPr>
        <a:xfrm>
          <a:off x="11765488" y="490821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0</xdr:row>
      <xdr:rowOff>32511</xdr:rowOff>
    </xdr:from>
    <xdr:ext cx="560923" cy="259045"/>
    <xdr:sp macro="" textlink="">
      <xdr:nvSpPr>
        <xdr:cNvPr id="158" name="n_3aveValue債務償還比率">
          <a:extLst>
            <a:ext uri="{FF2B5EF4-FFF2-40B4-BE49-F238E27FC236}">
              <a16:creationId xmlns:a16="http://schemas.microsoft.com/office/drawing/2014/main" id="{B494EA5D-A1DD-4E15-BFA3-72D4E1ACD36C}"/>
            </a:ext>
          </a:extLst>
        </xdr:cNvPr>
        <xdr:cNvSpPr txBox="1"/>
      </xdr:nvSpPr>
      <xdr:spPr>
        <a:xfrm>
          <a:off x="11079688" y="488708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0</xdr:row>
      <xdr:rowOff>54718</xdr:rowOff>
    </xdr:from>
    <xdr:ext cx="560923" cy="259045"/>
    <xdr:sp macro="" textlink="">
      <xdr:nvSpPr>
        <xdr:cNvPr id="159" name="n_4aveValue債務償還比率">
          <a:extLst>
            <a:ext uri="{FF2B5EF4-FFF2-40B4-BE49-F238E27FC236}">
              <a16:creationId xmlns:a16="http://schemas.microsoft.com/office/drawing/2014/main" id="{8D164626-EB66-4B03-B3ED-8B9905A5E8A4}"/>
            </a:ext>
          </a:extLst>
        </xdr:cNvPr>
        <xdr:cNvSpPr txBox="1"/>
      </xdr:nvSpPr>
      <xdr:spPr>
        <a:xfrm>
          <a:off x="10393888" y="491246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4</xdr:row>
      <xdr:rowOff>12889</xdr:rowOff>
    </xdr:from>
    <xdr:ext cx="560923" cy="259045"/>
    <xdr:sp macro="" textlink="">
      <xdr:nvSpPr>
        <xdr:cNvPr id="160" name="n_1mainValue債務償還比率">
          <a:extLst>
            <a:ext uri="{FF2B5EF4-FFF2-40B4-BE49-F238E27FC236}">
              <a16:creationId xmlns:a16="http://schemas.microsoft.com/office/drawing/2014/main" id="{E0CB740E-8106-4CCA-8E65-C04A1CB474FE}"/>
            </a:ext>
          </a:extLst>
        </xdr:cNvPr>
        <xdr:cNvSpPr txBox="1"/>
      </xdr:nvSpPr>
      <xdr:spPr>
        <a:xfrm>
          <a:off x="12441763" y="551516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4</xdr:row>
      <xdr:rowOff>171113</xdr:rowOff>
    </xdr:from>
    <xdr:ext cx="560923" cy="259045"/>
    <xdr:sp macro="" textlink="">
      <xdr:nvSpPr>
        <xdr:cNvPr id="161" name="n_2mainValue債務償還比率">
          <a:extLst>
            <a:ext uri="{FF2B5EF4-FFF2-40B4-BE49-F238E27FC236}">
              <a16:creationId xmlns:a16="http://schemas.microsoft.com/office/drawing/2014/main" id="{4406808D-4E82-4072-BBC9-5FDE0713C3AB}"/>
            </a:ext>
          </a:extLst>
        </xdr:cNvPr>
        <xdr:cNvSpPr txBox="1"/>
      </xdr:nvSpPr>
      <xdr:spPr>
        <a:xfrm>
          <a:off x="11765488" y="566703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3</xdr:row>
      <xdr:rowOff>114634</xdr:rowOff>
    </xdr:from>
    <xdr:ext cx="560923" cy="259045"/>
    <xdr:sp macro="" textlink="">
      <xdr:nvSpPr>
        <xdr:cNvPr id="162" name="n_3mainValue債務償還比率">
          <a:extLst>
            <a:ext uri="{FF2B5EF4-FFF2-40B4-BE49-F238E27FC236}">
              <a16:creationId xmlns:a16="http://schemas.microsoft.com/office/drawing/2014/main" id="{68663B0D-ECCE-4A11-9D1F-8A660FAE7387}"/>
            </a:ext>
          </a:extLst>
        </xdr:cNvPr>
        <xdr:cNvSpPr txBox="1"/>
      </xdr:nvSpPr>
      <xdr:spPr>
        <a:xfrm>
          <a:off x="11079688" y="545815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3</xdr:row>
      <xdr:rowOff>148562</xdr:rowOff>
    </xdr:from>
    <xdr:ext cx="560923" cy="259045"/>
    <xdr:sp macro="" textlink="">
      <xdr:nvSpPr>
        <xdr:cNvPr id="163" name="n_4mainValue債務償還比率">
          <a:extLst>
            <a:ext uri="{FF2B5EF4-FFF2-40B4-BE49-F238E27FC236}">
              <a16:creationId xmlns:a16="http://schemas.microsoft.com/office/drawing/2014/main" id="{3A6FC544-DA6B-4B5C-90C0-662EE962AC80}"/>
            </a:ext>
          </a:extLst>
        </xdr:cNvPr>
        <xdr:cNvSpPr txBox="1"/>
      </xdr:nvSpPr>
      <xdr:spPr>
        <a:xfrm>
          <a:off x="10393888" y="548891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4" name="正方形/長方形 163">
          <a:extLst>
            <a:ext uri="{FF2B5EF4-FFF2-40B4-BE49-F238E27FC236}">
              <a16:creationId xmlns:a16="http://schemas.microsoft.com/office/drawing/2014/main" id="{B9EE9B10-CC98-4AC2-8FC1-83F78EFD42BA}"/>
            </a:ext>
          </a:extLst>
        </xdr:cNvPr>
        <xdr:cNvSpPr/>
      </xdr:nvSpPr>
      <xdr:spPr>
        <a:xfrm>
          <a:off x="1158875" y="6791325"/>
          <a:ext cx="5314950" cy="323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5" name="正方形/長方形 164">
          <a:extLst>
            <a:ext uri="{FF2B5EF4-FFF2-40B4-BE49-F238E27FC236}">
              <a16:creationId xmlns:a16="http://schemas.microsoft.com/office/drawing/2014/main" id="{E426C4B7-096D-40EB-A7CF-3C55C18755BC}"/>
            </a:ext>
          </a:extLst>
        </xdr:cNvPr>
        <xdr:cNvSpPr/>
      </xdr:nvSpPr>
      <xdr:spPr>
        <a:xfrm>
          <a:off x="1158875" y="10340975"/>
          <a:ext cx="5314950" cy="323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6" name="テキスト ボックス 165">
          <a:extLst>
            <a:ext uri="{FF2B5EF4-FFF2-40B4-BE49-F238E27FC236}">
              <a16:creationId xmlns:a16="http://schemas.microsoft.com/office/drawing/2014/main" id="{18987B3C-98F8-4FFE-8095-CAB89216739D}"/>
            </a:ext>
          </a:extLst>
        </xdr:cNvPr>
        <xdr:cNvSpPr txBox="1"/>
      </xdr:nvSpPr>
      <xdr:spPr>
        <a:xfrm>
          <a:off x="835025" y="70294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7" name="テキスト ボックス 166">
          <a:extLst>
            <a:ext uri="{FF2B5EF4-FFF2-40B4-BE49-F238E27FC236}">
              <a16:creationId xmlns:a16="http://schemas.microsoft.com/office/drawing/2014/main" id="{BE7FFB2A-DC17-4421-B4A1-4AA16737224F}"/>
            </a:ext>
          </a:extLst>
        </xdr:cNvPr>
        <xdr:cNvSpPr txBox="1"/>
      </xdr:nvSpPr>
      <xdr:spPr>
        <a:xfrm>
          <a:off x="6302375" y="95535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8" name="テキスト ボックス 167">
          <a:extLst>
            <a:ext uri="{FF2B5EF4-FFF2-40B4-BE49-F238E27FC236}">
              <a16:creationId xmlns:a16="http://schemas.microsoft.com/office/drawing/2014/main" id="{A025CE61-474C-4CDF-BE15-3C116B0C87F6}"/>
            </a:ext>
          </a:extLst>
        </xdr:cNvPr>
        <xdr:cNvSpPr txBox="1"/>
      </xdr:nvSpPr>
      <xdr:spPr>
        <a:xfrm>
          <a:off x="835025" y="105505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9" name="テキスト ボックス 168">
          <a:extLst>
            <a:ext uri="{FF2B5EF4-FFF2-40B4-BE49-F238E27FC236}">
              <a16:creationId xmlns:a16="http://schemas.microsoft.com/office/drawing/2014/main" id="{AE2E715E-0509-4A64-B476-6910C0D5051C}"/>
            </a:ext>
          </a:extLst>
        </xdr:cNvPr>
        <xdr:cNvSpPr txBox="1"/>
      </xdr:nvSpPr>
      <xdr:spPr>
        <a:xfrm>
          <a:off x="6302375" y="131603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B20AB6F-6959-4608-99D3-BA338ED7BE6C}"/>
            </a:ext>
          </a:extLst>
        </xdr:cNvPr>
        <xdr:cNvSpPr/>
      </xdr:nvSpPr>
      <xdr:spPr>
        <a:xfrm>
          <a:off x="581025" y="123825"/>
          <a:ext cx="1142047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2C882BF2-F489-455F-9AE2-3000E86C17EB}"/>
            </a:ext>
          </a:extLst>
        </xdr:cNvPr>
        <xdr:cNvSpPr/>
      </xdr:nvSpPr>
      <xdr:spPr>
        <a:xfrm>
          <a:off x="17145000" y="180975"/>
          <a:ext cx="3581400"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DC189D1F-C92B-4B7C-B1A9-7415AB290F24}"/>
            </a:ext>
          </a:extLst>
        </xdr:cNvPr>
        <xdr:cNvSpPr/>
      </xdr:nvSpPr>
      <xdr:spPr>
        <a:xfrm>
          <a:off x="17164050" y="209550"/>
          <a:ext cx="35337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C90C83D1-8DE7-40A8-8CD0-071D849495AC}"/>
            </a:ext>
          </a:extLst>
        </xdr:cNvPr>
        <xdr:cNvSpPr/>
      </xdr:nvSpPr>
      <xdr:spPr>
        <a:xfrm>
          <a:off x="17192625" y="228600"/>
          <a:ext cx="3476625" cy="4191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BE5565C1-AA14-4796-A19F-8FE49B106110}"/>
            </a:ext>
          </a:extLst>
        </xdr:cNvPr>
        <xdr:cNvSpPr/>
      </xdr:nvSpPr>
      <xdr:spPr>
        <a:xfrm>
          <a:off x="14639925" y="180975"/>
          <a:ext cx="2390775"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A8DF6DC7-48F3-44FB-9FDD-BEB37E94FBD4}"/>
            </a:ext>
          </a:extLst>
        </xdr:cNvPr>
        <xdr:cNvSpPr/>
      </xdr:nvSpPr>
      <xdr:spPr>
        <a:xfrm>
          <a:off x="14658975" y="209550"/>
          <a:ext cx="23526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BD22519D-5F53-4290-853B-CF54D61BADFB}"/>
            </a:ext>
          </a:extLst>
        </xdr:cNvPr>
        <xdr:cNvSpPr/>
      </xdr:nvSpPr>
      <xdr:spPr>
        <a:xfrm>
          <a:off x="14687550" y="228600"/>
          <a:ext cx="2295525" cy="4286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F8C75A69-F3AA-4962-A68F-704D081C448A}"/>
            </a:ext>
          </a:extLst>
        </xdr:cNvPr>
        <xdr:cNvSpPr/>
      </xdr:nvSpPr>
      <xdr:spPr>
        <a:xfrm>
          <a:off x="685800" y="838200"/>
          <a:ext cx="9086850" cy="16859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BD0B570E-A606-448F-AD51-D4F8BE03DED4}"/>
            </a:ext>
          </a:extLst>
        </xdr:cNvPr>
        <xdr:cNvSpPr/>
      </xdr:nvSpPr>
      <xdr:spPr>
        <a:xfrm>
          <a:off x="809625" y="876300"/>
          <a:ext cx="1247775"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32B7AEB7-6AFF-4038-BA1E-74748F49EB5C}"/>
            </a:ext>
          </a:extLst>
        </xdr:cNvPr>
        <xdr:cNvSpPr/>
      </xdr:nvSpPr>
      <xdr:spPr>
        <a:xfrm>
          <a:off x="2009775" y="876300"/>
          <a:ext cx="120015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5,793
3,656,564
437.78
2,230,290,510
2,202,642,428
13,996,572
999,814,703
2,384,424,6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D3792B95-B848-4A0B-95CE-6FDD575818C9}"/>
            </a:ext>
          </a:extLst>
        </xdr:cNvPr>
        <xdr:cNvSpPr/>
      </xdr:nvSpPr>
      <xdr:spPr>
        <a:xfrm>
          <a:off x="3209925" y="876300"/>
          <a:ext cx="137160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42C7F7A0-3050-467B-B97F-E4703C9A0C92}"/>
            </a:ext>
          </a:extLst>
        </xdr:cNvPr>
        <xdr:cNvSpPr/>
      </xdr:nvSpPr>
      <xdr:spPr>
        <a:xfrm>
          <a:off x="4581525" y="895350"/>
          <a:ext cx="18288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4288F89B-9A53-431D-8971-3CF9BCEE5C2A}"/>
            </a:ext>
          </a:extLst>
        </xdr:cNvPr>
        <xdr:cNvSpPr/>
      </xdr:nvSpPr>
      <xdr:spPr>
        <a:xfrm>
          <a:off x="6410325" y="895350"/>
          <a:ext cx="1133475"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6
12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9DABDE94-97EE-4886-8EB3-3998B0BBDC6A}"/>
            </a:ext>
          </a:extLst>
        </xdr:cNvPr>
        <xdr:cNvSpPr/>
      </xdr:nvSpPr>
      <xdr:spPr>
        <a:xfrm>
          <a:off x="7610475" y="904875"/>
          <a:ext cx="5715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B20F7D2C-4296-4592-B3A4-D85D7AB5FC91}"/>
            </a:ext>
          </a:extLst>
        </xdr:cNvPr>
        <xdr:cNvSpPr/>
      </xdr:nvSpPr>
      <xdr:spPr>
        <a:xfrm>
          <a:off x="4581525" y="1619250"/>
          <a:ext cx="18288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8A22AFB3-C302-4B8D-AF63-6FDAE6C683BC}"/>
            </a:ext>
          </a:extLst>
        </xdr:cNvPr>
        <xdr:cNvSpPr/>
      </xdr:nvSpPr>
      <xdr:spPr>
        <a:xfrm>
          <a:off x="6467475" y="1619250"/>
          <a:ext cx="3305175"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EA7FF984-0D47-4020-B037-1A4F447745D4}"/>
            </a:ext>
          </a:extLst>
        </xdr:cNvPr>
        <xdr:cNvSpPr/>
      </xdr:nvSpPr>
      <xdr:spPr>
        <a:xfrm>
          <a:off x="9972675" y="838200"/>
          <a:ext cx="1371600" cy="120967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57B72EA5-B55B-4D07-B23E-C06835452FA7}"/>
            </a:ext>
          </a:extLst>
        </xdr:cNvPr>
        <xdr:cNvSpPr/>
      </xdr:nvSpPr>
      <xdr:spPr>
        <a:xfrm>
          <a:off x="10210800" y="904875"/>
          <a:ext cx="12001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980B1DAD-E3B7-4BD1-9320-48290B677312}"/>
            </a:ext>
          </a:extLst>
        </xdr:cNvPr>
        <xdr:cNvSpPr/>
      </xdr:nvSpPr>
      <xdr:spPr>
        <a:xfrm>
          <a:off x="10210800" y="1152525"/>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CF8DD29D-10C1-4345-88F5-13483906A3EA}"/>
            </a:ext>
          </a:extLst>
        </xdr:cNvPr>
        <xdr:cNvSpPr/>
      </xdr:nvSpPr>
      <xdr:spPr>
        <a:xfrm>
          <a:off x="10210800" y="1466850"/>
          <a:ext cx="130492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60F8CE69-4FAB-4DD8-B0EA-0FC76481BEBC}"/>
            </a:ext>
          </a:extLst>
        </xdr:cNvPr>
        <xdr:cNvCxnSpPr/>
      </xdr:nvCxnSpPr>
      <xdr:spPr>
        <a:xfrm flipH="1">
          <a:off x="10048875" y="98107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60DE2DBF-FBD8-4E85-AF4A-945ECB4BA744}"/>
            </a:ext>
          </a:extLst>
        </xdr:cNvPr>
        <xdr:cNvSpPr/>
      </xdr:nvSpPr>
      <xdr:spPr>
        <a:xfrm>
          <a:off x="10102850" y="94297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F014AA46-E43D-4881-ADD2-E06BD3BCB9D4}"/>
            </a:ext>
          </a:extLst>
        </xdr:cNvPr>
        <xdr:cNvSpPr/>
      </xdr:nvSpPr>
      <xdr:spPr>
        <a:xfrm>
          <a:off x="10102850" y="119062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68FD837F-AF2C-4D3B-A12F-1FD39C7217E8}"/>
            </a:ext>
          </a:extLst>
        </xdr:cNvPr>
        <xdr:cNvCxnSpPr/>
      </xdr:nvCxnSpPr>
      <xdr:spPr>
        <a:xfrm>
          <a:off x="10131425" y="14478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5B106F09-4D42-45B7-A1F1-C217D501FC12}"/>
            </a:ext>
          </a:extLst>
        </xdr:cNvPr>
        <xdr:cNvCxnSpPr/>
      </xdr:nvCxnSpPr>
      <xdr:spPr>
        <a:xfrm>
          <a:off x="10067925" y="14478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B8221CB-610E-47AC-B95A-8FA427E7C633}"/>
            </a:ext>
          </a:extLst>
        </xdr:cNvPr>
        <xdr:cNvCxnSpPr/>
      </xdr:nvCxnSpPr>
      <xdr:spPr>
        <a:xfrm flipV="1">
          <a:off x="10131425" y="16637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A305D4F-1046-4294-A265-1C85C1866D42}"/>
            </a:ext>
          </a:extLst>
        </xdr:cNvPr>
        <xdr:cNvCxnSpPr/>
      </xdr:nvCxnSpPr>
      <xdr:spPr>
        <a:xfrm>
          <a:off x="10067925" y="1800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DA407CE8-190D-4B7F-ACD3-60467F1FCDDD}"/>
            </a:ext>
          </a:extLst>
        </xdr:cNvPr>
        <xdr:cNvSpPr txBox="1"/>
      </xdr:nvSpPr>
      <xdr:spPr>
        <a:xfrm>
          <a:off x="638175" y="26384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E5A67C55-8088-45EB-89B8-62F2314FDEA9}"/>
            </a:ext>
          </a:extLst>
        </xdr:cNvPr>
        <xdr:cNvSpPr txBox="1"/>
      </xdr:nvSpPr>
      <xdr:spPr>
        <a:xfrm>
          <a:off x="638175"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46FF7B8A-EEAF-4AB9-A747-43E0A39DF536}"/>
            </a:ext>
          </a:extLst>
        </xdr:cNvPr>
        <xdr:cNvSpPr txBox="1"/>
      </xdr:nvSpPr>
      <xdr:spPr>
        <a:xfrm>
          <a:off x="638175" y="3238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3776B3F2-B486-498D-A091-A186FA3488C2}"/>
            </a:ext>
          </a:extLst>
        </xdr:cNvPr>
        <xdr:cNvSpPr txBox="1"/>
      </xdr:nvSpPr>
      <xdr:spPr>
        <a:xfrm>
          <a:off x="638175" y="35433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D878A03F-12D0-4FAE-B788-68B052F0B934}"/>
            </a:ext>
          </a:extLst>
        </xdr:cNvPr>
        <xdr:cNvSpPr/>
      </xdr:nvSpPr>
      <xdr:spPr>
        <a:xfrm>
          <a:off x="685800" y="39624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539DCF5D-B636-416F-8A14-7F6CAF721664}"/>
            </a:ext>
          </a:extLst>
        </xdr:cNvPr>
        <xdr:cNvSpPr/>
      </xdr:nvSpPr>
      <xdr:spPr>
        <a:xfrm>
          <a:off x="8096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8F1C9184-1969-4415-8FDB-56D969F6EC7F}"/>
            </a:ext>
          </a:extLst>
        </xdr:cNvPr>
        <xdr:cNvSpPr/>
      </xdr:nvSpPr>
      <xdr:spPr>
        <a:xfrm>
          <a:off x="8096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63FE8613-9A3A-4DB2-B401-6D2E89760717}"/>
            </a:ext>
          </a:extLst>
        </xdr:cNvPr>
        <xdr:cNvSpPr/>
      </xdr:nvSpPr>
      <xdr:spPr>
        <a:xfrm>
          <a:off x="17145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53EB76BE-47F9-459E-B3C5-21F26565D352}"/>
            </a:ext>
          </a:extLst>
        </xdr:cNvPr>
        <xdr:cNvSpPr/>
      </xdr:nvSpPr>
      <xdr:spPr>
        <a:xfrm>
          <a:off x="17145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FC793F39-DBDB-4535-A546-332B54177F23}"/>
            </a:ext>
          </a:extLst>
        </xdr:cNvPr>
        <xdr:cNvSpPr/>
      </xdr:nvSpPr>
      <xdr:spPr>
        <a:xfrm>
          <a:off x="27432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5E0D90FA-A89D-4D18-8FE5-D5FD7529C1E2}"/>
            </a:ext>
          </a:extLst>
        </xdr:cNvPr>
        <xdr:cNvSpPr/>
      </xdr:nvSpPr>
      <xdr:spPr>
        <a:xfrm>
          <a:off x="27432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65EF0C01-97A5-4097-AF95-256B52C5772E}"/>
            </a:ext>
          </a:extLst>
        </xdr:cNvPr>
        <xdr:cNvSpPr/>
      </xdr:nvSpPr>
      <xdr:spPr>
        <a:xfrm>
          <a:off x="685800" y="50387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87315470-0540-40B1-BDE3-B3C843C2912C}"/>
            </a:ext>
          </a:extLst>
        </xdr:cNvPr>
        <xdr:cNvSpPr txBox="1"/>
      </xdr:nvSpPr>
      <xdr:spPr>
        <a:xfrm>
          <a:off x="666750" y="48577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1548940-B983-466C-8DD2-10360A73D02B}"/>
            </a:ext>
          </a:extLst>
        </xdr:cNvPr>
        <xdr:cNvCxnSpPr/>
      </xdr:nvCxnSpPr>
      <xdr:spPr>
        <a:xfrm>
          <a:off x="685800" y="7200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12EF621D-4969-43E8-83AF-DAD60FE576BE}"/>
            </a:ext>
          </a:extLst>
        </xdr:cNvPr>
        <xdr:cNvSpPr txBox="1"/>
      </xdr:nvSpPr>
      <xdr:spPr>
        <a:xfrm>
          <a:off x="278946" y="7065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EE26B3BF-73E6-49BB-9BC7-6D23272725FC}"/>
            </a:ext>
          </a:extLst>
        </xdr:cNvPr>
        <xdr:cNvCxnSpPr/>
      </xdr:nvCxnSpPr>
      <xdr:spPr>
        <a:xfrm>
          <a:off x="685800" y="67722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a:extLst>
            <a:ext uri="{FF2B5EF4-FFF2-40B4-BE49-F238E27FC236}">
              <a16:creationId xmlns:a16="http://schemas.microsoft.com/office/drawing/2014/main" id="{63E95ED0-EF7E-425E-84EC-1FA833B124F6}"/>
            </a:ext>
          </a:extLst>
        </xdr:cNvPr>
        <xdr:cNvSpPr txBox="1"/>
      </xdr:nvSpPr>
      <xdr:spPr>
        <a:xfrm>
          <a:off x="339891" y="66364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C754718F-12A3-429C-BAB8-77C405B56F2E}"/>
            </a:ext>
          </a:extLst>
        </xdr:cNvPr>
        <xdr:cNvCxnSpPr/>
      </xdr:nvCxnSpPr>
      <xdr:spPr>
        <a:xfrm>
          <a:off x="685800" y="63341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699D5844-A27C-42DE-8694-0D8BA12E0276}"/>
            </a:ext>
          </a:extLst>
        </xdr:cNvPr>
        <xdr:cNvSpPr txBox="1"/>
      </xdr:nvSpPr>
      <xdr:spPr>
        <a:xfrm>
          <a:off x="339891" y="61982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76FA506C-5B05-417A-BAD7-9F32F43E8FB8}"/>
            </a:ext>
          </a:extLst>
        </xdr:cNvPr>
        <xdr:cNvCxnSpPr/>
      </xdr:nvCxnSpPr>
      <xdr:spPr>
        <a:xfrm>
          <a:off x="685800" y="590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BB76D42F-848C-47BC-97D7-C52585902A76}"/>
            </a:ext>
          </a:extLst>
        </xdr:cNvPr>
        <xdr:cNvSpPr txBox="1"/>
      </xdr:nvSpPr>
      <xdr:spPr>
        <a:xfrm>
          <a:off x="339891" y="57696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1FA530EF-7BA6-4B7D-B049-F15E17B97D00}"/>
            </a:ext>
          </a:extLst>
        </xdr:cNvPr>
        <xdr:cNvCxnSpPr/>
      </xdr:nvCxnSpPr>
      <xdr:spPr>
        <a:xfrm>
          <a:off x="685800" y="54768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0EBBA8AC-BBBA-4DAE-A532-704479A36237}"/>
            </a:ext>
          </a:extLst>
        </xdr:cNvPr>
        <xdr:cNvSpPr txBox="1"/>
      </xdr:nvSpPr>
      <xdr:spPr>
        <a:xfrm>
          <a:off x="339891" y="53410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9109844F-A93F-4A61-9180-2C003DFAE49F}"/>
            </a:ext>
          </a:extLst>
        </xdr:cNvPr>
        <xdr:cNvCxnSpPr/>
      </xdr:nvCxnSpPr>
      <xdr:spPr>
        <a:xfrm>
          <a:off x="685800" y="5038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a:extLst>
            <a:ext uri="{FF2B5EF4-FFF2-40B4-BE49-F238E27FC236}">
              <a16:creationId xmlns:a16="http://schemas.microsoft.com/office/drawing/2014/main" id="{CE7609B5-C343-4CED-8C6A-78F1F23BEB08}"/>
            </a:ext>
          </a:extLst>
        </xdr:cNvPr>
        <xdr:cNvSpPr txBox="1"/>
      </xdr:nvSpPr>
      <xdr:spPr>
        <a:xfrm>
          <a:off x="388136" y="49028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F2C80B03-591A-4D90-AAE0-31922A4DD2C2}"/>
            </a:ext>
          </a:extLst>
        </xdr:cNvPr>
        <xdr:cNvSpPr/>
      </xdr:nvSpPr>
      <xdr:spPr>
        <a:xfrm>
          <a:off x="685800" y="50387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49352</xdr:rowOff>
    </xdr:from>
    <xdr:to>
      <xdr:col>24</xdr:col>
      <xdr:colOff>62865</xdr:colOff>
      <xdr:row>42</xdr:row>
      <xdr:rowOff>762</xdr:rowOff>
    </xdr:to>
    <xdr:cxnSp macro="">
      <xdr:nvCxnSpPr>
        <xdr:cNvPr id="55" name="直線コネクタ 54">
          <a:extLst>
            <a:ext uri="{FF2B5EF4-FFF2-40B4-BE49-F238E27FC236}">
              <a16:creationId xmlns:a16="http://schemas.microsoft.com/office/drawing/2014/main" id="{3CBB2B8D-7A84-4BBA-BE26-4E0E2E36D8F4}"/>
            </a:ext>
          </a:extLst>
        </xdr:cNvPr>
        <xdr:cNvCxnSpPr/>
      </xdr:nvCxnSpPr>
      <xdr:spPr>
        <a:xfrm flipV="1">
          <a:off x="4180840" y="5654802"/>
          <a:ext cx="0" cy="11468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589</xdr:rowOff>
    </xdr:from>
    <xdr:ext cx="405111" cy="259045"/>
    <xdr:sp macro="" textlink="">
      <xdr:nvSpPr>
        <xdr:cNvPr id="56" name="【道路】&#10;有形固定資産減価償却率最小値テキスト">
          <a:extLst>
            <a:ext uri="{FF2B5EF4-FFF2-40B4-BE49-F238E27FC236}">
              <a16:creationId xmlns:a16="http://schemas.microsoft.com/office/drawing/2014/main" id="{2D942DE6-36EF-4177-843B-64CA2B3BA6EC}"/>
            </a:ext>
          </a:extLst>
        </xdr:cNvPr>
        <xdr:cNvSpPr txBox="1"/>
      </xdr:nvSpPr>
      <xdr:spPr>
        <a:xfrm>
          <a:off x="4219575" y="6808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62</xdr:rowOff>
    </xdr:from>
    <xdr:to>
      <xdr:col>24</xdr:col>
      <xdr:colOff>152400</xdr:colOff>
      <xdr:row>42</xdr:row>
      <xdr:rowOff>762</xdr:rowOff>
    </xdr:to>
    <xdr:cxnSp macro="">
      <xdr:nvCxnSpPr>
        <xdr:cNvPr id="57" name="直線コネクタ 56">
          <a:extLst>
            <a:ext uri="{FF2B5EF4-FFF2-40B4-BE49-F238E27FC236}">
              <a16:creationId xmlns:a16="http://schemas.microsoft.com/office/drawing/2014/main" id="{0E76292F-79AE-4AC3-BF1D-AF55031302A5}"/>
            </a:ext>
          </a:extLst>
        </xdr:cNvPr>
        <xdr:cNvCxnSpPr/>
      </xdr:nvCxnSpPr>
      <xdr:spPr>
        <a:xfrm>
          <a:off x="4105275" y="680161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6029</xdr:rowOff>
    </xdr:from>
    <xdr:ext cx="405111" cy="259045"/>
    <xdr:sp macro="" textlink="">
      <xdr:nvSpPr>
        <xdr:cNvPr id="58" name="【道路】&#10;有形固定資産減価償却率最大値テキスト">
          <a:extLst>
            <a:ext uri="{FF2B5EF4-FFF2-40B4-BE49-F238E27FC236}">
              <a16:creationId xmlns:a16="http://schemas.microsoft.com/office/drawing/2014/main" id="{8235C631-A5B5-4837-82BF-650BBDD203C5}"/>
            </a:ext>
          </a:extLst>
        </xdr:cNvPr>
        <xdr:cNvSpPr txBox="1"/>
      </xdr:nvSpPr>
      <xdr:spPr>
        <a:xfrm>
          <a:off x="4219575" y="54395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49352</xdr:rowOff>
    </xdr:from>
    <xdr:to>
      <xdr:col>24</xdr:col>
      <xdr:colOff>152400</xdr:colOff>
      <xdr:row>34</xdr:row>
      <xdr:rowOff>149352</xdr:rowOff>
    </xdr:to>
    <xdr:cxnSp macro="">
      <xdr:nvCxnSpPr>
        <xdr:cNvPr id="59" name="直線コネクタ 58">
          <a:extLst>
            <a:ext uri="{FF2B5EF4-FFF2-40B4-BE49-F238E27FC236}">
              <a16:creationId xmlns:a16="http://schemas.microsoft.com/office/drawing/2014/main" id="{BD2B7AE7-61BE-41E6-B290-09DB841DA277}"/>
            </a:ext>
          </a:extLst>
        </xdr:cNvPr>
        <xdr:cNvCxnSpPr/>
      </xdr:nvCxnSpPr>
      <xdr:spPr>
        <a:xfrm>
          <a:off x="4105275" y="565480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9</xdr:row>
      <xdr:rowOff>28973</xdr:rowOff>
    </xdr:from>
    <xdr:ext cx="405111" cy="259045"/>
    <xdr:sp macro="" textlink="">
      <xdr:nvSpPr>
        <xdr:cNvPr id="60" name="【道路】&#10;有形固定資産減価償却率平均値テキスト">
          <a:extLst>
            <a:ext uri="{FF2B5EF4-FFF2-40B4-BE49-F238E27FC236}">
              <a16:creationId xmlns:a16="http://schemas.microsoft.com/office/drawing/2014/main" id="{268CD69A-B851-4E2C-940E-84CB1C3737D4}"/>
            </a:ext>
          </a:extLst>
        </xdr:cNvPr>
        <xdr:cNvSpPr txBox="1"/>
      </xdr:nvSpPr>
      <xdr:spPr>
        <a:xfrm>
          <a:off x="4219575" y="63408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50546</xdr:rowOff>
    </xdr:from>
    <xdr:to>
      <xdr:col>24</xdr:col>
      <xdr:colOff>114300</xdr:colOff>
      <xdr:row>39</xdr:row>
      <xdr:rowOff>152146</xdr:rowOff>
    </xdr:to>
    <xdr:sp macro="" textlink="">
      <xdr:nvSpPr>
        <xdr:cNvPr id="61" name="フローチャート: 判断 60">
          <a:extLst>
            <a:ext uri="{FF2B5EF4-FFF2-40B4-BE49-F238E27FC236}">
              <a16:creationId xmlns:a16="http://schemas.microsoft.com/office/drawing/2014/main" id="{EEF11576-C488-414C-A8B5-478C1EE60598}"/>
            </a:ext>
          </a:extLst>
        </xdr:cNvPr>
        <xdr:cNvSpPr/>
      </xdr:nvSpPr>
      <xdr:spPr>
        <a:xfrm>
          <a:off x="4124325" y="6362446"/>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13970</xdr:rowOff>
    </xdr:from>
    <xdr:to>
      <xdr:col>20</xdr:col>
      <xdr:colOff>38100</xdr:colOff>
      <xdr:row>39</xdr:row>
      <xdr:rowOff>115570</xdr:rowOff>
    </xdr:to>
    <xdr:sp macro="" textlink="">
      <xdr:nvSpPr>
        <xdr:cNvPr id="62" name="フローチャート: 判断 61">
          <a:extLst>
            <a:ext uri="{FF2B5EF4-FFF2-40B4-BE49-F238E27FC236}">
              <a16:creationId xmlns:a16="http://schemas.microsoft.com/office/drawing/2014/main" id="{3EEA0BF9-D423-46F0-A42F-253698927CB9}"/>
            </a:ext>
          </a:extLst>
        </xdr:cNvPr>
        <xdr:cNvSpPr/>
      </xdr:nvSpPr>
      <xdr:spPr>
        <a:xfrm>
          <a:off x="3381375" y="6325870"/>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51130</xdr:rowOff>
    </xdr:from>
    <xdr:to>
      <xdr:col>15</xdr:col>
      <xdr:colOff>101600</xdr:colOff>
      <xdr:row>39</xdr:row>
      <xdr:rowOff>81280</xdr:rowOff>
    </xdr:to>
    <xdr:sp macro="" textlink="">
      <xdr:nvSpPr>
        <xdr:cNvPr id="63" name="フローチャート: 判断 62">
          <a:extLst>
            <a:ext uri="{FF2B5EF4-FFF2-40B4-BE49-F238E27FC236}">
              <a16:creationId xmlns:a16="http://schemas.microsoft.com/office/drawing/2014/main" id="{891777BD-29ED-4C07-BFAB-A0C9C4B9989E}"/>
            </a:ext>
          </a:extLst>
        </xdr:cNvPr>
        <xdr:cNvSpPr/>
      </xdr:nvSpPr>
      <xdr:spPr>
        <a:xfrm>
          <a:off x="2571750" y="630428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62560</xdr:rowOff>
    </xdr:from>
    <xdr:to>
      <xdr:col>10</xdr:col>
      <xdr:colOff>165100</xdr:colOff>
      <xdr:row>39</xdr:row>
      <xdr:rowOff>92710</xdr:rowOff>
    </xdr:to>
    <xdr:sp macro="" textlink="">
      <xdr:nvSpPr>
        <xdr:cNvPr id="64" name="フローチャート: 判断 63">
          <a:extLst>
            <a:ext uri="{FF2B5EF4-FFF2-40B4-BE49-F238E27FC236}">
              <a16:creationId xmlns:a16="http://schemas.microsoft.com/office/drawing/2014/main" id="{1BC906E7-0206-43C1-8910-4E7110299D9E}"/>
            </a:ext>
          </a:extLst>
        </xdr:cNvPr>
        <xdr:cNvSpPr/>
      </xdr:nvSpPr>
      <xdr:spPr>
        <a:xfrm>
          <a:off x="1781175" y="631253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135128</xdr:rowOff>
    </xdr:from>
    <xdr:to>
      <xdr:col>6</xdr:col>
      <xdr:colOff>38100</xdr:colOff>
      <xdr:row>39</xdr:row>
      <xdr:rowOff>65278</xdr:rowOff>
    </xdr:to>
    <xdr:sp macro="" textlink="">
      <xdr:nvSpPr>
        <xdr:cNvPr id="65" name="フローチャート: 判断 64">
          <a:extLst>
            <a:ext uri="{FF2B5EF4-FFF2-40B4-BE49-F238E27FC236}">
              <a16:creationId xmlns:a16="http://schemas.microsoft.com/office/drawing/2014/main" id="{DD7938DB-B9A5-43A9-99DD-2B3320721383}"/>
            </a:ext>
          </a:extLst>
        </xdr:cNvPr>
        <xdr:cNvSpPr/>
      </xdr:nvSpPr>
      <xdr:spPr>
        <a:xfrm>
          <a:off x="981075" y="6288278"/>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433C74B9-4772-43DC-A19D-1F2D272E5B78}"/>
            </a:ext>
          </a:extLst>
        </xdr:cNvPr>
        <xdr:cNvSpPr txBox="1"/>
      </xdr:nvSpPr>
      <xdr:spPr>
        <a:xfrm>
          <a:off x="40100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F006FFA9-DB58-407E-A266-5F4AE59F6C77}"/>
            </a:ext>
          </a:extLst>
        </xdr:cNvPr>
        <xdr:cNvSpPr txBox="1"/>
      </xdr:nvSpPr>
      <xdr:spPr>
        <a:xfrm>
          <a:off x="32575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61B82847-343A-4BB3-A865-1EA2A9AD9FFF}"/>
            </a:ext>
          </a:extLst>
        </xdr:cNvPr>
        <xdr:cNvSpPr txBox="1"/>
      </xdr:nvSpPr>
      <xdr:spPr>
        <a:xfrm>
          <a:off x="24479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9F994130-AD00-4DCD-BDC4-C8BE3CC34161}"/>
            </a:ext>
          </a:extLst>
        </xdr:cNvPr>
        <xdr:cNvSpPr txBox="1"/>
      </xdr:nvSpPr>
      <xdr:spPr>
        <a:xfrm>
          <a:off x="16573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5BB5C7A9-FCF6-4D92-B561-7AB8DBD23974}"/>
            </a:ext>
          </a:extLst>
        </xdr:cNvPr>
        <xdr:cNvSpPr txBox="1"/>
      </xdr:nvSpPr>
      <xdr:spPr>
        <a:xfrm>
          <a:off x="8572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2550</xdr:rowOff>
    </xdr:from>
    <xdr:to>
      <xdr:col>24</xdr:col>
      <xdr:colOff>114300</xdr:colOff>
      <xdr:row>38</xdr:row>
      <xdr:rowOff>12700</xdr:rowOff>
    </xdr:to>
    <xdr:sp macro="" textlink="">
      <xdr:nvSpPr>
        <xdr:cNvPr id="71" name="楕円 70">
          <a:extLst>
            <a:ext uri="{FF2B5EF4-FFF2-40B4-BE49-F238E27FC236}">
              <a16:creationId xmlns:a16="http://schemas.microsoft.com/office/drawing/2014/main" id="{FF5833B2-8A76-49A8-B577-7B99E44ECE63}"/>
            </a:ext>
          </a:extLst>
        </xdr:cNvPr>
        <xdr:cNvSpPr/>
      </xdr:nvSpPr>
      <xdr:spPr>
        <a:xfrm>
          <a:off x="4124325" y="6076950"/>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05427</xdr:rowOff>
    </xdr:from>
    <xdr:ext cx="405111" cy="259045"/>
    <xdr:sp macro="" textlink="">
      <xdr:nvSpPr>
        <xdr:cNvPr id="72" name="【道路】&#10;有形固定資産減価償却率該当値テキスト">
          <a:extLst>
            <a:ext uri="{FF2B5EF4-FFF2-40B4-BE49-F238E27FC236}">
              <a16:creationId xmlns:a16="http://schemas.microsoft.com/office/drawing/2014/main" id="{A5C895A9-FF67-43BB-A258-B07527C614A2}"/>
            </a:ext>
          </a:extLst>
        </xdr:cNvPr>
        <xdr:cNvSpPr txBox="1"/>
      </xdr:nvSpPr>
      <xdr:spPr>
        <a:xfrm>
          <a:off x="4219575" y="5931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1986</xdr:rowOff>
    </xdr:from>
    <xdr:to>
      <xdr:col>20</xdr:col>
      <xdr:colOff>38100</xdr:colOff>
      <xdr:row>37</xdr:row>
      <xdr:rowOff>72136</xdr:rowOff>
    </xdr:to>
    <xdr:sp macro="" textlink="">
      <xdr:nvSpPr>
        <xdr:cNvPr id="73" name="楕円 72">
          <a:extLst>
            <a:ext uri="{FF2B5EF4-FFF2-40B4-BE49-F238E27FC236}">
              <a16:creationId xmlns:a16="http://schemas.microsoft.com/office/drawing/2014/main" id="{906449F8-8ABE-4184-A9F5-B4AB28D11DFA}"/>
            </a:ext>
          </a:extLst>
        </xdr:cNvPr>
        <xdr:cNvSpPr/>
      </xdr:nvSpPr>
      <xdr:spPr>
        <a:xfrm>
          <a:off x="3381375" y="5974461"/>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21336</xdr:rowOff>
    </xdr:from>
    <xdr:to>
      <xdr:col>24</xdr:col>
      <xdr:colOff>63500</xdr:colOff>
      <xdr:row>37</xdr:row>
      <xdr:rowOff>133350</xdr:rowOff>
    </xdr:to>
    <xdr:cxnSp macro="">
      <xdr:nvCxnSpPr>
        <xdr:cNvPr id="74" name="直線コネクタ 73">
          <a:extLst>
            <a:ext uri="{FF2B5EF4-FFF2-40B4-BE49-F238E27FC236}">
              <a16:creationId xmlns:a16="http://schemas.microsoft.com/office/drawing/2014/main" id="{0FD27648-68CC-4123-A9FF-9BD345B83BE5}"/>
            </a:ext>
          </a:extLst>
        </xdr:cNvPr>
        <xdr:cNvCxnSpPr/>
      </xdr:nvCxnSpPr>
      <xdr:spPr>
        <a:xfrm>
          <a:off x="3429000" y="6012561"/>
          <a:ext cx="752475" cy="112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19126</xdr:rowOff>
    </xdr:from>
    <xdr:to>
      <xdr:col>15</xdr:col>
      <xdr:colOff>101600</xdr:colOff>
      <xdr:row>37</xdr:row>
      <xdr:rowOff>49276</xdr:rowOff>
    </xdr:to>
    <xdr:sp macro="" textlink="">
      <xdr:nvSpPr>
        <xdr:cNvPr id="75" name="楕円 74">
          <a:extLst>
            <a:ext uri="{FF2B5EF4-FFF2-40B4-BE49-F238E27FC236}">
              <a16:creationId xmlns:a16="http://schemas.microsoft.com/office/drawing/2014/main" id="{13094852-5AB4-4333-97CA-2C00E5B84BCF}"/>
            </a:ext>
          </a:extLst>
        </xdr:cNvPr>
        <xdr:cNvSpPr/>
      </xdr:nvSpPr>
      <xdr:spPr>
        <a:xfrm>
          <a:off x="2571750" y="5951601"/>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69926</xdr:rowOff>
    </xdr:from>
    <xdr:to>
      <xdr:col>19</xdr:col>
      <xdr:colOff>177800</xdr:colOff>
      <xdr:row>37</xdr:row>
      <xdr:rowOff>21336</xdr:rowOff>
    </xdr:to>
    <xdr:cxnSp macro="">
      <xdr:nvCxnSpPr>
        <xdr:cNvPr id="76" name="直線コネクタ 75">
          <a:extLst>
            <a:ext uri="{FF2B5EF4-FFF2-40B4-BE49-F238E27FC236}">
              <a16:creationId xmlns:a16="http://schemas.microsoft.com/office/drawing/2014/main" id="{4C765F02-A691-485F-9D69-7D478EE036FC}"/>
            </a:ext>
          </a:extLst>
        </xdr:cNvPr>
        <xdr:cNvCxnSpPr/>
      </xdr:nvCxnSpPr>
      <xdr:spPr>
        <a:xfrm>
          <a:off x="2619375" y="5989701"/>
          <a:ext cx="809625"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93980</xdr:rowOff>
    </xdr:from>
    <xdr:to>
      <xdr:col>10</xdr:col>
      <xdr:colOff>165100</xdr:colOff>
      <xdr:row>39</xdr:row>
      <xdr:rowOff>24130</xdr:rowOff>
    </xdr:to>
    <xdr:sp macro="" textlink="">
      <xdr:nvSpPr>
        <xdr:cNvPr id="77" name="楕円 76">
          <a:extLst>
            <a:ext uri="{FF2B5EF4-FFF2-40B4-BE49-F238E27FC236}">
              <a16:creationId xmlns:a16="http://schemas.microsoft.com/office/drawing/2014/main" id="{E377E45F-21A2-4A03-817C-D2025602EA27}"/>
            </a:ext>
          </a:extLst>
        </xdr:cNvPr>
        <xdr:cNvSpPr/>
      </xdr:nvSpPr>
      <xdr:spPr>
        <a:xfrm>
          <a:off x="1781175" y="624713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69926</xdr:rowOff>
    </xdr:from>
    <xdr:to>
      <xdr:col>15</xdr:col>
      <xdr:colOff>50800</xdr:colOff>
      <xdr:row>38</xdr:row>
      <xdr:rowOff>144780</xdr:rowOff>
    </xdr:to>
    <xdr:cxnSp macro="">
      <xdr:nvCxnSpPr>
        <xdr:cNvPr id="78" name="直線コネクタ 77">
          <a:extLst>
            <a:ext uri="{FF2B5EF4-FFF2-40B4-BE49-F238E27FC236}">
              <a16:creationId xmlns:a16="http://schemas.microsoft.com/office/drawing/2014/main" id="{E5230EE2-9356-40CE-BE56-B039954DD564}"/>
            </a:ext>
          </a:extLst>
        </xdr:cNvPr>
        <xdr:cNvCxnSpPr/>
      </xdr:nvCxnSpPr>
      <xdr:spPr>
        <a:xfrm flipV="1">
          <a:off x="1828800" y="5989701"/>
          <a:ext cx="790575" cy="305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75692</xdr:rowOff>
    </xdr:from>
    <xdr:to>
      <xdr:col>6</xdr:col>
      <xdr:colOff>38100</xdr:colOff>
      <xdr:row>39</xdr:row>
      <xdr:rowOff>5842</xdr:rowOff>
    </xdr:to>
    <xdr:sp macro="" textlink="">
      <xdr:nvSpPr>
        <xdr:cNvPr id="79" name="楕円 78">
          <a:extLst>
            <a:ext uri="{FF2B5EF4-FFF2-40B4-BE49-F238E27FC236}">
              <a16:creationId xmlns:a16="http://schemas.microsoft.com/office/drawing/2014/main" id="{C01116C8-B27F-4B5A-92EC-2EBE9553C662}"/>
            </a:ext>
          </a:extLst>
        </xdr:cNvPr>
        <xdr:cNvSpPr/>
      </xdr:nvSpPr>
      <xdr:spPr>
        <a:xfrm>
          <a:off x="981075" y="6228842"/>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26492</xdr:rowOff>
    </xdr:from>
    <xdr:to>
      <xdr:col>10</xdr:col>
      <xdr:colOff>114300</xdr:colOff>
      <xdr:row>38</xdr:row>
      <xdr:rowOff>144780</xdr:rowOff>
    </xdr:to>
    <xdr:cxnSp macro="">
      <xdr:nvCxnSpPr>
        <xdr:cNvPr id="80" name="直線コネクタ 79">
          <a:extLst>
            <a:ext uri="{FF2B5EF4-FFF2-40B4-BE49-F238E27FC236}">
              <a16:creationId xmlns:a16="http://schemas.microsoft.com/office/drawing/2014/main" id="{4E62861F-BD5D-4D9A-8E4D-A51400B89048}"/>
            </a:ext>
          </a:extLst>
        </xdr:cNvPr>
        <xdr:cNvCxnSpPr/>
      </xdr:nvCxnSpPr>
      <xdr:spPr>
        <a:xfrm>
          <a:off x="1028700" y="6276467"/>
          <a:ext cx="8001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06697</xdr:rowOff>
    </xdr:from>
    <xdr:ext cx="405111" cy="259045"/>
    <xdr:sp macro="" textlink="">
      <xdr:nvSpPr>
        <xdr:cNvPr id="81" name="n_1aveValue【道路】&#10;有形固定資産減価償却率">
          <a:extLst>
            <a:ext uri="{FF2B5EF4-FFF2-40B4-BE49-F238E27FC236}">
              <a16:creationId xmlns:a16="http://schemas.microsoft.com/office/drawing/2014/main" id="{32108E35-08A4-4B0B-B9F5-BE8713BC24B9}"/>
            </a:ext>
          </a:extLst>
        </xdr:cNvPr>
        <xdr:cNvSpPr txBox="1"/>
      </xdr:nvSpPr>
      <xdr:spPr>
        <a:xfrm>
          <a:off x="3239144" y="641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72407</xdr:rowOff>
    </xdr:from>
    <xdr:ext cx="405111" cy="259045"/>
    <xdr:sp macro="" textlink="">
      <xdr:nvSpPr>
        <xdr:cNvPr id="82" name="n_2aveValue【道路】&#10;有形固定資産減価償却率">
          <a:extLst>
            <a:ext uri="{FF2B5EF4-FFF2-40B4-BE49-F238E27FC236}">
              <a16:creationId xmlns:a16="http://schemas.microsoft.com/office/drawing/2014/main" id="{DDBF20FF-1B7B-4350-997C-7F396BF8DA31}"/>
            </a:ext>
          </a:extLst>
        </xdr:cNvPr>
        <xdr:cNvSpPr txBox="1"/>
      </xdr:nvSpPr>
      <xdr:spPr>
        <a:xfrm>
          <a:off x="2439044" y="638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83837</xdr:rowOff>
    </xdr:from>
    <xdr:ext cx="405111" cy="259045"/>
    <xdr:sp macro="" textlink="">
      <xdr:nvSpPr>
        <xdr:cNvPr id="83" name="n_3aveValue【道路】&#10;有形固定資産減価償却率">
          <a:extLst>
            <a:ext uri="{FF2B5EF4-FFF2-40B4-BE49-F238E27FC236}">
              <a16:creationId xmlns:a16="http://schemas.microsoft.com/office/drawing/2014/main" id="{231E0739-3366-460A-AA0A-AB2E270BF768}"/>
            </a:ext>
          </a:extLst>
        </xdr:cNvPr>
        <xdr:cNvSpPr txBox="1"/>
      </xdr:nvSpPr>
      <xdr:spPr>
        <a:xfrm>
          <a:off x="1648469" y="6402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56405</xdr:rowOff>
    </xdr:from>
    <xdr:ext cx="405111" cy="259045"/>
    <xdr:sp macro="" textlink="">
      <xdr:nvSpPr>
        <xdr:cNvPr id="84" name="n_4aveValue【道路】&#10;有形固定資産減価償却率">
          <a:extLst>
            <a:ext uri="{FF2B5EF4-FFF2-40B4-BE49-F238E27FC236}">
              <a16:creationId xmlns:a16="http://schemas.microsoft.com/office/drawing/2014/main" id="{73AEC1CF-6525-406F-8C05-981B6AAABFD2}"/>
            </a:ext>
          </a:extLst>
        </xdr:cNvPr>
        <xdr:cNvSpPr txBox="1"/>
      </xdr:nvSpPr>
      <xdr:spPr>
        <a:xfrm>
          <a:off x="848369" y="6371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88663</xdr:rowOff>
    </xdr:from>
    <xdr:ext cx="405111" cy="259045"/>
    <xdr:sp macro="" textlink="">
      <xdr:nvSpPr>
        <xdr:cNvPr id="85" name="n_1mainValue【道路】&#10;有形固定資産減価償却率">
          <a:extLst>
            <a:ext uri="{FF2B5EF4-FFF2-40B4-BE49-F238E27FC236}">
              <a16:creationId xmlns:a16="http://schemas.microsoft.com/office/drawing/2014/main" id="{C42584B9-486E-442A-8DC9-196840C55C95}"/>
            </a:ext>
          </a:extLst>
        </xdr:cNvPr>
        <xdr:cNvSpPr txBox="1"/>
      </xdr:nvSpPr>
      <xdr:spPr>
        <a:xfrm>
          <a:off x="3239144" y="5752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65803</xdr:rowOff>
    </xdr:from>
    <xdr:ext cx="405111" cy="259045"/>
    <xdr:sp macro="" textlink="">
      <xdr:nvSpPr>
        <xdr:cNvPr id="86" name="n_2mainValue【道路】&#10;有形固定資産減価償却率">
          <a:extLst>
            <a:ext uri="{FF2B5EF4-FFF2-40B4-BE49-F238E27FC236}">
              <a16:creationId xmlns:a16="http://schemas.microsoft.com/office/drawing/2014/main" id="{D0F30C88-8656-4948-BECC-46C32992F7E1}"/>
            </a:ext>
          </a:extLst>
        </xdr:cNvPr>
        <xdr:cNvSpPr txBox="1"/>
      </xdr:nvSpPr>
      <xdr:spPr>
        <a:xfrm>
          <a:off x="2439044" y="5736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40657</xdr:rowOff>
    </xdr:from>
    <xdr:ext cx="405111" cy="259045"/>
    <xdr:sp macro="" textlink="">
      <xdr:nvSpPr>
        <xdr:cNvPr id="87" name="n_3mainValue【道路】&#10;有形固定資産減価償却率">
          <a:extLst>
            <a:ext uri="{FF2B5EF4-FFF2-40B4-BE49-F238E27FC236}">
              <a16:creationId xmlns:a16="http://schemas.microsoft.com/office/drawing/2014/main" id="{4778D75B-EA38-4664-8348-A3384AF861D7}"/>
            </a:ext>
          </a:extLst>
        </xdr:cNvPr>
        <xdr:cNvSpPr txBox="1"/>
      </xdr:nvSpPr>
      <xdr:spPr>
        <a:xfrm>
          <a:off x="1648469" y="6031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22369</xdr:rowOff>
    </xdr:from>
    <xdr:ext cx="405111" cy="259045"/>
    <xdr:sp macro="" textlink="">
      <xdr:nvSpPr>
        <xdr:cNvPr id="88" name="n_4mainValue【道路】&#10;有形固定資産減価償却率">
          <a:extLst>
            <a:ext uri="{FF2B5EF4-FFF2-40B4-BE49-F238E27FC236}">
              <a16:creationId xmlns:a16="http://schemas.microsoft.com/office/drawing/2014/main" id="{C50091E5-205D-4F05-A9BD-2A8E451BFB1D}"/>
            </a:ext>
          </a:extLst>
        </xdr:cNvPr>
        <xdr:cNvSpPr txBox="1"/>
      </xdr:nvSpPr>
      <xdr:spPr>
        <a:xfrm>
          <a:off x="848369" y="6016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BF932284-64FC-46F5-AE27-7875B76374C8}"/>
            </a:ext>
          </a:extLst>
        </xdr:cNvPr>
        <xdr:cNvSpPr/>
      </xdr:nvSpPr>
      <xdr:spPr>
        <a:xfrm>
          <a:off x="5953125" y="39624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634E3795-9516-49EF-9699-3B1396B15B59}"/>
            </a:ext>
          </a:extLst>
        </xdr:cNvPr>
        <xdr:cNvSpPr/>
      </xdr:nvSpPr>
      <xdr:spPr>
        <a:xfrm>
          <a:off x="60674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D42B67C2-6E35-40E0-9419-823464E753D4}"/>
            </a:ext>
          </a:extLst>
        </xdr:cNvPr>
        <xdr:cNvSpPr/>
      </xdr:nvSpPr>
      <xdr:spPr>
        <a:xfrm>
          <a:off x="60674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8288BC1B-8F9B-4D01-9F69-84333578A546}"/>
            </a:ext>
          </a:extLst>
        </xdr:cNvPr>
        <xdr:cNvSpPr/>
      </xdr:nvSpPr>
      <xdr:spPr>
        <a:xfrm>
          <a:off x="69818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0A363436-CBAC-4DC1-8D15-433036466AD5}"/>
            </a:ext>
          </a:extLst>
        </xdr:cNvPr>
        <xdr:cNvSpPr/>
      </xdr:nvSpPr>
      <xdr:spPr>
        <a:xfrm>
          <a:off x="69818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16B566B4-0D2F-4279-8366-4CF1535BC712}"/>
            </a:ext>
          </a:extLst>
        </xdr:cNvPr>
        <xdr:cNvSpPr/>
      </xdr:nvSpPr>
      <xdr:spPr>
        <a:xfrm>
          <a:off x="80105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CB0150FC-53C5-40AA-AD01-DEBA90BE4B66}"/>
            </a:ext>
          </a:extLst>
        </xdr:cNvPr>
        <xdr:cNvSpPr/>
      </xdr:nvSpPr>
      <xdr:spPr>
        <a:xfrm>
          <a:off x="80105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C7873FA9-F67E-4DB5-82C2-944333345CC8}"/>
            </a:ext>
          </a:extLst>
        </xdr:cNvPr>
        <xdr:cNvSpPr/>
      </xdr:nvSpPr>
      <xdr:spPr>
        <a:xfrm>
          <a:off x="5953125" y="50387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0C0A4131-79AF-4BBB-A2E7-AC80686782E6}"/>
            </a:ext>
          </a:extLst>
        </xdr:cNvPr>
        <xdr:cNvSpPr txBox="1"/>
      </xdr:nvSpPr>
      <xdr:spPr>
        <a:xfrm>
          <a:off x="5915025" y="485775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5E1161E1-5EC3-4FF2-B453-4E588B4F8A03}"/>
            </a:ext>
          </a:extLst>
        </xdr:cNvPr>
        <xdr:cNvCxnSpPr/>
      </xdr:nvCxnSpPr>
      <xdr:spPr>
        <a:xfrm>
          <a:off x="5953125" y="7200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0D52CDEB-8D37-4208-90F7-F8A7506409F8}"/>
            </a:ext>
          </a:extLst>
        </xdr:cNvPr>
        <xdr:cNvCxnSpPr/>
      </xdr:nvCxnSpPr>
      <xdr:spPr>
        <a:xfrm>
          <a:off x="5953125" y="683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E874D32A-560E-43E4-8460-E2428423244B}"/>
            </a:ext>
          </a:extLst>
        </xdr:cNvPr>
        <xdr:cNvSpPr txBox="1"/>
      </xdr:nvSpPr>
      <xdr:spPr>
        <a:xfrm>
          <a:off x="5527221" y="670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69DB9FEE-AF83-447A-B229-FA31FCA2981F}"/>
            </a:ext>
          </a:extLst>
        </xdr:cNvPr>
        <xdr:cNvCxnSpPr/>
      </xdr:nvCxnSpPr>
      <xdr:spPr>
        <a:xfrm>
          <a:off x="5953125" y="6477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a:extLst>
            <a:ext uri="{FF2B5EF4-FFF2-40B4-BE49-F238E27FC236}">
              <a16:creationId xmlns:a16="http://schemas.microsoft.com/office/drawing/2014/main" id="{1D0F2635-6509-455D-94A6-DC350F210702}"/>
            </a:ext>
          </a:extLst>
        </xdr:cNvPr>
        <xdr:cNvSpPr txBox="1"/>
      </xdr:nvSpPr>
      <xdr:spPr>
        <a:xfrm>
          <a:off x="5527221" y="6341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59F8F97A-5BDC-4D37-9719-60C60A2283EC}"/>
            </a:ext>
          </a:extLst>
        </xdr:cNvPr>
        <xdr:cNvCxnSpPr/>
      </xdr:nvCxnSpPr>
      <xdr:spPr>
        <a:xfrm>
          <a:off x="5953125" y="61245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a:extLst>
            <a:ext uri="{FF2B5EF4-FFF2-40B4-BE49-F238E27FC236}">
              <a16:creationId xmlns:a16="http://schemas.microsoft.com/office/drawing/2014/main" id="{2C9D5DAA-01F6-4FC5-A759-E0F2A1D26CE1}"/>
            </a:ext>
          </a:extLst>
        </xdr:cNvPr>
        <xdr:cNvSpPr txBox="1"/>
      </xdr:nvSpPr>
      <xdr:spPr>
        <a:xfrm>
          <a:off x="5527221" y="59887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0CD445F7-7227-4117-AFEB-A1E2A44EB579}"/>
            </a:ext>
          </a:extLst>
        </xdr:cNvPr>
        <xdr:cNvCxnSpPr/>
      </xdr:nvCxnSpPr>
      <xdr:spPr>
        <a:xfrm>
          <a:off x="5953125" y="57626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a:extLst>
            <a:ext uri="{FF2B5EF4-FFF2-40B4-BE49-F238E27FC236}">
              <a16:creationId xmlns:a16="http://schemas.microsoft.com/office/drawing/2014/main" id="{E07389F7-F8CC-4BEB-A449-3AAD9310C332}"/>
            </a:ext>
          </a:extLst>
        </xdr:cNvPr>
        <xdr:cNvSpPr txBox="1"/>
      </xdr:nvSpPr>
      <xdr:spPr>
        <a:xfrm>
          <a:off x="5527221" y="5626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3D66AD21-8130-49FC-A66A-DE87A06C0AAC}"/>
            </a:ext>
          </a:extLst>
        </xdr:cNvPr>
        <xdr:cNvCxnSpPr/>
      </xdr:nvCxnSpPr>
      <xdr:spPr>
        <a:xfrm>
          <a:off x="5953125" y="54006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id="{6AEEE789-26F0-4E75-B37E-6AB4E9643BB9}"/>
            </a:ext>
          </a:extLst>
        </xdr:cNvPr>
        <xdr:cNvSpPr txBox="1"/>
      </xdr:nvSpPr>
      <xdr:spPr>
        <a:xfrm>
          <a:off x="5478976" y="526480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CA9CE85E-A643-4F76-9363-01F257EE2E54}"/>
            </a:ext>
          </a:extLst>
        </xdr:cNvPr>
        <xdr:cNvCxnSpPr/>
      </xdr:nvCxnSpPr>
      <xdr:spPr>
        <a:xfrm>
          <a:off x="5953125" y="50387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a:extLst>
            <a:ext uri="{FF2B5EF4-FFF2-40B4-BE49-F238E27FC236}">
              <a16:creationId xmlns:a16="http://schemas.microsoft.com/office/drawing/2014/main" id="{4BB291DC-4C14-43EE-8CC1-6BD68AF202BA}"/>
            </a:ext>
          </a:extLst>
        </xdr:cNvPr>
        <xdr:cNvSpPr txBox="1"/>
      </xdr:nvSpPr>
      <xdr:spPr>
        <a:xfrm>
          <a:off x="5478976" y="49028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CF537948-FB20-48BB-9B76-67656AA79882}"/>
            </a:ext>
          </a:extLst>
        </xdr:cNvPr>
        <xdr:cNvSpPr/>
      </xdr:nvSpPr>
      <xdr:spPr>
        <a:xfrm>
          <a:off x="5953125" y="50387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7818</xdr:rowOff>
    </xdr:from>
    <xdr:to>
      <xdr:col>54</xdr:col>
      <xdr:colOff>189865</xdr:colOff>
      <xdr:row>41</xdr:row>
      <xdr:rowOff>43053</xdr:rowOff>
    </xdr:to>
    <xdr:cxnSp macro="">
      <xdr:nvCxnSpPr>
        <xdr:cNvPr id="112" name="直線コネクタ 111">
          <a:extLst>
            <a:ext uri="{FF2B5EF4-FFF2-40B4-BE49-F238E27FC236}">
              <a16:creationId xmlns:a16="http://schemas.microsoft.com/office/drawing/2014/main" id="{EE74440B-E534-47E3-8DB2-7118A1888505}"/>
            </a:ext>
          </a:extLst>
        </xdr:cNvPr>
        <xdr:cNvCxnSpPr/>
      </xdr:nvCxnSpPr>
      <xdr:spPr>
        <a:xfrm flipV="1">
          <a:off x="9429115" y="5408168"/>
          <a:ext cx="0" cy="1276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6880</xdr:rowOff>
    </xdr:from>
    <xdr:ext cx="469744" cy="259045"/>
    <xdr:sp macro="" textlink="">
      <xdr:nvSpPr>
        <xdr:cNvPr id="113" name="【道路】&#10;一人当たり延長最小値テキスト">
          <a:extLst>
            <a:ext uri="{FF2B5EF4-FFF2-40B4-BE49-F238E27FC236}">
              <a16:creationId xmlns:a16="http://schemas.microsoft.com/office/drawing/2014/main" id="{9D573AFC-1729-4528-B23F-E6EF59FD4569}"/>
            </a:ext>
          </a:extLst>
        </xdr:cNvPr>
        <xdr:cNvSpPr txBox="1"/>
      </xdr:nvSpPr>
      <xdr:spPr>
        <a:xfrm>
          <a:off x="9467850" y="6688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3053</xdr:rowOff>
    </xdr:from>
    <xdr:to>
      <xdr:col>55</xdr:col>
      <xdr:colOff>88900</xdr:colOff>
      <xdr:row>41</xdr:row>
      <xdr:rowOff>43053</xdr:rowOff>
    </xdr:to>
    <xdr:cxnSp macro="">
      <xdr:nvCxnSpPr>
        <xdr:cNvPr id="114" name="直線コネクタ 113">
          <a:extLst>
            <a:ext uri="{FF2B5EF4-FFF2-40B4-BE49-F238E27FC236}">
              <a16:creationId xmlns:a16="http://schemas.microsoft.com/office/drawing/2014/main" id="{6A617E65-F689-4B2A-BF6D-5B3067A97D7F}"/>
            </a:ext>
          </a:extLst>
        </xdr:cNvPr>
        <xdr:cNvCxnSpPr/>
      </xdr:nvCxnSpPr>
      <xdr:spPr>
        <a:xfrm>
          <a:off x="9363075" y="6685153"/>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495</xdr:rowOff>
    </xdr:from>
    <xdr:ext cx="534377" cy="259045"/>
    <xdr:sp macro="" textlink="">
      <xdr:nvSpPr>
        <xdr:cNvPr id="115" name="【道路】&#10;一人当たり延長最大値テキスト">
          <a:extLst>
            <a:ext uri="{FF2B5EF4-FFF2-40B4-BE49-F238E27FC236}">
              <a16:creationId xmlns:a16="http://schemas.microsoft.com/office/drawing/2014/main" id="{E808871E-DBAB-4BED-84E3-1A5F620B9395}"/>
            </a:ext>
          </a:extLst>
        </xdr:cNvPr>
        <xdr:cNvSpPr txBox="1"/>
      </xdr:nvSpPr>
      <xdr:spPr>
        <a:xfrm>
          <a:off x="9467850" y="5192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7818</xdr:rowOff>
    </xdr:from>
    <xdr:to>
      <xdr:col>55</xdr:col>
      <xdr:colOff>88900</xdr:colOff>
      <xdr:row>33</xdr:row>
      <xdr:rowOff>67818</xdr:rowOff>
    </xdr:to>
    <xdr:cxnSp macro="">
      <xdr:nvCxnSpPr>
        <xdr:cNvPr id="116" name="直線コネクタ 115">
          <a:extLst>
            <a:ext uri="{FF2B5EF4-FFF2-40B4-BE49-F238E27FC236}">
              <a16:creationId xmlns:a16="http://schemas.microsoft.com/office/drawing/2014/main" id="{8C64BD54-FB02-433C-82DC-840059AB4F82}"/>
            </a:ext>
          </a:extLst>
        </xdr:cNvPr>
        <xdr:cNvCxnSpPr/>
      </xdr:nvCxnSpPr>
      <xdr:spPr>
        <a:xfrm>
          <a:off x="9363075" y="5408168"/>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2285</xdr:rowOff>
    </xdr:from>
    <xdr:ext cx="469744" cy="259045"/>
    <xdr:sp macro="" textlink="">
      <xdr:nvSpPr>
        <xdr:cNvPr id="117" name="【道路】&#10;一人当たり延長平均値テキスト">
          <a:extLst>
            <a:ext uri="{FF2B5EF4-FFF2-40B4-BE49-F238E27FC236}">
              <a16:creationId xmlns:a16="http://schemas.microsoft.com/office/drawing/2014/main" id="{B300DA21-256D-4D21-AC0D-072E4A49A1C4}"/>
            </a:ext>
          </a:extLst>
        </xdr:cNvPr>
        <xdr:cNvSpPr txBox="1"/>
      </xdr:nvSpPr>
      <xdr:spPr>
        <a:xfrm>
          <a:off x="9467850" y="62654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9408</xdr:rowOff>
    </xdr:from>
    <xdr:to>
      <xdr:col>55</xdr:col>
      <xdr:colOff>50800</xdr:colOff>
      <xdr:row>40</xdr:row>
      <xdr:rowOff>19558</xdr:rowOff>
    </xdr:to>
    <xdr:sp macro="" textlink="">
      <xdr:nvSpPr>
        <xdr:cNvPr id="118" name="フローチャート: 判断 117">
          <a:extLst>
            <a:ext uri="{FF2B5EF4-FFF2-40B4-BE49-F238E27FC236}">
              <a16:creationId xmlns:a16="http://schemas.microsoft.com/office/drawing/2014/main" id="{DE2A80EB-6E13-4F12-9862-23867B60D4B5}"/>
            </a:ext>
          </a:extLst>
        </xdr:cNvPr>
        <xdr:cNvSpPr/>
      </xdr:nvSpPr>
      <xdr:spPr>
        <a:xfrm>
          <a:off x="9401175" y="6401308"/>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91059</xdr:rowOff>
    </xdr:from>
    <xdr:to>
      <xdr:col>50</xdr:col>
      <xdr:colOff>165100</xdr:colOff>
      <xdr:row>40</xdr:row>
      <xdr:rowOff>21209</xdr:rowOff>
    </xdr:to>
    <xdr:sp macro="" textlink="">
      <xdr:nvSpPr>
        <xdr:cNvPr id="119" name="フローチャート: 判断 118">
          <a:extLst>
            <a:ext uri="{FF2B5EF4-FFF2-40B4-BE49-F238E27FC236}">
              <a16:creationId xmlns:a16="http://schemas.microsoft.com/office/drawing/2014/main" id="{B0111F9A-A539-4535-B7D9-4DBF77CEB7CB}"/>
            </a:ext>
          </a:extLst>
        </xdr:cNvPr>
        <xdr:cNvSpPr/>
      </xdr:nvSpPr>
      <xdr:spPr>
        <a:xfrm>
          <a:off x="8639175" y="6402959"/>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89535</xdr:rowOff>
    </xdr:from>
    <xdr:to>
      <xdr:col>46</xdr:col>
      <xdr:colOff>38100</xdr:colOff>
      <xdr:row>40</xdr:row>
      <xdr:rowOff>19685</xdr:rowOff>
    </xdr:to>
    <xdr:sp macro="" textlink="">
      <xdr:nvSpPr>
        <xdr:cNvPr id="120" name="フローチャート: 判断 119">
          <a:extLst>
            <a:ext uri="{FF2B5EF4-FFF2-40B4-BE49-F238E27FC236}">
              <a16:creationId xmlns:a16="http://schemas.microsoft.com/office/drawing/2014/main" id="{93854ADD-354E-4A7F-A9C3-8BE31CFE49F4}"/>
            </a:ext>
          </a:extLst>
        </xdr:cNvPr>
        <xdr:cNvSpPr/>
      </xdr:nvSpPr>
      <xdr:spPr>
        <a:xfrm>
          <a:off x="7839075" y="640143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90932</xdr:rowOff>
    </xdr:from>
    <xdr:to>
      <xdr:col>41</xdr:col>
      <xdr:colOff>101600</xdr:colOff>
      <xdr:row>40</xdr:row>
      <xdr:rowOff>21082</xdr:rowOff>
    </xdr:to>
    <xdr:sp macro="" textlink="">
      <xdr:nvSpPr>
        <xdr:cNvPr id="121" name="フローチャート: 判断 120">
          <a:extLst>
            <a:ext uri="{FF2B5EF4-FFF2-40B4-BE49-F238E27FC236}">
              <a16:creationId xmlns:a16="http://schemas.microsoft.com/office/drawing/2014/main" id="{E2E8E339-7941-4372-A981-3100A46C980B}"/>
            </a:ext>
          </a:extLst>
        </xdr:cNvPr>
        <xdr:cNvSpPr/>
      </xdr:nvSpPr>
      <xdr:spPr>
        <a:xfrm>
          <a:off x="7029450" y="6402832"/>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90805</xdr:rowOff>
    </xdr:from>
    <xdr:to>
      <xdr:col>36</xdr:col>
      <xdr:colOff>165100</xdr:colOff>
      <xdr:row>40</xdr:row>
      <xdr:rowOff>20955</xdr:rowOff>
    </xdr:to>
    <xdr:sp macro="" textlink="">
      <xdr:nvSpPr>
        <xdr:cNvPr id="122" name="フローチャート: 判断 121">
          <a:extLst>
            <a:ext uri="{FF2B5EF4-FFF2-40B4-BE49-F238E27FC236}">
              <a16:creationId xmlns:a16="http://schemas.microsoft.com/office/drawing/2014/main" id="{ADA8ED74-F792-40BA-A5FA-ACD9A08E9382}"/>
            </a:ext>
          </a:extLst>
        </xdr:cNvPr>
        <xdr:cNvSpPr/>
      </xdr:nvSpPr>
      <xdr:spPr>
        <a:xfrm>
          <a:off x="6238875" y="640270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95592B26-8EBA-49D8-AD85-BD74C6C2829F}"/>
            </a:ext>
          </a:extLst>
        </xdr:cNvPr>
        <xdr:cNvSpPr txBox="1"/>
      </xdr:nvSpPr>
      <xdr:spPr>
        <a:xfrm>
          <a:off x="925830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2DE3213A-59E0-4144-8FC5-48BFCC470FBD}"/>
            </a:ext>
          </a:extLst>
        </xdr:cNvPr>
        <xdr:cNvSpPr txBox="1"/>
      </xdr:nvSpPr>
      <xdr:spPr>
        <a:xfrm>
          <a:off x="85153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FBB8563E-ACAE-4384-AA66-80643565CEAD}"/>
            </a:ext>
          </a:extLst>
        </xdr:cNvPr>
        <xdr:cNvSpPr txBox="1"/>
      </xdr:nvSpPr>
      <xdr:spPr>
        <a:xfrm>
          <a:off x="77152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4B3CCAB8-B189-4456-AA43-8646C806612B}"/>
            </a:ext>
          </a:extLst>
        </xdr:cNvPr>
        <xdr:cNvSpPr txBox="1"/>
      </xdr:nvSpPr>
      <xdr:spPr>
        <a:xfrm>
          <a:off x="6905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3EA0EE8C-841E-46B1-980B-BEAD1B931AB5}"/>
            </a:ext>
          </a:extLst>
        </xdr:cNvPr>
        <xdr:cNvSpPr txBox="1"/>
      </xdr:nvSpPr>
      <xdr:spPr>
        <a:xfrm>
          <a:off x="61150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0899</xdr:rowOff>
    </xdr:from>
    <xdr:to>
      <xdr:col>55</xdr:col>
      <xdr:colOff>50800</xdr:colOff>
      <xdr:row>41</xdr:row>
      <xdr:rowOff>11049</xdr:rowOff>
    </xdr:to>
    <xdr:sp macro="" textlink="">
      <xdr:nvSpPr>
        <xdr:cNvPr id="128" name="楕円 127">
          <a:extLst>
            <a:ext uri="{FF2B5EF4-FFF2-40B4-BE49-F238E27FC236}">
              <a16:creationId xmlns:a16="http://schemas.microsoft.com/office/drawing/2014/main" id="{C9036F3E-E67A-4D41-A9EA-A609A802AFD2}"/>
            </a:ext>
          </a:extLst>
        </xdr:cNvPr>
        <xdr:cNvSpPr/>
      </xdr:nvSpPr>
      <xdr:spPr>
        <a:xfrm>
          <a:off x="9401175" y="6561074"/>
          <a:ext cx="7620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7276</xdr:rowOff>
    </xdr:from>
    <xdr:ext cx="469744" cy="259045"/>
    <xdr:sp macro="" textlink="">
      <xdr:nvSpPr>
        <xdr:cNvPr id="129" name="【道路】&#10;一人当たり延長該当値テキスト">
          <a:extLst>
            <a:ext uri="{FF2B5EF4-FFF2-40B4-BE49-F238E27FC236}">
              <a16:creationId xmlns:a16="http://schemas.microsoft.com/office/drawing/2014/main" id="{41024633-9660-46AA-8907-5F6AABAD16F7}"/>
            </a:ext>
          </a:extLst>
        </xdr:cNvPr>
        <xdr:cNvSpPr txBox="1"/>
      </xdr:nvSpPr>
      <xdr:spPr>
        <a:xfrm>
          <a:off x="9467850" y="6479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81280</xdr:rowOff>
    </xdr:from>
    <xdr:to>
      <xdr:col>50</xdr:col>
      <xdr:colOff>165100</xdr:colOff>
      <xdr:row>41</xdr:row>
      <xdr:rowOff>11430</xdr:rowOff>
    </xdr:to>
    <xdr:sp macro="" textlink="">
      <xdr:nvSpPr>
        <xdr:cNvPr id="130" name="楕円 129">
          <a:extLst>
            <a:ext uri="{FF2B5EF4-FFF2-40B4-BE49-F238E27FC236}">
              <a16:creationId xmlns:a16="http://schemas.microsoft.com/office/drawing/2014/main" id="{4C1CAE5A-0C2E-44E5-A1A0-FC4FFA269B95}"/>
            </a:ext>
          </a:extLst>
        </xdr:cNvPr>
        <xdr:cNvSpPr/>
      </xdr:nvSpPr>
      <xdr:spPr>
        <a:xfrm>
          <a:off x="8639175" y="6561455"/>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31699</xdr:rowOff>
    </xdr:from>
    <xdr:to>
      <xdr:col>55</xdr:col>
      <xdr:colOff>0</xdr:colOff>
      <xdr:row>40</xdr:row>
      <xdr:rowOff>132080</xdr:rowOff>
    </xdr:to>
    <xdr:cxnSp macro="">
      <xdr:nvCxnSpPr>
        <xdr:cNvPr id="131" name="直線コネクタ 130">
          <a:extLst>
            <a:ext uri="{FF2B5EF4-FFF2-40B4-BE49-F238E27FC236}">
              <a16:creationId xmlns:a16="http://schemas.microsoft.com/office/drawing/2014/main" id="{F559706F-4FAD-4AC2-89E1-B36815632D35}"/>
            </a:ext>
          </a:extLst>
        </xdr:cNvPr>
        <xdr:cNvCxnSpPr/>
      </xdr:nvCxnSpPr>
      <xdr:spPr>
        <a:xfrm flipV="1">
          <a:off x="8686800" y="6608699"/>
          <a:ext cx="74295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81153</xdr:rowOff>
    </xdr:from>
    <xdr:to>
      <xdr:col>46</xdr:col>
      <xdr:colOff>38100</xdr:colOff>
      <xdr:row>41</xdr:row>
      <xdr:rowOff>11303</xdr:rowOff>
    </xdr:to>
    <xdr:sp macro="" textlink="">
      <xdr:nvSpPr>
        <xdr:cNvPr id="132" name="楕円 131">
          <a:extLst>
            <a:ext uri="{FF2B5EF4-FFF2-40B4-BE49-F238E27FC236}">
              <a16:creationId xmlns:a16="http://schemas.microsoft.com/office/drawing/2014/main" id="{6B852E13-0223-443E-9053-70051C9F11D7}"/>
            </a:ext>
          </a:extLst>
        </xdr:cNvPr>
        <xdr:cNvSpPr/>
      </xdr:nvSpPr>
      <xdr:spPr>
        <a:xfrm>
          <a:off x="7839075" y="6561328"/>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31953</xdr:rowOff>
    </xdr:from>
    <xdr:to>
      <xdr:col>50</xdr:col>
      <xdr:colOff>114300</xdr:colOff>
      <xdr:row>40</xdr:row>
      <xdr:rowOff>132080</xdr:rowOff>
    </xdr:to>
    <xdr:cxnSp macro="">
      <xdr:nvCxnSpPr>
        <xdr:cNvPr id="133" name="直線コネクタ 132">
          <a:extLst>
            <a:ext uri="{FF2B5EF4-FFF2-40B4-BE49-F238E27FC236}">
              <a16:creationId xmlns:a16="http://schemas.microsoft.com/office/drawing/2014/main" id="{27E3AA26-0F5C-400F-BEF8-D3F50637EBE9}"/>
            </a:ext>
          </a:extLst>
        </xdr:cNvPr>
        <xdr:cNvCxnSpPr/>
      </xdr:nvCxnSpPr>
      <xdr:spPr>
        <a:xfrm>
          <a:off x="7886700" y="6608953"/>
          <a:ext cx="800100" cy="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80772</xdr:rowOff>
    </xdr:from>
    <xdr:to>
      <xdr:col>41</xdr:col>
      <xdr:colOff>101600</xdr:colOff>
      <xdr:row>41</xdr:row>
      <xdr:rowOff>10922</xdr:rowOff>
    </xdr:to>
    <xdr:sp macro="" textlink="">
      <xdr:nvSpPr>
        <xdr:cNvPr id="134" name="楕円 133">
          <a:extLst>
            <a:ext uri="{FF2B5EF4-FFF2-40B4-BE49-F238E27FC236}">
              <a16:creationId xmlns:a16="http://schemas.microsoft.com/office/drawing/2014/main" id="{189545D6-FF75-4402-90DD-A3A8F59E1A8B}"/>
            </a:ext>
          </a:extLst>
        </xdr:cNvPr>
        <xdr:cNvSpPr/>
      </xdr:nvSpPr>
      <xdr:spPr>
        <a:xfrm>
          <a:off x="7029450" y="6560947"/>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31572</xdr:rowOff>
    </xdr:from>
    <xdr:to>
      <xdr:col>45</xdr:col>
      <xdr:colOff>177800</xdr:colOff>
      <xdr:row>40</xdr:row>
      <xdr:rowOff>131953</xdr:rowOff>
    </xdr:to>
    <xdr:cxnSp macro="">
      <xdr:nvCxnSpPr>
        <xdr:cNvPr id="135" name="直線コネクタ 134">
          <a:extLst>
            <a:ext uri="{FF2B5EF4-FFF2-40B4-BE49-F238E27FC236}">
              <a16:creationId xmlns:a16="http://schemas.microsoft.com/office/drawing/2014/main" id="{F41E32E5-0962-454A-AD7F-D6FE869B3BD4}"/>
            </a:ext>
          </a:extLst>
        </xdr:cNvPr>
        <xdr:cNvCxnSpPr/>
      </xdr:nvCxnSpPr>
      <xdr:spPr>
        <a:xfrm>
          <a:off x="7077075" y="6608572"/>
          <a:ext cx="809625"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80391</xdr:rowOff>
    </xdr:from>
    <xdr:to>
      <xdr:col>36</xdr:col>
      <xdr:colOff>165100</xdr:colOff>
      <xdr:row>41</xdr:row>
      <xdr:rowOff>10541</xdr:rowOff>
    </xdr:to>
    <xdr:sp macro="" textlink="">
      <xdr:nvSpPr>
        <xdr:cNvPr id="136" name="楕円 135">
          <a:extLst>
            <a:ext uri="{FF2B5EF4-FFF2-40B4-BE49-F238E27FC236}">
              <a16:creationId xmlns:a16="http://schemas.microsoft.com/office/drawing/2014/main" id="{794F5022-A946-4CBC-9E7D-10EC91479426}"/>
            </a:ext>
          </a:extLst>
        </xdr:cNvPr>
        <xdr:cNvSpPr/>
      </xdr:nvSpPr>
      <xdr:spPr>
        <a:xfrm>
          <a:off x="6238875" y="6560566"/>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31191</xdr:rowOff>
    </xdr:from>
    <xdr:to>
      <xdr:col>41</xdr:col>
      <xdr:colOff>50800</xdr:colOff>
      <xdr:row>40</xdr:row>
      <xdr:rowOff>131572</xdr:rowOff>
    </xdr:to>
    <xdr:cxnSp macro="">
      <xdr:nvCxnSpPr>
        <xdr:cNvPr id="137" name="直線コネクタ 136">
          <a:extLst>
            <a:ext uri="{FF2B5EF4-FFF2-40B4-BE49-F238E27FC236}">
              <a16:creationId xmlns:a16="http://schemas.microsoft.com/office/drawing/2014/main" id="{A25B300E-BB89-421E-A650-2731E13908E3}"/>
            </a:ext>
          </a:extLst>
        </xdr:cNvPr>
        <xdr:cNvCxnSpPr/>
      </xdr:nvCxnSpPr>
      <xdr:spPr>
        <a:xfrm>
          <a:off x="6286500" y="6608191"/>
          <a:ext cx="790575"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7736</xdr:rowOff>
    </xdr:from>
    <xdr:ext cx="469744" cy="259045"/>
    <xdr:sp macro="" textlink="">
      <xdr:nvSpPr>
        <xdr:cNvPr id="138" name="n_1aveValue【道路】&#10;一人当たり延長">
          <a:extLst>
            <a:ext uri="{FF2B5EF4-FFF2-40B4-BE49-F238E27FC236}">
              <a16:creationId xmlns:a16="http://schemas.microsoft.com/office/drawing/2014/main" id="{7165D398-2FDB-4901-B141-696068A7442A}"/>
            </a:ext>
          </a:extLst>
        </xdr:cNvPr>
        <xdr:cNvSpPr txBox="1"/>
      </xdr:nvSpPr>
      <xdr:spPr>
        <a:xfrm>
          <a:off x="8458277" y="6190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6212</xdr:rowOff>
    </xdr:from>
    <xdr:ext cx="469744" cy="259045"/>
    <xdr:sp macro="" textlink="">
      <xdr:nvSpPr>
        <xdr:cNvPr id="139" name="n_2aveValue【道路】&#10;一人当たり延長">
          <a:extLst>
            <a:ext uri="{FF2B5EF4-FFF2-40B4-BE49-F238E27FC236}">
              <a16:creationId xmlns:a16="http://schemas.microsoft.com/office/drawing/2014/main" id="{19D0287D-57AE-413C-999D-F49840C566DF}"/>
            </a:ext>
          </a:extLst>
        </xdr:cNvPr>
        <xdr:cNvSpPr txBox="1"/>
      </xdr:nvSpPr>
      <xdr:spPr>
        <a:xfrm>
          <a:off x="7677227" y="6189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7609</xdr:rowOff>
    </xdr:from>
    <xdr:ext cx="469744" cy="259045"/>
    <xdr:sp macro="" textlink="">
      <xdr:nvSpPr>
        <xdr:cNvPr id="140" name="n_3aveValue【道路】&#10;一人当たり延長">
          <a:extLst>
            <a:ext uri="{FF2B5EF4-FFF2-40B4-BE49-F238E27FC236}">
              <a16:creationId xmlns:a16="http://schemas.microsoft.com/office/drawing/2014/main" id="{A9F4CE91-8214-4C67-81AB-7839A15285A7}"/>
            </a:ext>
          </a:extLst>
        </xdr:cNvPr>
        <xdr:cNvSpPr txBox="1"/>
      </xdr:nvSpPr>
      <xdr:spPr>
        <a:xfrm>
          <a:off x="6867602" y="6190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7482</xdr:rowOff>
    </xdr:from>
    <xdr:ext cx="469744" cy="259045"/>
    <xdr:sp macro="" textlink="">
      <xdr:nvSpPr>
        <xdr:cNvPr id="141" name="n_4aveValue【道路】&#10;一人当たり延長">
          <a:extLst>
            <a:ext uri="{FF2B5EF4-FFF2-40B4-BE49-F238E27FC236}">
              <a16:creationId xmlns:a16="http://schemas.microsoft.com/office/drawing/2014/main" id="{8EB282B5-0420-4DFD-AFAB-B4CE16BD8F7C}"/>
            </a:ext>
          </a:extLst>
        </xdr:cNvPr>
        <xdr:cNvSpPr txBox="1"/>
      </xdr:nvSpPr>
      <xdr:spPr>
        <a:xfrm>
          <a:off x="6067502" y="6190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2557</xdr:rowOff>
    </xdr:from>
    <xdr:ext cx="469744" cy="259045"/>
    <xdr:sp macro="" textlink="">
      <xdr:nvSpPr>
        <xdr:cNvPr id="142" name="n_1mainValue【道路】&#10;一人当たり延長">
          <a:extLst>
            <a:ext uri="{FF2B5EF4-FFF2-40B4-BE49-F238E27FC236}">
              <a16:creationId xmlns:a16="http://schemas.microsoft.com/office/drawing/2014/main" id="{4B57780D-2107-4A38-9137-E8A9E02B8853}"/>
            </a:ext>
          </a:extLst>
        </xdr:cNvPr>
        <xdr:cNvSpPr txBox="1"/>
      </xdr:nvSpPr>
      <xdr:spPr>
        <a:xfrm>
          <a:off x="8458277" y="6641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2430</xdr:rowOff>
    </xdr:from>
    <xdr:ext cx="469744" cy="259045"/>
    <xdr:sp macro="" textlink="">
      <xdr:nvSpPr>
        <xdr:cNvPr id="143" name="n_2mainValue【道路】&#10;一人当たり延長">
          <a:extLst>
            <a:ext uri="{FF2B5EF4-FFF2-40B4-BE49-F238E27FC236}">
              <a16:creationId xmlns:a16="http://schemas.microsoft.com/office/drawing/2014/main" id="{67E10117-3EA5-44F4-8177-AC75F549D094}"/>
            </a:ext>
          </a:extLst>
        </xdr:cNvPr>
        <xdr:cNvSpPr txBox="1"/>
      </xdr:nvSpPr>
      <xdr:spPr>
        <a:xfrm>
          <a:off x="7677227" y="6641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2049</xdr:rowOff>
    </xdr:from>
    <xdr:ext cx="469744" cy="259045"/>
    <xdr:sp macro="" textlink="">
      <xdr:nvSpPr>
        <xdr:cNvPr id="144" name="n_3mainValue【道路】&#10;一人当たり延長">
          <a:extLst>
            <a:ext uri="{FF2B5EF4-FFF2-40B4-BE49-F238E27FC236}">
              <a16:creationId xmlns:a16="http://schemas.microsoft.com/office/drawing/2014/main" id="{E50744A2-EEDB-456A-8E27-43E22F0C6C97}"/>
            </a:ext>
          </a:extLst>
        </xdr:cNvPr>
        <xdr:cNvSpPr txBox="1"/>
      </xdr:nvSpPr>
      <xdr:spPr>
        <a:xfrm>
          <a:off x="6867602" y="6640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668</xdr:rowOff>
    </xdr:from>
    <xdr:ext cx="469744" cy="259045"/>
    <xdr:sp macro="" textlink="">
      <xdr:nvSpPr>
        <xdr:cNvPr id="145" name="n_4mainValue【道路】&#10;一人当たり延長">
          <a:extLst>
            <a:ext uri="{FF2B5EF4-FFF2-40B4-BE49-F238E27FC236}">
              <a16:creationId xmlns:a16="http://schemas.microsoft.com/office/drawing/2014/main" id="{BF52BFD6-10CA-4F0A-ADC7-561225A6F05D}"/>
            </a:ext>
          </a:extLst>
        </xdr:cNvPr>
        <xdr:cNvSpPr txBox="1"/>
      </xdr:nvSpPr>
      <xdr:spPr>
        <a:xfrm>
          <a:off x="6067502" y="6640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C467341B-4E50-48DD-A152-670CA6BBB26D}"/>
            </a:ext>
          </a:extLst>
        </xdr:cNvPr>
        <xdr:cNvSpPr/>
      </xdr:nvSpPr>
      <xdr:spPr>
        <a:xfrm>
          <a:off x="685800" y="756285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8964B53B-577D-4958-8BFA-413560510009}"/>
            </a:ext>
          </a:extLst>
        </xdr:cNvPr>
        <xdr:cNvSpPr/>
      </xdr:nvSpPr>
      <xdr:spPr>
        <a:xfrm>
          <a:off x="8096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5F77D92B-27B1-445B-BC13-0C05FD380318}"/>
            </a:ext>
          </a:extLst>
        </xdr:cNvPr>
        <xdr:cNvSpPr/>
      </xdr:nvSpPr>
      <xdr:spPr>
        <a:xfrm>
          <a:off x="8096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36F23B7A-33F3-4613-9E5B-8187F362C690}"/>
            </a:ext>
          </a:extLst>
        </xdr:cNvPr>
        <xdr:cNvSpPr/>
      </xdr:nvSpPr>
      <xdr:spPr>
        <a:xfrm>
          <a:off x="17145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49B3C2B0-2FAA-4B2B-961F-0947291B5D3C}"/>
            </a:ext>
          </a:extLst>
        </xdr:cNvPr>
        <xdr:cNvSpPr/>
      </xdr:nvSpPr>
      <xdr:spPr>
        <a:xfrm>
          <a:off x="17145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7F7F5DAC-66E4-4519-9B50-F8586DD1B3B8}"/>
            </a:ext>
          </a:extLst>
        </xdr:cNvPr>
        <xdr:cNvSpPr/>
      </xdr:nvSpPr>
      <xdr:spPr>
        <a:xfrm>
          <a:off x="27432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09436113-3255-49E1-A66C-F6DCC0393771}"/>
            </a:ext>
          </a:extLst>
        </xdr:cNvPr>
        <xdr:cNvSpPr/>
      </xdr:nvSpPr>
      <xdr:spPr>
        <a:xfrm>
          <a:off x="27432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8668A029-BF98-49DB-B32B-51E5EC37E101}"/>
            </a:ext>
          </a:extLst>
        </xdr:cNvPr>
        <xdr:cNvSpPr/>
      </xdr:nvSpPr>
      <xdr:spPr>
        <a:xfrm>
          <a:off x="685800" y="863917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5E590CDA-1555-479F-8382-378E340DB6CB}"/>
            </a:ext>
          </a:extLst>
        </xdr:cNvPr>
        <xdr:cNvSpPr txBox="1"/>
      </xdr:nvSpPr>
      <xdr:spPr>
        <a:xfrm>
          <a:off x="666750" y="8458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FE09EDA0-A1EE-432E-9C0B-32364B19859B}"/>
            </a:ext>
          </a:extLst>
        </xdr:cNvPr>
        <xdr:cNvCxnSpPr/>
      </xdr:nvCxnSpPr>
      <xdr:spPr>
        <a:xfrm>
          <a:off x="685800" y="10801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28B89247-9F62-4E1D-A98A-EE9C65248BBD}"/>
            </a:ext>
          </a:extLst>
        </xdr:cNvPr>
        <xdr:cNvSpPr txBox="1"/>
      </xdr:nvSpPr>
      <xdr:spPr>
        <a:xfrm>
          <a:off x="278946" y="10665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id="{A00A3965-6E70-49C8-B069-A4196B81571C}"/>
            </a:ext>
          </a:extLst>
        </xdr:cNvPr>
        <xdr:cNvCxnSpPr/>
      </xdr:nvCxnSpPr>
      <xdr:spPr>
        <a:xfrm>
          <a:off x="685800" y="10439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a:extLst>
            <a:ext uri="{FF2B5EF4-FFF2-40B4-BE49-F238E27FC236}">
              <a16:creationId xmlns:a16="http://schemas.microsoft.com/office/drawing/2014/main" id="{89D1C96E-BF1C-4450-908D-5C06279787DB}"/>
            </a:ext>
          </a:extLst>
        </xdr:cNvPr>
        <xdr:cNvSpPr txBox="1"/>
      </xdr:nvSpPr>
      <xdr:spPr>
        <a:xfrm>
          <a:off x="339891" y="10303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id="{5C704850-987F-425F-8407-EADFDDEC4202}"/>
            </a:ext>
          </a:extLst>
        </xdr:cNvPr>
        <xdr:cNvCxnSpPr/>
      </xdr:nvCxnSpPr>
      <xdr:spPr>
        <a:xfrm>
          <a:off x="685800" y="10077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id="{CFC43EAA-14DB-448B-94F3-98813E44D8B8}"/>
            </a:ext>
          </a:extLst>
        </xdr:cNvPr>
        <xdr:cNvSpPr txBox="1"/>
      </xdr:nvSpPr>
      <xdr:spPr>
        <a:xfrm>
          <a:off x="339891" y="9941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id="{64A402D8-B5C4-4F67-B1BB-BD3D5C8FA6D5}"/>
            </a:ext>
          </a:extLst>
        </xdr:cNvPr>
        <xdr:cNvCxnSpPr/>
      </xdr:nvCxnSpPr>
      <xdr:spPr>
        <a:xfrm>
          <a:off x="685800" y="971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id="{7A4B1E91-9B9F-4C90-8566-A06E825C4905}"/>
            </a:ext>
          </a:extLst>
        </xdr:cNvPr>
        <xdr:cNvSpPr txBox="1"/>
      </xdr:nvSpPr>
      <xdr:spPr>
        <a:xfrm>
          <a:off x="339891" y="95796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id="{4DB24006-C206-4942-B204-C10D64E4A94E}"/>
            </a:ext>
          </a:extLst>
        </xdr:cNvPr>
        <xdr:cNvCxnSpPr/>
      </xdr:nvCxnSpPr>
      <xdr:spPr>
        <a:xfrm>
          <a:off x="685800" y="93630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id="{7378EA4E-591C-483C-B8B9-719DE7B7D3AC}"/>
            </a:ext>
          </a:extLst>
        </xdr:cNvPr>
        <xdr:cNvSpPr txBox="1"/>
      </xdr:nvSpPr>
      <xdr:spPr>
        <a:xfrm>
          <a:off x="339891" y="92272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id="{68F07DCE-A562-4C62-9275-B903C0EB5664}"/>
            </a:ext>
          </a:extLst>
        </xdr:cNvPr>
        <xdr:cNvCxnSpPr/>
      </xdr:nvCxnSpPr>
      <xdr:spPr>
        <a:xfrm>
          <a:off x="685800" y="90011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6" name="テキスト ボックス 165">
          <a:extLst>
            <a:ext uri="{FF2B5EF4-FFF2-40B4-BE49-F238E27FC236}">
              <a16:creationId xmlns:a16="http://schemas.microsoft.com/office/drawing/2014/main" id="{F067EC87-FD8E-4A80-9869-ED5CD9B33F4D}"/>
            </a:ext>
          </a:extLst>
        </xdr:cNvPr>
        <xdr:cNvSpPr txBox="1"/>
      </xdr:nvSpPr>
      <xdr:spPr>
        <a:xfrm>
          <a:off x="388136" y="88652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id="{42E09EDF-D180-47E4-9E6B-C4294BB47B4D}"/>
            </a:ext>
          </a:extLst>
        </xdr:cNvPr>
        <xdr:cNvCxnSpPr/>
      </xdr:nvCxnSpPr>
      <xdr:spPr>
        <a:xfrm>
          <a:off x="685800" y="86391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8" name="【橋りょう・トンネル】&#10;有形固定資産減価償却率グラフ枠">
          <a:extLst>
            <a:ext uri="{FF2B5EF4-FFF2-40B4-BE49-F238E27FC236}">
              <a16:creationId xmlns:a16="http://schemas.microsoft.com/office/drawing/2014/main" id="{A871EFC8-1F31-4198-8046-9B80440A25E0}"/>
            </a:ext>
          </a:extLst>
        </xdr:cNvPr>
        <xdr:cNvSpPr/>
      </xdr:nvSpPr>
      <xdr:spPr>
        <a:xfrm>
          <a:off x="685800" y="863917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2385</xdr:rowOff>
    </xdr:from>
    <xdr:to>
      <xdr:col>24</xdr:col>
      <xdr:colOff>62865</xdr:colOff>
      <xdr:row>63</xdr:row>
      <xdr:rowOff>106680</xdr:rowOff>
    </xdr:to>
    <xdr:cxnSp macro="">
      <xdr:nvCxnSpPr>
        <xdr:cNvPr id="169" name="直線コネクタ 168">
          <a:extLst>
            <a:ext uri="{FF2B5EF4-FFF2-40B4-BE49-F238E27FC236}">
              <a16:creationId xmlns:a16="http://schemas.microsoft.com/office/drawing/2014/main" id="{DA680EBE-919A-4F36-B14F-25D25CF5BB23}"/>
            </a:ext>
          </a:extLst>
        </xdr:cNvPr>
        <xdr:cNvCxnSpPr/>
      </xdr:nvCxnSpPr>
      <xdr:spPr>
        <a:xfrm flipV="1">
          <a:off x="4180840" y="9097010"/>
          <a:ext cx="0" cy="1207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10507</xdr:rowOff>
    </xdr:from>
    <xdr:ext cx="405111" cy="259045"/>
    <xdr:sp macro="" textlink="">
      <xdr:nvSpPr>
        <xdr:cNvPr id="170" name="【橋りょう・トンネル】&#10;有形固定資産減価償却率最小値テキスト">
          <a:extLst>
            <a:ext uri="{FF2B5EF4-FFF2-40B4-BE49-F238E27FC236}">
              <a16:creationId xmlns:a16="http://schemas.microsoft.com/office/drawing/2014/main" id="{7DBC141C-FC90-49C2-A468-E01A94AE4C1D}"/>
            </a:ext>
          </a:extLst>
        </xdr:cNvPr>
        <xdr:cNvSpPr txBox="1"/>
      </xdr:nvSpPr>
      <xdr:spPr>
        <a:xfrm>
          <a:off x="4219575" y="10308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06680</xdr:rowOff>
    </xdr:from>
    <xdr:to>
      <xdr:col>24</xdr:col>
      <xdr:colOff>152400</xdr:colOff>
      <xdr:row>63</xdr:row>
      <xdr:rowOff>106680</xdr:rowOff>
    </xdr:to>
    <xdr:cxnSp macro="">
      <xdr:nvCxnSpPr>
        <xdr:cNvPr id="171" name="直線コネクタ 170">
          <a:extLst>
            <a:ext uri="{FF2B5EF4-FFF2-40B4-BE49-F238E27FC236}">
              <a16:creationId xmlns:a16="http://schemas.microsoft.com/office/drawing/2014/main" id="{AE18F9E4-7AD7-44B7-B849-2EBC9C755E8E}"/>
            </a:ext>
          </a:extLst>
        </xdr:cNvPr>
        <xdr:cNvCxnSpPr/>
      </xdr:nvCxnSpPr>
      <xdr:spPr>
        <a:xfrm>
          <a:off x="4105275" y="1030478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50512</xdr:rowOff>
    </xdr:from>
    <xdr:ext cx="340478" cy="259045"/>
    <xdr:sp macro="" textlink="">
      <xdr:nvSpPr>
        <xdr:cNvPr id="172" name="【橋りょう・トンネル】&#10;有形固定資産減価償却率最大値テキスト">
          <a:extLst>
            <a:ext uri="{FF2B5EF4-FFF2-40B4-BE49-F238E27FC236}">
              <a16:creationId xmlns:a16="http://schemas.microsoft.com/office/drawing/2014/main" id="{DD6E292A-0848-4FBC-89B3-B0388B900667}"/>
            </a:ext>
          </a:extLst>
        </xdr:cNvPr>
        <xdr:cNvSpPr txBox="1"/>
      </xdr:nvSpPr>
      <xdr:spPr>
        <a:xfrm>
          <a:off x="4219575" y="889446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2385</xdr:rowOff>
    </xdr:from>
    <xdr:to>
      <xdr:col>24</xdr:col>
      <xdr:colOff>152400</xdr:colOff>
      <xdr:row>56</xdr:row>
      <xdr:rowOff>32385</xdr:rowOff>
    </xdr:to>
    <xdr:cxnSp macro="">
      <xdr:nvCxnSpPr>
        <xdr:cNvPr id="173" name="直線コネクタ 172">
          <a:extLst>
            <a:ext uri="{FF2B5EF4-FFF2-40B4-BE49-F238E27FC236}">
              <a16:creationId xmlns:a16="http://schemas.microsoft.com/office/drawing/2014/main" id="{1BCCAD1F-9667-4A32-A098-5EFAD270348C}"/>
            </a:ext>
          </a:extLst>
        </xdr:cNvPr>
        <xdr:cNvCxnSpPr/>
      </xdr:nvCxnSpPr>
      <xdr:spPr>
        <a:xfrm>
          <a:off x="4105275" y="909701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169562</xdr:rowOff>
    </xdr:from>
    <xdr:ext cx="405111" cy="259045"/>
    <xdr:sp macro="" textlink="">
      <xdr:nvSpPr>
        <xdr:cNvPr id="174" name="【橋りょう・トンネル】&#10;有形固定資産減価償却率平均値テキスト">
          <a:extLst>
            <a:ext uri="{FF2B5EF4-FFF2-40B4-BE49-F238E27FC236}">
              <a16:creationId xmlns:a16="http://schemas.microsoft.com/office/drawing/2014/main" id="{7A2CCC30-5CAE-41C1-AB12-DA0ECDDAB661}"/>
            </a:ext>
          </a:extLst>
        </xdr:cNvPr>
        <xdr:cNvSpPr txBox="1"/>
      </xdr:nvSpPr>
      <xdr:spPr>
        <a:xfrm>
          <a:off x="4219575" y="100374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19685</xdr:rowOff>
    </xdr:from>
    <xdr:to>
      <xdr:col>24</xdr:col>
      <xdr:colOff>114300</xdr:colOff>
      <xdr:row>62</xdr:row>
      <xdr:rowOff>121285</xdr:rowOff>
    </xdr:to>
    <xdr:sp macro="" textlink="">
      <xdr:nvSpPr>
        <xdr:cNvPr id="175" name="フローチャート: 判断 174">
          <a:extLst>
            <a:ext uri="{FF2B5EF4-FFF2-40B4-BE49-F238E27FC236}">
              <a16:creationId xmlns:a16="http://schemas.microsoft.com/office/drawing/2014/main" id="{70B62733-A9D8-446F-850A-9BFCCD1E96B7}"/>
            </a:ext>
          </a:extLst>
        </xdr:cNvPr>
        <xdr:cNvSpPr/>
      </xdr:nvSpPr>
      <xdr:spPr>
        <a:xfrm>
          <a:off x="4124325" y="1005903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2</xdr:row>
      <xdr:rowOff>635</xdr:rowOff>
    </xdr:from>
    <xdr:to>
      <xdr:col>20</xdr:col>
      <xdr:colOff>38100</xdr:colOff>
      <xdr:row>62</xdr:row>
      <xdr:rowOff>102235</xdr:rowOff>
    </xdr:to>
    <xdr:sp macro="" textlink="">
      <xdr:nvSpPr>
        <xdr:cNvPr id="176" name="フローチャート: 判断 175">
          <a:extLst>
            <a:ext uri="{FF2B5EF4-FFF2-40B4-BE49-F238E27FC236}">
              <a16:creationId xmlns:a16="http://schemas.microsoft.com/office/drawing/2014/main" id="{6657AA1A-357D-447B-A082-284034D5E41B}"/>
            </a:ext>
          </a:extLst>
        </xdr:cNvPr>
        <xdr:cNvSpPr/>
      </xdr:nvSpPr>
      <xdr:spPr>
        <a:xfrm>
          <a:off x="3381375" y="1003998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9225</xdr:rowOff>
    </xdr:from>
    <xdr:to>
      <xdr:col>15</xdr:col>
      <xdr:colOff>101600</xdr:colOff>
      <xdr:row>62</xdr:row>
      <xdr:rowOff>79375</xdr:rowOff>
    </xdr:to>
    <xdr:sp macro="" textlink="">
      <xdr:nvSpPr>
        <xdr:cNvPr id="177" name="フローチャート: 判断 176">
          <a:extLst>
            <a:ext uri="{FF2B5EF4-FFF2-40B4-BE49-F238E27FC236}">
              <a16:creationId xmlns:a16="http://schemas.microsoft.com/office/drawing/2014/main" id="{5ECAF815-F208-4A56-A005-5DA16B4187A2}"/>
            </a:ext>
          </a:extLst>
        </xdr:cNvPr>
        <xdr:cNvSpPr/>
      </xdr:nvSpPr>
      <xdr:spPr>
        <a:xfrm>
          <a:off x="2571750" y="1002665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26365</xdr:rowOff>
    </xdr:from>
    <xdr:to>
      <xdr:col>10</xdr:col>
      <xdr:colOff>165100</xdr:colOff>
      <xdr:row>62</xdr:row>
      <xdr:rowOff>56515</xdr:rowOff>
    </xdr:to>
    <xdr:sp macro="" textlink="">
      <xdr:nvSpPr>
        <xdr:cNvPr id="178" name="フローチャート: 判断 177">
          <a:extLst>
            <a:ext uri="{FF2B5EF4-FFF2-40B4-BE49-F238E27FC236}">
              <a16:creationId xmlns:a16="http://schemas.microsoft.com/office/drawing/2014/main" id="{10C405CD-193B-448E-9D0E-44475A8A7CFE}"/>
            </a:ext>
          </a:extLst>
        </xdr:cNvPr>
        <xdr:cNvSpPr/>
      </xdr:nvSpPr>
      <xdr:spPr>
        <a:xfrm>
          <a:off x="1781175" y="1000061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103505</xdr:rowOff>
    </xdr:from>
    <xdr:to>
      <xdr:col>6</xdr:col>
      <xdr:colOff>38100</xdr:colOff>
      <xdr:row>62</xdr:row>
      <xdr:rowOff>33655</xdr:rowOff>
    </xdr:to>
    <xdr:sp macro="" textlink="">
      <xdr:nvSpPr>
        <xdr:cNvPr id="179" name="フローチャート: 判断 178">
          <a:extLst>
            <a:ext uri="{FF2B5EF4-FFF2-40B4-BE49-F238E27FC236}">
              <a16:creationId xmlns:a16="http://schemas.microsoft.com/office/drawing/2014/main" id="{259F5870-98D9-4B5A-9123-67251BA55FC8}"/>
            </a:ext>
          </a:extLst>
        </xdr:cNvPr>
        <xdr:cNvSpPr/>
      </xdr:nvSpPr>
      <xdr:spPr>
        <a:xfrm>
          <a:off x="981075" y="9984105"/>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a:extLst>
            <a:ext uri="{FF2B5EF4-FFF2-40B4-BE49-F238E27FC236}">
              <a16:creationId xmlns:a16="http://schemas.microsoft.com/office/drawing/2014/main" id="{232023C8-A818-4F47-9F1D-FB5B0ABE0974}"/>
            </a:ext>
          </a:extLst>
        </xdr:cNvPr>
        <xdr:cNvSpPr txBox="1"/>
      </xdr:nvSpPr>
      <xdr:spPr>
        <a:xfrm>
          <a:off x="40100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B653445A-6350-4F28-8F9C-71D40BC5772B}"/>
            </a:ext>
          </a:extLst>
        </xdr:cNvPr>
        <xdr:cNvSpPr txBox="1"/>
      </xdr:nvSpPr>
      <xdr:spPr>
        <a:xfrm>
          <a:off x="32575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F0E27F3A-7AD7-4B6C-9135-CD2CA5026C9E}"/>
            </a:ext>
          </a:extLst>
        </xdr:cNvPr>
        <xdr:cNvSpPr txBox="1"/>
      </xdr:nvSpPr>
      <xdr:spPr>
        <a:xfrm>
          <a:off x="24479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5EC36B51-48BF-4151-B597-34B801D7DC80}"/>
            </a:ext>
          </a:extLst>
        </xdr:cNvPr>
        <xdr:cNvSpPr txBox="1"/>
      </xdr:nvSpPr>
      <xdr:spPr>
        <a:xfrm>
          <a:off x="16573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F9AA4CEF-16D1-4978-9572-6F5D30A85C36}"/>
            </a:ext>
          </a:extLst>
        </xdr:cNvPr>
        <xdr:cNvSpPr txBox="1"/>
      </xdr:nvSpPr>
      <xdr:spPr>
        <a:xfrm>
          <a:off x="8572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01600</xdr:rowOff>
    </xdr:from>
    <xdr:to>
      <xdr:col>24</xdr:col>
      <xdr:colOff>114300</xdr:colOff>
      <xdr:row>61</xdr:row>
      <xdr:rowOff>31750</xdr:rowOff>
    </xdr:to>
    <xdr:sp macro="" textlink="">
      <xdr:nvSpPr>
        <xdr:cNvPr id="185" name="楕円 184">
          <a:extLst>
            <a:ext uri="{FF2B5EF4-FFF2-40B4-BE49-F238E27FC236}">
              <a16:creationId xmlns:a16="http://schemas.microsoft.com/office/drawing/2014/main" id="{2BC4D9F3-BB93-4B38-8165-8F71534202DB}"/>
            </a:ext>
          </a:extLst>
        </xdr:cNvPr>
        <xdr:cNvSpPr/>
      </xdr:nvSpPr>
      <xdr:spPr>
        <a:xfrm>
          <a:off x="4124325" y="9820275"/>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24477</xdr:rowOff>
    </xdr:from>
    <xdr:ext cx="405111" cy="259045"/>
    <xdr:sp macro="" textlink="">
      <xdr:nvSpPr>
        <xdr:cNvPr id="186" name="【橋りょう・トンネル】&#10;有形固定資産減価償却率該当値テキスト">
          <a:extLst>
            <a:ext uri="{FF2B5EF4-FFF2-40B4-BE49-F238E27FC236}">
              <a16:creationId xmlns:a16="http://schemas.microsoft.com/office/drawing/2014/main" id="{7465EE46-DE30-438A-843F-424CD1062D22}"/>
            </a:ext>
          </a:extLst>
        </xdr:cNvPr>
        <xdr:cNvSpPr txBox="1"/>
      </xdr:nvSpPr>
      <xdr:spPr>
        <a:xfrm>
          <a:off x="4219575" y="9674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73025</xdr:rowOff>
    </xdr:from>
    <xdr:to>
      <xdr:col>20</xdr:col>
      <xdr:colOff>38100</xdr:colOff>
      <xdr:row>61</xdr:row>
      <xdr:rowOff>3175</xdr:rowOff>
    </xdr:to>
    <xdr:sp macro="" textlink="">
      <xdr:nvSpPr>
        <xdr:cNvPr id="187" name="楕円 186">
          <a:extLst>
            <a:ext uri="{FF2B5EF4-FFF2-40B4-BE49-F238E27FC236}">
              <a16:creationId xmlns:a16="http://schemas.microsoft.com/office/drawing/2014/main" id="{84201974-3198-4052-BFF6-957F4190E294}"/>
            </a:ext>
          </a:extLst>
        </xdr:cNvPr>
        <xdr:cNvSpPr/>
      </xdr:nvSpPr>
      <xdr:spPr>
        <a:xfrm>
          <a:off x="3381375" y="978852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23825</xdr:rowOff>
    </xdr:from>
    <xdr:to>
      <xdr:col>24</xdr:col>
      <xdr:colOff>63500</xdr:colOff>
      <xdr:row>60</xdr:row>
      <xdr:rowOff>152400</xdr:rowOff>
    </xdr:to>
    <xdr:cxnSp macro="">
      <xdr:nvCxnSpPr>
        <xdr:cNvPr id="188" name="直線コネクタ 187">
          <a:extLst>
            <a:ext uri="{FF2B5EF4-FFF2-40B4-BE49-F238E27FC236}">
              <a16:creationId xmlns:a16="http://schemas.microsoft.com/office/drawing/2014/main" id="{A5442554-D327-4D6D-97B7-0251906AE7B7}"/>
            </a:ext>
          </a:extLst>
        </xdr:cNvPr>
        <xdr:cNvCxnSpPr/>
      </xdr:nvCxnSpPr>
      <xdr:spPr>
        <a:xfrm>
          <a:off x="3429000" y="9836150"/>
          <a:ext cx="752475" cy="31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48260</xdr:rowOff>
    </xdr:from>
    <xdr:to>
      <xdr:col>15</xdr:col>
      <xdr:colOff>101600</xdr:colOff>
      <xdr:row>60</xdr:row>
      <xdr:rowOff>149860</xdr:rowOff>
    </xdr:to>
    <xdr:sp macro="" textlink="">
      <xdr:nvSpPr>
        <xdr:cNvPr id="189" name="楕円 188">
          <a:extLst>
            <a:ext uri="{FF2B5EF4-FFF2-40B4-BE49-F238E27FC236}">
              <a16:creationId xmlns:a16="http://schemas.microsoft.com/office/drawing/2014/main" id="{FA89A30D-64BF-44A1-AF35-ED6767B7ED75}"/>
            </a:ext>
          </a:extLst>
        </xdr:cNvPr>
        <xdr:cNvSpPr/>
      </xdr:nvSpPr>
      <xdr:spPr>
        <a:xfrm>
          <a:off x="2571750" y="976058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99060</xdr:rowOff>
    </xdr:from>
    <xdr:to>
      <xdr:col>19</xdr:col>
      <xdr:colOff>177800</xdr:colOff>
      <xdr:row>60</xdr:row>
      <xdr:rowOff>123825</xdr:rowOff>
    </xdr:to>
    <xdr:cxnSp macro="">
      <xdr:nvCxnSpPr>
        <xdr:cNvPr id="190" name="直線コネクタ 189">
          <a:extLst>
            <a:ext uri="{FF2B5EF4-FFF2-40B4-BE49-F238E27FC236}">
              <a16:creationId xmlns:a16="http://schemas.microsoft.com/office/drawing/2014/main" id="{9F7C1FD4-C5C6-457A-9CA4-7AA947090C7E}"/>
            </a:ext>
          </a:extLst>
        </xdr:cNvPr>
        <xdr:cNvCxnSpPr/>
      </xdr:nvCxnSpPr>
      <xdr:spPr>
        <a:xfrm>
          <a:off x="2619375" y="9817735"/>
          <a:ext cx="809625" cy="18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5875</xdr:rowOff>
    </xdr:from>
    <xdr:to>
      <xdr:col>10</xdr:col>
      <xdr:colOff>165100</xdr:colOff>
      <xdr:row>60</xdr:row>
      <xdr:rowOff>117475</xdr:rowOff>
    </xdr:to>
    <xdr:sp macro="" textlink="">
      <xdr:nvSpPr>
        <xdr:cNvPr id="191" name="楕円 190">
          <a:extLst>
            <a:ext uri="{FF2B5EF4-FFF2-40B4-BE49-F238E27FC236}">
              <a16:creationId xmlns:a16="http://schemas.microsoft.com/office/drawing/2014/main" id="{18612A6E-01D8-426D-B79A-1DEFD775D369}"/>
            </a:ext>
          </a:extLst>
        </xdr:cNvPr>
        <xdr:cNvSpPr/>
      </xdr:nvSpPr>
      <xdr:spPr>
        <a:xfrm>
          <a:off x="1781175" y="9731375"/>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66675</xdr:rowOff>
    </xdr:from>
    <xdr:to>
      <xdr:col>15</xdr:col>
      <xdr:colOff>50800</xdr:colOff>
      <xdr:row>60</xdr:row>
      <xdr:rowOff>99060</xdr:rowOff>
    </xdr:to>
    <xdr:cxnSp macro="">
      <xdr:nvCxnSpPr>
        <xdr:cNvPr id="192" name="直線コネクタ 191">
          <a:extLst>
            <a:ext uri="{FF2B5EF4-FFF2-40B4-BE49-F238E27FC236}">
              <a16:creationId xmlns:a16="http://schemas.microsoft.com/office/drawing/2014/main" id="{DC4BF1DC-9463-4B79-8AC6-552123639FA1}"/>
            </a:ext>
          </a:extLst>
        </xdr:cNvPr>
        <xdr:cNvCxnSpPr/>
      </xdr:nvCxnSpPr>
      <xdr:spPr>
        <a:xfrm>
          <a:off x="1828800" y="9779000"/>
          <a:ext cx="790575" cy="38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39700</xdr:rowOff>
    </xdr:from>
    <xdr:to>
      <xdr:col>6</xdr:col>
      <xdr:colOff>38100</xdr:colOff>
      <xdr:row>60</xdr:row>
      <xdr:rowOff>69850</xdr:rowOff>
    </xdr:to>
    <xdr:sp macro="" textlink="">
      <xdr:nvSpPr>
        <xdr:cNvPr id="193" name="楕円 192">
          <a:extLst>
            <a:ext uri="{FF2B5EF4-FFF2-40B4-BE49-F238E27FC236}">
              <a16:creationId xmlns:a16="http://schemas.microsoft.com/office/drawing/2014/main" id="{4DF40DD1-0AE4-4882-B4B0-B2CF938A002D}"/>
            </a:ext>
          </a:extLst>
        </xdr:cNvPr>
        <xdr:cNvSpPr/>
      </xdr:nvSpPr>
      <xdr:spPr>
        <a:xfrm>
          <a:off x="981075" y="9696450"/>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9050</xdr:rowOff>
    </xdr:from>
    <xdr:to>
      <xdr:col>10</xdr:col>
      <xdr:colOff>114300</xdr:colOff>
      <xdr:row>60</xdr:row>
      <xdr:rowOff>66675</xdr:rowOff>
    </xdr:to>
    <xdr:cxnSp macro="">
      <xdr:nvCxnSpPr>
        <xdr:cNvPr id="194" name="直線コネクタ 193">
          <a:extLst>
            <a:ext uri="{FF2B5EF4-FFF2-40B4-BE49-F238E27FC236}">
              <a16:creationId xmlns:a16="http://schemas.microsoft.com/office/drawing/2014/main" id="{CDE85B2E-266B-407C-AD00-22333E0BBB78}"/>
            </a:ext>
          </a:extLst>
        </xdr:cNvPr>
        <xdr:cNvCxnSpPr/>
      </xdr:nvCxnSpPr>
      <xdr:spPr>
        <a:xfrm>
          <a:off x="1028700" y="9734550"/>
          <a:ext cx="800100" cy="44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93362</xdr:rowOff>
    </xdr:from>
    <xdr:ext cx="405111" cy="259045"/>
    <xdr:sp macro="" textlink="">
      <xdr:nvSpPr>
        <xdr:cNvPr id="195" name="n_1aveValue【橋りょう・トンネル】&#10;有形固定資産減価償却率">
          <a:extLst>
            <a:ext uri="{FF2B5EF4-FFF2-40B4-BE49-F238E27FC236}">
              <a16:creationId xmlns:a16="http://schemas.microsoft.com/office/drawing/2014/main" id="{23F1866E-0452-4BE5-9353-5ABD498E1C4C}"/>
            </a:ext>
          </a:extLst>
        </xdr:cNvPr>
        <xdr:cNvSpPr txBox="1"/>
      </xdr:nvSpPr>
      <xdr:spPr>
        <a:xfrm>
          <a:off x="3239144" y="10132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70502</xdr:rowOff>
    </xdr:from>
    <xdr:ext cx="405111" cy="259045"/>
    <xdr:sp macro="" textlink="">
      <xdr:nvSpPr>
        <xdr:cNvPr id="196" name="n_2aveValue【橋りょう・トンネル】&#10;有形固定資産減価償却率">
          <a:extLst>
            <a:ext uri="{FF2B5EF4-FFF2-40B4-BE49-F238E27FC236}">
              <a16:creationId xmlns:a16="http://schemas.microsoft.com/office/drawing/2014/main" id="{12AED424-94D9-4C8C-812F-506A7C845F5A}"/>
            </a:ext>
          </a:extLst>
        </xdr:cNvPr>
        <xdr:cNvSpPr txBox="1"/>
      </xdr:nvSpPr>
      <xdr:spPr>
        <a:xfrm>
          <a:off x="2439044" y="1010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47642</xdr:rowOff>
    </xdr:from>
    <xdr:ext cx="405111" cy="259045"/>
    <xdr:sp macro="" textlink="">
      <xdr:nvSpPr>
        <xdr:cNvPr id="197" name="n_3aveValue【橋りょう・トンネル】&#10;有形固定資産減価償却率">
          <a:extLst>
            <a:ext uri="{FF2B5EF4-FFF2-40B4-BE49-F238E27FC236}">
              <a16:creationId xmlns:a16="http://schemas.microsoft.com/office/drawing/2014/main" id="{2D464CD9-B27F-48F5-8304-884A122B90F8}"/>
            </a:ext>
          </a:extLst>
        </xdr:cNvPr>
        <xdr:cNvSpPr txBox="1"/>
      </xdr:nvSpPr>
      <xdr:spPr>
        <a:xfrm>
          <a:off x="1648469" y="10083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24782</xdr:rowOff>
    </xdr:from>
    <xdr:ext cx="405111" cy="259045"/>
    <xdr:sp macro="" textlink="">
      <xdr:nvSpPr>
        <xdr:cNvPr id="198" name="n_4aveValue【橋りょう・トンネル】&#10;有形固定資産減価償却率">
          <a:extLst>
            <a:ext uri="{FF2B5EF4-FFF2-40B4-BE49-F238E27FC236}">
              <a16:creationId xmlns:a16="http://schemas.microsoft.com/office/drawing/2014/main" id="{C5DF6A8C-5009-4BBA-A4FD-6CAD167FBF47}"/>
            </a:ext>
          </a:extLst>
        </xdr:cNvPr>
        <xdr:cNvSpPr txBox="1"/>
      </xdr:nvSpPr>
      <xdr:spPr>
        <a:xfrm>
          <a:off x="848369" y="10067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19702</xdr:rowOff>
    </xdr:from>
    <xdr:ext cx="405111" cy="259045"/>
    <xdr:sp macro="" textlink="">
      <xdr:nvSpPr>
        <xdr:cNvPr id="199" name="n_1mainValue【橋りょう・トンネル】&#10;有形固定資産減価償却率">
          <a:extLst>
            <a:ext uri="{FF2B5EF4-FFF2-40B4-BE49-F238E27FC236}">
              <a16:creationId xmlns:a16="http://schemas.microsoft.com/office/drawing/2014/main" id="{207EA703-0D58-4754-A136-0241F71549B7}"/>
            </a:ext>
          </a:extLst>
        </xdr:cNvPr>
        <xdr:cNvSpPr txBox="1"/>
      </xdr:nvSpPr>
      <xdr:spPr>
        <a:xfrm>
          <a:off x="3239144" y="9573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66387</xdr:rowOff>
    </xdr:from>
    <xdr:ext cx="405111" cy="259045"/>
    <xdr:sp macro="" textlink="">
      <xdr:nvSpPr>
        <xdr:cNvPr id="200" name="n_2mainValue【橋りょう・トンネル】&#10;有形固定資産減価償却率">
          <a:extLst>
            <a:ext uri="{FF2B5EF4-FFF2-40B4-BE49-F238E27FC236}">
              <a16:creationId xmlns:a16="http://schemas.microsoft.com/office/drawing/2014/main" id="{4173E9A9-CCB0-45C7-AA6B-AB54D90182E2}"/>
            </a:ext>
          </a:extLst>
        </xdr:cNvPr>
        <xdr:cNvSpPr txBox="1"/>
      </xdr:nvSpPr>
      <xdr:spPr>
        <a:xfrm>
          <a:off x="2439044" y="9554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34002</xdr:rowOff>
    </xdr:from>
    <xdr:ext cx="405111" cy="259045"/>
    <xdr:sp macro="" textlink="">
      <xdr:nvSpPr>
        <xdr:cNvPr id="201" name="n_3mainValue【橋りょう・トンネル】&#10;有形固定資産減価償却率">
          <a:extLst>
            <a:ext uri="{FF2B5EF4-FFF2-40B4-BE49-F238E27FC236}">
              <a16:creationId xmlns:a16="http://schemas.microsoft.com/office/drawing/2014/main" id="{10DFDE78-ACB0-4FF8-9393-813E31338158}"/>
            </a:ext>
          </a:extLst>
        </xdr:cNvPr>
        <xdr:cNvSpPr txBox="1"/>
      </xdr:nvSpPr>
      <xdr:spPr>
        <a:xfrm>
          <a:off x="1648469" y="9525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86377</xdr:rowOff>
    </xdr:from>
    <xdr:ext cx="405111" cy="259045"/>
    <xdr:sp macro="" textlink="">
      <xdr:nvSpPr>
        <xdr:cNvPr id="202" name="n_4mainValue【橋りょう・トンネル】&#10;有形固定資産減価償却率">
          <a:extLst>
            <a:ext uri="{FF2B5EF4-FFF2-40B4-BE49-F238E27FC236}">
              <a16:creationId xmlns:a16="http://schemas.microsoft.com/office/drawing/2014/main" id="{BA0B996A-096E-4534-AD9E-F0982D786DDD}"/>
            </a:ext>
          </a:extLst>
        </xdr:cNvPr>
        <xdr:cNvSpPr txBox="1"/>
      </xdr:nvSpPr>
      <xdr:spPr>
        <a:xfrm>
          <a:off x="848369" y="9474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a:extLst>
            <a:ext uri="{FF2B5EF4-FFF2-40B4-BE49-F238E27FC236}">
              <a16:creationId xmlns:a16="http://schemas.microsoft.com/office/drawing/2014/main" id="{0B352807-C7C6-4A75-8B1D-86F6E687EA84}"/>
            </a:ext>
          </a:extLst>
        </xdr:cNvPr>
        <xdr:cNvSpPr/>
      </xdr:nvSpPr>
      <xdr:spPr>
        <a:xfrm>
          <a:off x="5953125" y="756285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a:extLst>
            <a:ext uri="{FF2B5EF4-FFF2-40B4-BE49-F238E27FC236}">
              <a16:creationId xmlns:a16="http://schemas.microsoft.com/office/drawing/2014/main" id="{3B924D3F-56CF-40FA-B3AC-6FAC75D4A7DB}"/>
            </a:ext>
          </a:extLst>
        </xdr:cNvPr>
        <xdr:cNvSpPr/>
      </xdr:nvSpPr>
      <xdr:spPr>
        <a:xfrm>
          <a:off x="60674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a:extLst>
            <a:ext uri="{FF2B5EF4-FFF2-40B4-BE49-F238E27FC236}">
              <a16:creationId xmlns:a16="http://schemas.microsoft.com/office/drawing/2014/main" id="{21075AFF-D0EE-4B6C-9546-58FAE127A16B}"/>
            </a:ext>
          </a:extLst>
        </xdr:cNvPr>
        <xdr:cNvSpPr/>
      </xdr:nvSpPr>
      <xdr:spPr>
        <a:xfrm>
          <a:off x="60674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a:extLst>
            <a:ext uri="{FF2B5EF4-FFF2-40B4-BE49-F238E27FC236}">
              <a16:creationId xmlns:a16="http://schemas.microsoft.com/office/drawing/2014/main" id="{6A4447A9-E4B0-478C-99DF-B652D4445A2A}"/>
            </a:ext>
          </a:extLst>
        </xdr:cNvPr>
        <xdr:cNvSpPr/>
      </xdr:nvSpPr>
      <xdr:spPr>
        <a:xfrm>
          <a:off x="69818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a:extLst>
            <a:ext uri="{FF2B5EF4-FFF2-40B4-BE49-F238E27FC236}">
              <a16:creationId xmlns:a16="http://schemas.microsoft.com/office/drawing/2014/main" id="{99965BE1-BE7B-4B26-8B7F-4454B4105365}"/>
            </a:ext>
          </a:extLst>
        </xdr:cNvPr>
        <xdr:cNvSpPr/>
      </xdr:nvSpPr>
      <xdr:spPr>
        <a:xfrm>
          <a:off x="69818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a:extLst>
            <a:ext uri="{FF2B5EF4-FFF2-40B4-BE49-F238E27FC236}">
              <a16:creationId xmlns:a16="http://schemas.microsoft.com/office/drawing/2014/main" id="{0563766B-11C5-4F47-8CA1-CBBBA13FDE35}"/>
            </a:ext>
          </a:extLst>
        </xdr:cNvPr>
        <xdr:cNvSpPr/>
      </xdr:nvSpPr>
      <xdr:spPr>
        <a:xfrm>
          <a:off x="80105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a:extLst>
            <a:ext uri="{FF2B5EF4-FFF2-40B4-BE49-F238E27FC236}">
              <a16:creationId xmlns:a16="http://schemas.microsoft.com/office/drawing/2014/main" id="{D9DD8316-9469-476C-9D66-7E3A86789D53}"/>
            </a:ext>
          </a:extLst>
        </xdr:cNvPr>
        <xdr:cNvSpPr/>
      </xdr:nvSpPr>
      <xdr:spPr>
        <a:xfrm>
          <a:off x="80105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a:extLst>
            <a:ext uri="{FF2B5EF4-FFF2-40B4-BE49-F238E27FC236}">
              <a16:creationId xmlns:a16="http://schemas.microsoft.com/office/drawing/2014/main" id="{03C38A9B-5974-43B6-B808-B959D5406890}"/>
            </a:ext>
          </a:extLst>
        </xdr:cNvPr>
        <xdr:cNvSpPr/>
      </xdr:nvSpPr>
      <xdr:spPr>
        <a:xfrm>
          <a:off x="5953125" y="863917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a:extLst>
            <a:ext uri="{FF2B5EF4-FFF2-40B4-BE49-F238E27FC236}">
              <a16:creationId xmlns:a16="http://schemas.microsoft.com/office/drawing/2014/main" id="{C73CDDC0-6CD2-472C-ADF7-AE4C5232C3DB}"/>
            </a:ext>
          </a:extLst>
        </xdr:cNvPr>
        <xdr:cNvSpPr txBox="1"/>
      </xdr:nvSpPr>
      <xdr:spPr>
        <a:xfrm>
          <a:off x="5915025" y="8458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a:extLst>
            <a:ext uri="{FF2B5EF4-FFF2-40B4-BE49-F238E27FC236}">
              <a16:creationId xmlns:a16="http://schemas.microsoft.com/office/drawing/2014/main" id="{E62C2BBD-621E-4B54-A812-28316317C7E2}"/>
            </a:ext>
          </a:extLst>
        </xdr:cNvPr>
        <xdr:cNvCxnSpPr/>
      </xdr:nvCxnSpPr>
      <xdr:spPr>
        <a:xfrm>
          <a:off x="5953125" y="10801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a:extLst>
            <a:ext uri="{FF2B5EF4-FFF2-40B4-BE49-F238E27FC236}">
              <a16:creationId xmlns:a16="http://schemas.microsoft.com/office/drawing/2014/main" id="{97BB7392-D2A0-450C-AC08-CFD6A27ECBD6}"/>
            </a:ext>
          </a:extLst>
        </xdr:cNvPr>
        <xdr:cNvCxnSpPr/>
      </xdr:nvCxnSpPr>
      <xdr:spPr>
        <a:xfrm>
          <a:off x="5953125" y="10439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4" name="テキスト ボックス 213">
          <a:extLst>
            <a:ext uri="{FF2B5EF4-FFF2-40B4-BE49-F238E27FC236}">
              <a16:creationId xmlns:a16="http://schemas.microsoft.com/office/drawing/2014/main" id="{588E0B5F-C486-425A-A987-023B1985FEDF}"/>
            </a:ext>
          </a:extLst>
        </xdr:cNvPr>
        <xdr:cNvSpPr txBox="1"/>
      </xdr:nvSpPr>
      <xdr:spPr>
        <a:xfrm>
          <a:off x="5723389" y="103035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a:extLst>
            <a:ext uri="{FF2B5EF4-FFF2-40B4-BE49-F238E27FC236}">
              <a16:creationId xmlns:a16="http://schemas.microsoft.com/office/drawing/2014/main" id="{B6F1BF06-47EF-4CB5-95B0-5B1A22C96D63}"/>
            </a:ext>
          </a:extLst>
        </xdr:cNvPr>
        <xdr:cNvCxnSpPr/>
      </xdr:nvCxnSpPr>
      <xdr:spPr>
        <a:xfrm>
          <a:off x="5953125" y="100774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6" name="テキスト ボックス 215">
          <a:extLst>
            <a:ext uri="{FF2B5EF4-FFF2-40B4-BE49-F238E27FC236}">
              <a16:creationId xmlns:a16="http://schemas.microsoft.com/office/drawing/2014/main" id="{0464FF61-7D92-4875-AE67-8C503BFD0C9D}"/>
            </a:ext>
          </a:extLst>
        </xdr:cNvPr>
        <xdr:cNvSpPr txBox="1"/>
      </xdr:nvSpPr>
      <xdr:spPr>
        <a:xfrm>
          <a:off x="5421206" y="9941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a:extLst>
            <a:ext uri="{FF2B5EF4-FFF2-40B4-BE49-F238E27FC236}">
              <a16:creationId xmlns:a16="http://schemas.microsoft.com/office/drawing/2014/main" id="{BC7E7B93-F112-484F-912B-1B8FDE252926}"/>
            </a:ext>
          </a:extLst>
        </xdr:cNvPr>
        <xdr:cNvCxnSpPr/>
      </xdr:nvCxnSpPr>
      <xdr:spPr>
        <a:xfrm>
          <a:off x="5953125" y="9715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8" name="テキスト ボックス 217">
          <a:extLst>
            <a:ext uri="{FF2B5EF4-FFF2-40B4-BE49-F238E27FC236}">
              <a16:creationId xmlns:a16="http://schemas.microsoft.com/office/drawing/2014/main" id="{9C4C97B2-3A68-4879-9F56-458D4A69129D}"/>
            </a:ext>
          </a:extLst>
        </xdr:cNvPr>
        <xdr:cNvSpPr txBox="1"/>
      </xdr:nvSpPr>
      <xdr:spPr>
        <a:xfrm>
          <a:off x="5421206" y="95796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a:extLst>
            <a:ext uri="{FF2B5EF4-FFF2-40B4-BE49-F238E27FC236}">
              <a16:creationId xmlns:a16="http://schemas.microsoft.com/office/drawing/2014/main" id="{3DE0B75E-D035-485B-8D40-58A80D240805}"/>
            </a:ext>
          </a:extLst>
        </xdr:cNvPr>
        <xdr:cNvCxnSpPr/>
      </xdr:nvCxnSpPr>
      <xdr:spPr>
        <a:xfrm>
          <a:off x="5953125" y="93630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0" name="テキスト ボックス 219">
          <a:extLst>
            <a:ext uri="{FF2B5EF4-FFF2-40B4-BE49-F238E27FC236}">
              <a16:creationId xmlns:a16="http://schemas.microsoft.com/office/drawing/2014/main" id="{04E1BFB1-0E9B-4C3B-BE06-B3F9A4CDB1C9}"/>
            </a:ext>
          </a:extLst>
        </xdr:cNvPr>
        <xdr:cNvSpPr txBox="1"/>
      </xdr:nvSpPr>
      <xdr:spPr>
        <a:xfrm>
          <a:off x="5421206" y="922720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a:extLst>
            <a:ext uri="{FF2B5EF4-FFF2-40B4-BE49-F238E27FC236}">
              <a16:creationId xmlns:a16="http://schemas.microsoft.com/office/drawing/2014/main" id="{3175B19C-3437-46B2-A324-D3C16797D4D5}"/>
            </a:ext>
          </a:extLst>
        </xdr:cNvPr>
        <xdr:cNvCxnSpPr/>
      </xdr:nvCxnSpPr>
      <xdr:spPr>
        <a:xfrm>
          <a:off x="5953125" y="90011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2" name="テキスト ボックス 221">
          <a:extLst>
            <a:ext uri="{FF2B5EF4-FFF2-40B4-BE49-F238E27FC236}">
              <a16:creationId xmlns:a16="http://schemas.microsoft.com/office/drawing/2014/main" id="{53547753-E340-4029-983C-1A2A0B85D528}"/>
            </a:ext>
          </a:extLst>
        </xdr:cNvPr>
        <xdr:cNvSpPr txBox="1"/>
      </xdr:nvSpPr>
      <xdr:spPr>
        <a:xfrm>
          <a:off x="5421206" y="88652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a:extLst>
            <a:ext uri="{FF2B5EF4-FFF2-40B4-BE49-F238E27FC236}">
              <a16:creationId xmlns:a16="http://schemas.microsoft.com/office/drawing/2014/main" id="{B5C4C09C-4CCB-4851-B32A-67CFADA3B138}"/>
            </a:ext>
          </a:extLst>
        </xdr:cNvPr>
        <xdr:cNvCxnSpPr/>
      </xdr:nvCxnSpPr>
      <xdr:spPr>
        <a:xfrm>
          <a:off x="5953125" y="86391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4" name="テキスト ボックス 223">
          <a:extLst>
            <a:ext uri="{FF2B5EF4-FFF2-40B4-BE49-F238E27FC236}">
              <a16:creationId xmlns:a16="http://schemas.microsoft.com/office/drawing/2014/main" id="{C1EA425B-E8CD-473E-9062-C472061589F9}"/>
            </a:ext>
          </a:extLst>
        </xdr:cNvPr>
        <xdr:cNvSpPr txBox="1"/>
      </xdr:nvSpPr>
      <xdr:spPr>
        <a:xfrm>
          <a:off x="5421206" y="850330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橋りょう・トンネル】&#10;一人当たり有形固定資産（償却資産）額グラフ枠">
          <a:extLst>
            <a:ext uri="{FF2B5EF4-FFF2-40B4-BE49-F238E27FC236}">
              <a16:creationId xmlns:a16="http://schemas.microsoft.com/office/drawing/2014/main" id="{5A3E7DF6-3A6E-43D2-A6B2-5A9CDDA61329}"/>
            </a:ext>
          </a:extLst>
        </xdr:cNvPr>
        <xdr:cNvSpPr/>
      </xdr:nvSpPr>
      <xdr:spPr>
        <a:xfrm>
          <a:off x="5953125" y="863917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1205</xdr:rowOff>
    </xdr:from>
    <xdr:to>
      <xdr:col>54</xdr:col>
      <xdr:colOff>189865</xdr:colOff>
      <xdr:row>64</xdr:row>
      <xdr:rowOff>29699</xdr:rowOff>
    </xdr:to>
    <xdr:cxnSp macro="">
      <xdr:nvCxnSpPr>
        <xdr:cNvPr id="226" name="直線コネクタ 225">
          <a:extLst>
            <a:ext uri="{FF2B5EF4-FFF2-40B4-BE49-F238E27FC236}">
              <a16:creationId xmlns:a16="http://schemas.microsoft.com/office/drawing/2014/main" id="{958E7923-3072-4372-82A3-7794C18BDD22}"/>
            </a:ext>
          </a:extLst>
        </xdr:cNvPr>
        <xdr:cNvCxnSpPr/>
      </xdr:nvCxnSpPr>
      <xdr:spPr>
        <a:xfrm flipV="1">
          <a:off x="9429115" y="9172180"/>
          <a:ext cx="0" cy="12175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3526</xdr:rowOff>
    </xdr:from>
    <xdr:ext cx="534377" cy="259045"/>
    <xdr:sp macro="" textlink="">
      <xdr:nvSpPr>
        <xdr:cNvPr id="227" name="【橋りょう・トンネル】&#10;一人当たり有形固定資産（償却資産）額最小値テキスト">
          <a:extLst>
            <a:ext uri="{FF2B5EF4-FFF2-40B4-BE49-F238E27FC236}">
              <a16:creationId xmlns:a16="http://schemas.microsoft.com/office/drawing/2014/main" id="{90C7CB25-4FB2-41EC-8127-900E6CEA8026}"/>
            </a:ext>
          </a:extLst>
        </xdr:cNvPr>
        <xdr:cNvSpPr txBox="1"/>
      </xdr:nvSpPr>
      <xdr:spPr>
        <a:xfrm>
          <a:off x="9467850" y="10393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29699</xdr:rowOff>
    </xdr:from>
    <xdr:to>
      <xdr:col>55</xdr:col>
      <xdr:colOff>88900</xdr:colOff>
      <xdr:row>64</xdr:row>
      <xdr:rowOff>29699</xdr:rowOff>
    </xdr:to>
    <xdr:cxnSp macro="">
      <xdr:nvCxnSpPr>
        <xdr:cNvPr id="228" name="直線コネクタ 227">
          <a:extLst>
            <a:ext uri="{FF2B5EF4-FFF2-40B4-BE49-F238E27FC236}">
              <a16:creationId xmlns:a16="http://schemas.microsoft.com/office/drawing/2014/main" id="{FB4266AA-00D2-4BFF-B26A-7D8975B10222}"/>
            </a:ext>
          </a:extLst>
        </xdr:cNvPr>
        <xdr:cNvCxnSpPr/>
      </xdr:nvCxnSpPr>
      <xdr:spPr>
        <a:xfrm>
          <a:off x="9363075" y="10389724"/>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47882</xdr:rowOff>
    </xdr:from>
    <xdr:ext cx="599010" cy="259045"/>
    <xdr:sp macro="" textlink="">
      <xdr:nvSpPr>
        <xdr:cNvPr id="229" name="【橋りょう・トンネル】&#10;一人当たり有形固定資産（償却資産）額最大値テキスト">
          <a:extLst>
            <a:ext uri="{FF2B5EF4-FFF2-40B4-BE49-F238E27FC236}">
              <a16:creationId xmlns:a16="http://schemas.microsoft.com/office/drawing/2014/main" id="{434A3404-76C0-4D35-B323-D0782A5748AA}"/>
            </a:ext>
          </a:extLst>
        </xdr:cNvPr>
        <xdr:cNvSpPr txBox="1"/>
      </xdr:nvSpPr>
      <xdr:spPr>
        <a:xfrm>
          <a:off x="9467850" y="89505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1205</xdr:rowOff>
    </xdr:from>
    <xdr:to>
      <xdr:col>55</xdr:col>
      <xdr:colOff>88900</xdr:colOff>
      <xdr:row>56</xdr:row>
      <xdr:rowOff>101205</xdr:rowOff>
    </xdr:to>
    <xdr:cxnSp macro="">
      <xdr:nvCxnSpPr>
        <xdr:cNvPr id="230" name="直線コネクタ 229">
          <a:extLst>
            <a:ext uri="{FF2B5EF4-FFF2-40B4-BE49-F238E27FC236}">
              <a16:creationId xmlns:a16="http://schemas.microsoft.com/office/drawing/2014/main" id="{2A2F3F3A-4EFB-46EA-9519-1EB1AD4B3D41}"/>
            </a:ext>
          </a:extLst>
        </xdr:cNvPr>
        <xdr:cNvCxnSpPr/>
      </xdr:nvCxnSpPr>
      <xdr:spPr>
        <a:xfrm>
          <a:off x="9363075" y="917218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7838</xdr:rowOff>
    </xdr:from>
    <xdr:ext cx="599010" cy="259045"/>
    <xdr:sp macro="" textlink="">
      <xdr:nvSpPr>
        <xdr:cNvPr id="231" name="【橋りょう・トンネル】&#10;一人当たり有形固定資産（償却資産）額平均値テキスト">
          <a:extLst>
            <a:ext uri="{FF2B5EF4-FFF2-40B4-BE49-F238E27FC236}">
              <a16:creationId xmlns:a16="http://schemas.microsoft.com/office/drawing/2014/main" id="{CE52D65D-237A-4294-8DCE-E4041C60A14C}"/>
            </a:ext>
          </a:extLst>
        </xdr:cNvPr>
        <xdr:cNvSpPr txBox="1"/>
      </xdr:nvSpPr>
      <xdr:spPr>
        <a:xfrm>
          <a:off x="9467850" y="993526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9411</xdr:rowOff>
    </xdr:from>
    <xdr:to>
      <xdr:col>55</xdr:col>
      <xdr:colOff>50800</xdr:colOff>
      <xdr:row>62</xdr:row>
      <xdr:rowOff>9561</xdr:rowOff>
    </xdr:to>
    <xdr:sp macro="" textlink="">
      <xdr:nvSpPr>
        <xdr:cNvPr id="232" name="フローチャート: 判断 231">
          <a:extLst>
            <a:ext uri="{FF2B5EF4-FFF2-40B4-BE49-F238E27FC236}">
              <a16:creationId xmlns:a16="http://schemas.microsoft.com/office/drawing/2014/main" id="{BE6CD0E2-23FD-49DF-9145-F8F7269DBB19}"/>
            </a:ext>
          </a:extLst>
        </xdr:cNvPr>
        <xdr:cNvSpPr/>
      </xdr:nvSpPr>
      <xdr:spPr>
        <a:xfrm>
          <a:off x="9401175" y="9960011"/>
          <a:ext cx="7620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4406</xdr:rowOff>
    </xdr:from>
    <xdr:to>
      <xdr:col>50</xdr:col>
      <xdr:colOff>165100</xdr:colOff>
      <xdr:row>62</xdr:row>
      <xdr:rowOff>14556</xdr:rowOff>
    </xdr:to>
    <xdr:sp macro="" textlink="">
      <xdr:nvSpPr>
        <xdr:cNvPr id="233" name="フローチャート: 判断 232">
          <a:extLst>
            <a:ext uri="{FF2B5EF4-FFF2-40B4-BE49-F238E27FC236}">
              <a16:creationId xmlns:a16="http://schemas.microsoft.com/office/drawing/2014/main" id="{F4503D24-21E6-464F-9161-2E406D70D982}"/>
            </a:ext>
          </a:extLst>
        </xdr:cNvPr>
        <xdr:cNvSpPr/>
      </xdr:nvSpPr>
      <xdr:spPr>
        <a:xfrm>
          <a:off x="8639175" y="9965006"/>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87484</xdr:rowOff>
    </xdr:from>
    <xdr:to>
      <xdr:col>46</xdr:col>
      <xdr:colOff>38100</xdr:colOff>
      <xdr:row>62</xdr:row>
      <xdr:rowOff>17634</xdr:rowOff>
    </xdr:to>
    <xdr:sp macro="" textlink="">
      <xdr:nvSpPr>
        <xdr:cNvPr id="234" name="フローチャート: 判断 233">
          <a:extLst>
            <a:ext uri="{FF2B5EF4-FFF2-40B4-BE49-F238E27FC236}">
              <a16:creationId xmlns:a16="http://schemas.microsoft.com/office/drawing/2014/main" id="{1D94D1A4-C33C-46AD-B39F-885CBDA3204A}"/>
            </a:ext>
          </a:extLst>
        </xdr:cNvPr>
        <xdr:cNvSpPr/>
      </xdr:nvSpPr>
      <xdr:spPr>
        <a:xfrm>
          <a:off x="7839075" y="9961734"/>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0300</xdr:rowOff>
    </xdr:from>
    <xdr:to>
      <xdr:col>41</xdr:col>
      <xdr:colOff>101600</xdr:colOff>
      <xdr:row>62</xdr:row>
      <xdr:rowOff>20450</xdr:rowOff>
    </xdr:to>
    <xdr:sp macro="" textlink="">
      <xdr:nvSpPr>
        <xdr:cNvPr id="235" name="フローチャート: 判断 234">
          <a:extLst>
            <a:ext uri="{FF2B5EF4-FFF2-40B4-BE49-F238E27FC236}">
              <a16:creationId xmlns:a16="http://schemas.microsoft.com/office/drawing/2014/main" id="{701F2E3A-18D5-4FD0-BB8E-B80658E6CAB8}"/>
            </a:ext>
          </a:extLst>
        </xdr:cNvPr>
        <xdr:cNvSpPr/>
      </xdr:nvSpPr>
      <xdr:spPr>
        <a:xfrm>
          <a:off x="7029450" y="996455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5452</xdr:rowOff>
    </xdr:from>
    <xdr:to>
      <xdr:col>36</xdr:col>
      <xdr:colOff>165100</xdr:colOff>
      <xdr:row>62</xdr:row>
      <xdr:rowOff>5602</xdr:rowOff>
    </xdr:to>
    <xdr:sp macro="" textlink="">
      <xdr:nvSpPr>
        <xdr:cNvPr id="236" name="フローチャート: 判断 235">
          <a:extLst>
            <a:ext uri="{FF2B5EF4-FFF2-40B4-BE49-F238E27FC236}">
              <a16:creationId xmlns:a16="http://schemas.microsoft.com/office/drawing/2014/main" id="{21B962DA-73C0-4076-97F8-22614E7A46D3}"/>
            </a:ext>
          </a:extLst>
        </xdr:cNvPr>
        <xdr:cNvSpPr/>
      </xdr:nvSpPr>
      <xdr:spPr>
        <a:xfrm>
          <a:off x="6238875" y="995287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3D55E72A-6518-411B-90A9-439FD7536A1F}"/>
            </a:ext>
          </a:extLst>
        </xdr:cNvPr>
        <xdr:cNvSpPr txBox="1"/>
      </xdr:nvSpPr>
      <xdr:spPr>
        <a:xfrm>
          <a:off x="925830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A4372139-5795-43C8-8BC8-D701FDCAD1FE}"/>
            </a:ext>
          </a:extLst>
        </xdr:cNvPr>
        <xdr:cNvSpPr txBox="1"/>
      </xdr:nvSpPr>
      <xdr:spPr>
        <a:xfrm>
          <a:off x="85153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537B27E2-3ED1-4BC8-9491-200D2616E9F3}"/>
            </a:ext>
          </a:extLst>
        </xdr:cNvPr>
        <xdr:cNvSpPr txBox="1"/>
      </xdr:nvSpPr>
      <xdr:spPr>
        <a:xfrm>
          <a:off x="77152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FA86D259-D6E4-4EEF-9B56-B40C3EB72EFF}"/>
            </a:ext>
          </a:extLst>
        </xdr:cNvPr>
        <xdr:cNvSpPr txBox="1"/>
      </xdr:nvSpPr>
      <xdr:spPr>
        <a:xfrm>
          <a:off x="6905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5A59B416-3047-4B4B-ACF1-20C1A6247779}"/>
            </a:ext>
          </a:extLst>
        </xdr:cNvPr>
        <xdr:cNvSpPr txBox="1"/>
      </xdr:nvSpPr>
      <xdr:spPr>
        <a:xfrm>
          <a:off x="61150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7733</xdr:rowOff>
    </xdr:from>
    <xdr:to>
      <xdr:col>55</xdr:col>
      <xdr:colOff>50800</xdr:colOff>
      <xdr:row>61</xdr:row>
      <xdr:rowOff>169333</xdr:rowOff>
    </xdr:to>
    <xdr:sp macro="" textlink="">
      <xdr:nvSpPr>
        <xdr:cNvPr id="242" name="楕円 241">
          <a:extLst>
            <a:ext uri="{FF2B5EF4-FFF2-40B4-BE49-F238E27FC236}">
              <a16:creationId xmlns:a16="http://schemas.microsoft.com/office/drawing/2014/main" id="{2264839D-28C2-41F7-A2FB-AEE33C48E38B}"/>
            </a:ext>
          </a:extLst>
        </xdr:cNvPr>
        <xdr:cNvSpPr/>
      </xdr:nvSpPr>
      <xdr:spPr>
        <a:xfrm>
          <a:off x="9401175" y="9941983"/>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90610</xdr:rowOff>
    </xdr:from>
    <xdr:ext cx="599010" cy="259045"/>
    <xdr:sp macro="" textlink="">
      <xdr:nvSpPr>
        <xdr:cNvPr id="243" name="【橋りょう・トンネル】&#10;一人当たり有形固定資産（償却資産）額該当値テキスト">
          <a:extLst>
            <a:ext uri="{FF2B5EF4-FFF2-40B4-BE49-F238E27FC236}">
              <a16:creationId xmlns:a16="http://schemas.microsoft.com/office/drawing/2014/main" id="{81DE09CA-6313-4D99-B488-BBA5F87DA00B}"/>
            </a:ext>
          </a:extLst>
        </xdr:cNvPr>
        <xdr:cNvSpPr txBox="1"/>
      </xdr:nvSpPr>
      <xdr:spPr>
        <a:xfrm>
          <a:off x="9467850" y="98029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69192</xdr:rowOff>
    </xdr:from>
    <xdr:to>
      <xdr:col>50</xdr:col>
      <xdr:colOff>165100</xdr:colOff>
      <xdr:row>61</xdr:row>
      <xdr:rowOff>170792</xdr:rowOff>
    </xdr:to>
    <xdr:sp macro="" textlink="">
      <xdr:nvSpPr>
        <xdr:cNvPr id="244" name="楕円 243">
          <a:extLst>
            <a:ext uri="{FF2B5EF4-FFF2-40B4-BE49-F238E27FC236}">
              <a16:creationId xmlns:a16="http://schemas.microsoft.com/office/drawing/2014/main" id="{72B2AE75-2F90-4E00-A475-801FC592B118}"/>
            </a:ext>
          </a:extLst>
        </xdr:cNvPr>
        <xdr:cNvSpPr/>
      </xdr:nvSpPr>
      <xdr:spPr>
        <a:xfrm>
          <a:off x="8639175" y="994344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18533</xdr:rowOff>
    </xdr:from>
    <xdr:to>
      <xdr:col>55</xdr:col>
      <xdr:colOff>0</xdr:colOff>
      <xdr:row>61</xdr:row>
      <xdr:rowOff>119992</xdr:rowOff>
    </xdr:to>
    <xdr:cxnSp macro="">
      <xdr:nvCxnSpPr>
        <xdr:cNvPr id="245" name="直線コネクタ 244">
          <a:extLst>
            <a:ext uri="{FF2B5EF4-FFF2-40B4-BE49-F238E27FC236}">
              <a16:creationId xmlns:a16="http://schemas.microsoft.com/office/drawing/2014/main" id="{90C5ADE7-D096-48D5-AFA5-A65151F7D736}"/>
            </a:ext>
          </a:extLst>
        </xdr:cNvPr>
        <xdr:cNvCxnSpPr/>
      </xdr:nvCxnSpPr>
      <xdr:spPr>
        <a:xfrm flipV="1">
          <a:off x="8686800" y="9999133"/>
          <a:ext cx="742950" cy="1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71219</xdr:rowOff>
    </xdr:from>
    <xdr:to>
      <xdr:col>46</xdr:col>
      <xdr:colOff>38100</xdr:colOff>
      <xdr:row>62</xdr:row>
      <xdr:rowOff>1369</xdr:rowOff>
    </xdr:to>
    <xdr:sp macro="" textlink="">
      <xdr:nvSpPr>
        <xdr:cNvPr id="246" name="楕円 245">
          <a:extLst>
            <a:ext uri="{FF2B5EF4-FFF2-40B4-BE49-F238E27FC236}">
              <a16:creationId xmlns:a16="http://schemas.microsoft.com/office/drawing/2014/main" id="{2AAA0148-C23C-4D5C-8456-1853E12B0E4D}"/>
            </a:ext>
          </a:extLst>
        </xdr:cNvPr>
        <xdr:cNvSpPr/>
      </xdr:nvSpPr>
      <xdr:spPr>
        <a:xfrm>
          <a:off x="7839075" y="994546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19992</xdr:rowOff>
    </xdr:from>
    <xdr:to>
      <xdr:col>50</xdr:col>
      <xdr:colOff>114300</xdr:colOff>
      <xdr:row>61</xdr:row>
      <xdr:rowOff>122019</xdr:rowOff>
    </xdr:to>
    <xdr:cxnSp macro="">
      <xdr:nvCxnSpPr>
        <xdr:cNvPr id="247" name="直線コネクタ 246">
          <a:extLst>
            <a:ext uri="{FF2B5EF4-FFF2-40B4-BE49-F238E27FC236}">
              <a16:creationId xmlns:a16="http://schemas.microsoft.com/office/drawing/2014/main" id="{229B1735-5A98-4378-BC52-9B8068254AAF}"/>
            </a:ext>
          </a:extLst>
        </xdr:cNvPr>
        <xdr:cNvCxnSpPr/>
      </xdr:nvCxnSpPr>
      <xdr:spPr>
        <a:xfrm flipV="1">
          <a:off x="7886700" y="10000592"/>
          <a:ext cx="800100" cy="2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70095</xdr:rowOff>
    </xdr:from>
    <xdr:to>
      <xdr:col>41</xdr:col>
      <xdr:colOff>101600</xdr:colOff>
      <xdr:row>62</xdr:row>
      <xdr:rowOff>245</xdr:rowOff>
    </xdr:to>
    <xdr:sp macro="" textlink="">
      <xdr:nvSpPr>
        <xdr:cNvPr id="248" name="楕円 247">
          <a:extLst>
            <a:ext uri="{FF2B5EF4-FFF2-40B4-BE49-F238E27FC236}">
              <a16:creationId xmlns:a16="http://schemas.microsoft.com/office/drawing/2014/main" id="{656ACEA0-FEDB-46BA-A9F7-02FEA244B3F4}"/>
            </a:ext>
          </a:extLst>
        </xdr:cNvPr>
        <xdr:cNvSpPr/>
      </xdr:nvSpPr>
      <xdr:spPr>
        <a:xfrm>
          <a:off x="7029450" y="994434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20895</xdr:rowOff>
    </xdr:from>
    <xdr:to>
      <xdr:col>45</xdr:col>
      <xdr:colOff>177800</xdr:colOff>
      <xdr:row>61</xdr:row>
      <xdr:rowOff>122019</xdr:rowOff>
    </xdr:to>
    <xdr:cxnSp macro="">
      <xdr:nvCxnSpPr>
        <xdr:cNvPr id="249" name="直線コネクタ 248">
          <a:extLst>
            <a:ext uri="{FF2B5EF4-FFF2-40B4-BE49-F238E27FC236}">
              <a16:creationId xmlns:a16="http://schemas.microsoft.com/office/drawing/2014/main" id="{AFFE55BB-52E9-4509-8EB3-E395FF7608E9}"/>
            </a:ext>
          </a:extLst>
        </xdr:cNvPr>
        <xdr:cNvCxnSpPr/>
      </xdr:nvCxnSpPr>
      <xdr:spPr>
        <a:xfrm>
          <a:off x="7077075" y="10001495"/>
          <a:ext cx="809625" cy="1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57583</xdr:rowOff>
    </xdr:from>
    <xdr:to>
      <xdr:col>36</xdr:col>
      <xdr:colOff>165100</xdr:colOff>
      <xdr:row>61</xdr:row>
      <xdr:rowOff>159183</xdr:rowOff>
    </xdr:to>
    <xdr:sp macro="" textlink="">
      <xdr:nvSpPr>
        <xdr:cNvPr id="250" name="楕円 249">
          <a:extLst>
            <a:ext uri="{FF2B5EF4-FFF2-40B4-BE49-F238E27FC236}">
              <a16:creationId xmlns:a16="http://schemas.microsoft.com/office/drawing/2014/main" id="{AC34C6A1-7304-4C21-A8A2-5230EA4092E2}"/>
            </a:ext>
          </a:extLst>
        </xdr:cNvPr>
        <xdr:cNvSpPr/>
      </xdr:nvSpPr>
      <xdr:spPr>
        <a:xfrm>
          <a:off x="6238875" y="9935008"/>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08383</xdr:rowOff>
    </xdr:from>
    <xdr:to>
      <xdr:col>41</xdr:col>
      <xdr:colOff>50800</xdr:colOff>
      <xdr:row>61</xdr:row>
      <xdr:rowOff>120895</xdr:rowOff>
    </xdr:to>
    <xdr:cxnSp macro="">
      <xdr:nvCxnSpPr>
        <xdr:cNvPr id="251" name="直線コネクタ 250">
          <a:extLst>
            <a:ext uri="{FF2B5EF4-FFF2-40B4-BE49-F238E27FC236}">
              <a16:creationId xmlns:a16="http://schemas.microsoft.com/office/drawing/2014/main" id="{662F175A-5724-4753-8834-CD53C250D256}"/>
            </a:ext>
          </a:extLst>
        </xdr:cNvPr>
        <xdr:cNvCxnSpPr/>
      </xdr:nvCxnSpPr>
      <xdr:spPr>
        <a:xfrm>
          <a:off x="6286500" y="9982633"/>
          <a:ext cx="790575" cy="1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5683</xdr:rowOff>
    </xdr:from>
    <xdr:ext cx="599010" cy="259045"/>
    <xdr:sp macro="" textlink="">
      <xdr:nvSpPr>
        <xdr:cNvPr id="252" name="n_1aveValue【橋りょう・トンネル】&#10;一人当たり有形固定資産（償却資産）額">
          <a:extLst>
            <a:ext uri="{FF2B5EF4-FFF2-40B4-BE49-F238E27FC236}">
              <a16:creationId xmlns:a16="http://schemas.microsoft.com/office/drawing/2014/main" id="{832F0B12-A6BE-461A-9115-9DE51CE6A970}"/>
            </a:ext>
          </a:extLst>
        </xdr:cNvPr>
        <xdr:cNvSpPr txBox="1"/>
      </xdr:nvSpPr>
      <xdr:spPr>
        <a:xfrm>
          <a:off x="8399995" y="100482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8761</xdr:rowOff>
    </xdr:from>
    <xdr:ext cx="599010" cy="259045"/>
    <xdr:sp macro="" textlink="">
      <xdr:nvSpPr>
        <xdr:cNvPr id="253" name="n_2aveValue【橋りょう・トンネル】&#10;一人当たり有形固定資産（償却資産）額">
          <a:extLst>
            <a:ext uri="{FF2B5EF4-FFF2-40B4-BE49-F238E27FC236}">
              <a16:creationId xmlns:a16="http://schemas.microsoft.com/office/drawing/2014/main" id="{701A6DC4-6FEA-46E2-B0DF-7C2F3C56EC8B}"/>
            </a:ext>
          </a:extLst>
        </xdr:cNvPr>
        <xdr:cNvSpPr txBox="1"/>
      </xdr:nvSpPr>
      <xdr:spPr>
        <a:xfrm>
          <a:off x="7609420" y="100512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11577</xdr:rowOff>
    </xdr:from>
    <xdr:ext cx="599010" cy="259045"/>
    <xdr:sp macro="" textlink="">
      <xdr:nvSpPr>
        <xdr:cNvPr id="254" name="n_3aveValue【橋りょう・トンネル】&#10;一人当たり有形固定資産（償却資産）額">
          <a:extLst>
            <a:ext uri="{FF2B5EF4-FFF2-40B4-BE49-F238E27FC236}">
              <a16:creationId xmlns:a16="http://schemas.microsoft.com/office/drawing/2014/main" id="{A1FE18E2-0DAC-4E86-A65E-B6B8E3FC5114}"/>
            </a:ext>
          </a:extLst>
        </xdr:cNvPr>
        <xdr:cNvSpPr txBox="1"/>
      </xdr:nvSpPr>
      <xdr:spPr>
        <a:xfrm>
          <a:off x="6818845" y="100477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68179</xdr:rowOff>
    </xdr:from>
    <xdr:ext cx="599010" cy="259045"/>
    <xdr:sp macro="" textlink="">
      <xdr:nvSpPr>
        <xdr:cNvPr id="255" name="n_4aveValue【橋りょう・トンネル】&#10;一人当たり有形固定資産（償却資産）額">
          <a:extLst>
            <a:ext uri="{FF2B5EF4-FFF2-40B4-BE49-F238E27FC236}">
              <a16:creationId xmlns:a16="http://schemas.microsoft.com/office/drawing/2014/main" id="{BE42BE55-7874-4BDB-9162-A87C7FE3AC91}"/>
            </a:ext>
          </a:extLst>
        </xdr:cNvPr>
        <xdr:cNvSpPr txBox="1"/>
      </xdr:nvSpPr>
      <xdr:spPr>
        <a:xfrm>
          <a:off x="6009220" y="100424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15869</xdr:rowOff>
    </xdr:from>
    <xdr:ext cx="599010" cy="259045"/>
    <xdr:sp macro="" textlink="">
      <xdr:nvSpPr>
        <xdr:cNvPr id="256" name="n_1mainValue【橋りょう・トンネル】&#10;一人当たり有形固定資産（償却資産）額">
          <a:extLst>
            <a:ext uri="{FF2B5EF4-FFF2-40B4-BE49-F238E27FC236}">
              <a16:creationId xmlns:a16="http://schemas.microsoft.com/office/drawing/2014/main" id="{CEFB640D-E9FC-48A7-A904-ED26E91C2320}"/>
            </a:ext>
          </a:extLst>
        </xdr:cNvPr>
        <xdr:cNvSpPr txBox="1"/>
      </xdr:nvSpPr>
      <xdr:spPr>
        <a:xfrm>
          <a:off x="8399995" y="9728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7896</xdr:rowOff>
    </xdr:from>
    <xdr:ext cx="599010" cy="259045"/>
    <xdr:sp macro="" textlink="">
      <xdr:nvSpPr>
        <xdr:cNvPr id="257" name="n_2mainValue【橋りょう・トンネル】&#10;一人当たり有形固定資産（償却資産）額">
          <a:extLst>
            <a:ext uri="{FF2B5EF4-FFF2-40B4-BE49-F238E27FC236}">
              <a16:creationId xmlns:a16="http://schemas.microsoft.com/office/drawing/2014/main" id="{96EF163A-98FA-4AC1-AF0E-465E715C433B}"/>
            </a:ext>
          </a:extLst>
        </xdr:cNvPr>
        <xdr:cNvSpPr txBox="1"/>
      </xdr:nvSpPr>
      <xdr:spPr>
        <a:xfrm>
          <a:off x="7609420" y="9733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6772</xdr:rowOff>
    </xdr:from>
    <xdr:ext cx="599010" cy="259045"/>
    <xdr:sp macro="" textlink="">
      <xdr:nvSpPr>
        <xdr:cNvPr id="258" name="n_3mainValue【橋りょう・トンネル】&#10;一人当たり有形固定資産（償却資産）額">
          <a:extLst>
            <a:ext uri="{FF2B5EF4-FFF2-40B4-BE49-F238E27FC236}">
              <a16:creationId xmlns:a16="http://schemas.microsoft.com/office/drawing/2014/main" id="{4780F818-2521-462C-88FF-7E9171796E62}"/>
            </a:ext>
          </a:extLst>
        </xdr:cNvPr>
        <xdr:cNvSpPr txBox="1"/>
      </xdr:nvSpPr>
      <xdr:spPr>
        <a:xfrm>
          <a:off x="6818845" y="97322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4260</xdr:rowOff>
    </xdr:from>
    <xdr:ext cx="599010" cy="259045"/>
    <xdr:sp macro="" textlink="">
      <xdr:nvSpPr>
        <xdr:cNvPr id="259" name="n_4mainValue【橋りょう・トンネル】&#10;一人当たり有形固定資産（償却資産）額">
          <a:extLst>
            <a:ext uri="{FF2B5EF4-FFF2-40B4-BE49-F238E27FC236}">
              <a16:creationId xmlns:a16="http://schemas.microsoft.com/office/drawing/2014/main" id="{3EE397EC-1864-4ED3-B3C5-EB9669A1EF21}"/>
            </a:ext>
          </a:extLst>
        </xdr:cNvPr>
        <xdr:cNvSpPr txBox="1"/>
      </xdr:nvSpPr>
      <xdr:spPr>
        <a:xfrm>
          <a:off x="6009220" y="97229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a:extLst>
            <a:ext uri="{FF2B5EF4-FFF2-40B4-BE49-F238E27FC236}">
              <a16:creationId xmlns:a16="http://schemas.microsoft.com/office/drawing/2014/main" id="{89202134-5071-48A7-9A5F-CE6634F55BC4}"/>
            </a:ext>
          </a:extLst>
        </xdr:cNvPr>
        <xdr:cNvSpPr/>
      </xdr:nvSpPr>
      <xdr:spPr>
        <a:xfrm>
          <a:off x="685800" y="111633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a:extLst>
            <a:ext uri="{FF2B5EF4-FFF2-40B4-BE49-F238E27FC236}">
              <a16:creationId xmlns:a16="http://schemas.microsoft.com/office/drawing/2014/main" id="{865CCB85-E806-4221-8157-3B58488A6B49}"/>
            </a:ext>
          </a:extLst>
        </xdr:cNvPr>
        <xdr:cNvSpPr/>
      </xdr:nvSpPr>
      <xdr:spPr>
        <a:xfrm>
          <a:off x="8096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a:extLst>
            <a:ext uri="{FF2B5EF4-FFF2-40B4-BE49-F238E27FC236}">
              <a16:creationId xmlns:a16="http://schemas.microsoft.com/office/drawing/2014/main" id="{5CE36E65-39AF-4487-A13D-D5AA5E54E378}"/>
            </a:ext>
          </a:extLst>
        </xdr:cNvPr>
        <xdr:cNvSpPr/>
      </xdr:nvSpPr>
      <xdr:spPr>
        <a:xfrm>
          <a:off x="8096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a:extLst>
            <a:ext uri="{FF2B5EF4-FFF2-40B4-BE49-F238E27FC236}">
              <a16:creationId xmlns:a16="http://schemas.microsoft.com/office/drawing/2014/main" id="{C09BA5F4-FA9C-47B3-A574-EEF33F7FC460}"/>
            </a:ext>
          </a:extLst>
        </xdr:cNvPr>
        <xdr:cNvSpPr/>
      </xdr:nvSpPr>
      <xdr:spPr>
        <a:xfrm>
          <a:off x="17145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a:extLst>
            <a:ext uri="{FF2B5EF4-FFF2-40B4-BE49-F238E27FC236}">
              <a16:creationId xmlns:a16="http://schemas.microsoft.com/office/drawing/2014/main" id="{7B28688A-4E17-43E3-BB4F-073FEC696F1C}"/>
            </a:ext>
          </a:extLst>
        </xdr:cNvPr>
        <xdr:cNvSpPr/>
      </xdr:nvSpPr>
      <xdr:spPr>
        <a:xfrm>
          <a:off x="17145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a:extLst>
            <a:ext uri="{FF2B5EF4-FFF2-40B4-BE49-F238E27FC236}">
              <a16:creationId xmlns:a16="http://schemas.microsoft.com/office/drawing/2014/main" id="{78FDDB06-D2F6-4882-A907-CCD4AAFDC19F}"/>
            </a:ext>
          </a:extLst>
        </xdr:cNvPr>
        <xdr:cNvSpPr/>
      </xdr:nvSpPr>
      <xdr:spPr>
        <a:xfrm>
          <a:off x="27432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a:extLst>
            <a:ext uri="{FF2B5EF4-FFF2-40B4-BE49-F238E27FC236}">
              <a16:creationId xmlns:a16="http://schemas.microsoft.com/office/drawing/2014/main" id="{6EFB509D-F321-4F51-9048-51A52F2D1E1F}"/>
            </a:ext>
          </a:extLst>
        </xdr:cNvPr>
        <xdr:cNvSpPr/>
      </xdr:nvSpPr>
      <xdr:spPr>
        <a:xfrm>
          <a:off x="27432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a:extLst>
            <a:ext uri="{FF2B5EF4-FFF2-40B4-BE49-F238E27FC236}">
              <a16:creationId xmlns:a16="http://schemas.microsoft.com/office/drawing/2014/main" id="{CDA68492-9C26-4690-90DA-840AFB77CADE}"/>
            </a:ext>
          </a:extLst>
        </xdr:cNvPr>
        <xdr:cNvSpPr/>
      </xdr:nvSpPr>
      <xdr:spPr>
        <a:xfrm>
          <a:off x="685800" y="122396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a:extLst>
            <a:ext uri="{FF2B5EF4-FFF2-40B4-BE49-F238E27FC236}">
              <a16:creationId xmlns:a16="http://schemas.microsoft.com/office/drawing/2014/main" id="{9A3B2A1D-8A9C-4767-918C-DECEB3E2AEB9}"/>
            </a:ext>
          </a:extLst>
        </xdr:cNvPr>
        <xdr:cNvSpPr txBox="1"/>
      </xdr:nvSpPr>
      <xdr:spPr>
        <a:xfrm>
          <a:off x="666750" y="12058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a:extLst>
            <a:ext uri="{FF2B5EF4-FFF2-40B4-BE49-F238E27FC236}">
              <a16:creationId xmlns:a16="http://schemas.microsoft.com/office/drawing/2014/main" id="{5B4A48E3-1C02-44E1-A258-4D2422DFD6A2}"/>
            </a:ext>
          </a:extLst>
        </xdr:cNvPr>
        <xdr:cNvCxnSpPr/>
      </xdr:nvCxnSpPr>
      <xdr:spPr>
        <a:xfrm>
          <a:off x="685800" y="1440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a:extLst>
            <a:ext uri="{FF2B5EF4-FFF2-40B4-BE49-F238E27FC236}">
              <a16:creationId xmlns:a16="http://schemas.microsoft.com/office/drawing/2014/main" id="{8E802A83-260F-4748-93ED-FADF548ADC0D}"/>
            </a:ext>
          </a:extLst>
        </xdr:cNvPr>
        <xdr:cNvSpPr txBox="1"/>
      </xdr:nvSpPr>
      <xdr:spPr>
        <a:xfrm>
          <a:off x="339891" y="142564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1" name="直線コネクタ 270">
          <a:extLst>
            <a:ext uri="{FF2B5EF4-FFF2-40B4-BE49-F238E27FC236}">
              <a16:creationId xmlns:a16="http://schemas.microsoft.com/office/drawing/2014/main" id="{20E4149C-1240-426B-9886-71A143876C42}"/>
            </a:ext>
          </a:extLst>
        </xdr:cNvPr>
        <xdr:cNvCxnSpPr/>
      </xdr:nvCxnSpPr>
      <xdr:spPr>
        <a:xfrm>
          <a:off x="685800" y="13963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72" name="テキスト ボックス 271">
          <a:extLst>
            <a:ext uri="{FF2B5EF4-FFF2-40B4-BE49-F238E27FC236}">
              <a16:creationId xmlns:a16="http://schemas.microsoft.com/office/drawing/2014/main" id="{7A553161-B439-4D73-8E3C-AC9EC878B12E}"/>
            </a:ext>
          </a:extLst>
        </xdr:cNvPr>
        <xdr:cNvSpPr txBox="1"/>
      </xdr:nvSpPr>
      <xdr:spPr>
        <a:xfrm>
          <a:off x="339891" y="1382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3" name="直線コネクタ 272">
          <a:extLst>
            <a:ext uri="{FF2B5EF4-FFF2-40B4-BE49-F238E27FC236}">
              <a16:creationId xmlns:a16="http://schemas.microsoft.com/office/drawing/2014/main" id="{4F67EF0A-F65A-4B65-A24F-ABDE76CA6AB6}"/>
            </a:ext>
          </a:extLst>
        </xdr:cNvPr>
        <xdr:cNvCxnSpPr/>
      </xdr:nvCxnSpPr>
      <xdr:spPr>
        <a:xfrm>
          <a:off x="685800" y="135350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4" name="テキスト ボックス 273">
          <a:extLst>
            <a:ext uri="{FF2B5EF4-FFF2-40B4-BE49-F238E27FC236}">
              <a16:creationId xmlns:a16="http://schemas.microsoft.com/office/drawing/2014/main" id="{63F956A5-5AEE-4BD3-9FE4-1DA9579606F7}"/>
            </a:ext>
          </a:extLst>
        </xdr:cNvPr>
        <xdr:cNvSpPr txBox="1"/>
      </xdr:nvSpPr>
      <xdr:spPr>
        <a:xfrm>
          <a:off x="339891" y="133991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5" name="直線コネクタ 274">
          <a:extLst>
            <a:ext uri="{FF2B5EF4-FFF2-40B4-BE49-F238E27FC236}">
              <a16:creationId xmlns:a16="http://schemas.microsoft.com/office/drawing/2014/main" id="{90313A13-AE8A-4F65-987C-0BDA921D9B29}"/>
            </a:ext>
          </a:extLst>
        </xdr:cNvPr>
        <xdr:cNvCxnSpPr/>
      </xdr:nvCxnSpPr>
      <xdr:spPr>
        <a:xfrm>
          <a:off x="685800" y="13106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6" name="テキスト ボックス 275">
          <a:extLst>
            <a:ext uri="{FF2B5EF4-FFF2-40B4-BE49-F238E27FC236}">
              <a16:creationId xmlns:a16="http://schemas.microsoft.com/office/drawing/2014/main" id="{EBADA797-EAF3-4FFD-8AF8-E89BF2138AD1}"/>
            </a:ext>
          </a:extLst>
        </xdr:cNvPr>
        <xdr:cNvSpPr txBox="1"/>
      </xdr:nvSpPr>
      <xdr:spPr>
        <a:xfrm>
          <a:off x="339891" y="129610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7" name="直線コネクタ 276">
          <a:extLst>
            <a:ext uri="{FF2B5EF4-FFF2-40B4-BE49-F238E27FC236}">
              <a16:creationId xmlns:a16="http://schemas.microsoft.com/office/drawing/2014/main" id="{CFBEAD27-C1C3-4D9B-86AE-322F8CD8D60A}"/>
            </a:ext>
          </a:extLst>
        </xdr:cNvPr>
        <xdr:cNvCxnSpPr/>
      </xdr:nvCxnSpPr>
      <xdr:spPr>
        <a:xfrm>
          <a:off x="685800" y="12668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8" name="テキスト ボックス 277">
          <a:extLst>
            <a:ext uri="{FF2B5EF4-FFF2-40B4-BE49-F238E27FC236}">
              <a16:creationId xmlns:a16="http://schemas.microsoft.com/office/drawing/2014/main" id="{C0F134F4-EBDA-4181-B3C2-D7BDC5FAB196}"/>
            </a:ext>
          </a:extLst>
        </xdr:cNvPr>
        <xdr:cNvSpPr txBox="1"/>
      </xdr:nvSpPr>
      <xdr:spPr>
        <a:xfrm>
          <a:off x="339891" y="12532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9" name="直線コネクタ 278">
          <a:extLst>
            <a:ext uri="{FF2B5EF4-FFF2-40B4-BE49-F238E27FC236}">
              <a16:creationId xmlns:a16="http://schemas.microsoft.com/office/drawing/2014/main" id="{94366247-2D51-45D6-89EF-EACE60BFBDB5}"/>
            </a:ext>
          </a:extLst>
        </xdr:cNvPr>
        <xdr:cNvCxnSpPr/>
      </xdr:nvCxnSpPr>
      <xdr:spPr>
        <a:xfrm>
          <a:off x="685800" y="122396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0" name="テキスト ボックス 279">
          <a:extLst>
            <a:ext uri="{FF2B5EF4-FFF2-40B4-BE49-F238E27FC236}">
              <a16:creationId xmlns:a16="http://schemas.microsoft.com/office/drawing/2014/main" id="{0473DE78-B4A3-438C-8D46-D67F87169F65}"/>
            </a:ext>
          </a:extLst>
        </xdr:cNvPr>
        <xdr:cNvSpPr txBox="1"/>
      </xdr:nvSpPr>
      <xdr:spPr>
        <a:xfrm>
          <a:off x="339891" y="121037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1" name="【公営住宅】&#10;有形固定資産減価償却率グラフ枠">
          <a:extLst>
            <a:ext uri="{FF2B5EF4-FFF2-40B4-BE49-F238E27FC236}">
              <a16:creationId xmlns:a16="http://schemas.microsoft.com/office/drawing/2014/main" id="{5AE3EAD6-3A63-4C4C-98A2-7E7C18AD7680}"/>
            </a:ext>
          </a:extLst>
        </xdr:cNvPr>
        <xdr:cNvSpPr/>
      </xdr:nvSpPr>
      <xdr:spPr>
        <a:xfrm>
          <a:off x="685800" y="122396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22682</xdr:rowOff>
    </xdr:from>
    <xdr:to>
      <xdr:col>24</xdr:col>
      <xdr:colOff>62865</xdr:colOff>
      <xdr:row>86</xdr:row>
      <xdr:rowOff>38100</xdr:rowOff>
    </xdr:to>
    <xdr:cxnSp macro="">
      <xdr:nvCxnSpPr>
        <xdr:cNvPr id="282" name="直線コネクタ 281">
          <a:extLst>
            <a:ext uri="{FF2B5EF4-FFF2-40B4-BE49-F238E27FC236}">
              <a16:creationId xmlns:a16="http://schemas.microsoft.com/office/drawing/2014/main" id="{1853282A-97A3-4363-A131-B7AA5B244256}"/>
            </a:ext>
          </a:extLst>
        </xdr:cNvPr>
        <xdr:cNvCxnSpPr/>
      </xdr:nvCxnSpPr>
      <xdr:spPr>
        <a:xfrm flipV="1">
          <a:off x="4180840" y="12594082"/>
          <a:ext cx="0" cy="1369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05111" cy="259045"/>
    <xdr:sp macro="" textlink="">
      <xdr:nvSpPr>
        <xdr:cNvPr id="283" name="【公営住宅】&#10;有形固定資産減価償却率最小値テキスト">
          <a:extLst>
            <a:ext uri="{FF2B5EF4-FFF2-40B4-BE49-F238E27FC236}">
              <a16:creationId xmlns:a16="http://schemas.microsoft.com/office/drawing/2014/main" id="{5FC2EA05-C1C8-47D9-9D3C-37032207AD9C}"/>
            </a:ext>
          </a:extLst>
        </xdr:cNvPr>
        <xdr:cNvSpPr txBox="1"/>
      </xdr:nvSpPr>
      <xdr:spPr>
        <a:xfrm>
          <a:off x="4219575" y="13970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84" name="直線コネクタ 283">
          <a:extLst>
            <a:ext uri="{FF2B5EF4-FFF2-40B4-BE49-F238E27FC236}">
              <a16:creationId xmlns:a16="http://schemas.microsoft.com/office/drawing/2014/main" id="{46DF703E-FFF1-408C-88ED-F8DE01A998F8}"/>
            </a:ext>
          </a:extLst>
        </xdr:cNvPr>
        <xdr:cNvCxnSpPr/>
      </xdr:nvCxnSpPr>
      <xdr:spPr>
        <a:xfrm>
          <a:off x="4105275" y="1396365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9359</xdr:rowOff>
    </xdr:from>
    <xdr:ext cx="405111" cy="259045"/>
    <xdr:sp macro="" textlink="">
      <xdr:nvSpPr>
        <xdr:cNvPr id="285" name="【公営住宅】&#10;有形固定資産減価償却率最大値テキスト">
          <a:extLst>
            <a:ext uri="{FF2B5EF4-FFF2-40B4-BE49-F238E27FC236}">
              <a16:creationId xmlns:a16="http://schemas.microsoft.com/office/drawing/2014/main" id="{9BADD5B0-9EF3-46DD-AF5C-FA2528DA809D}"/>
            </a:ext>
          </a:extLst>
        </xdr:cNvPr>
        <xdr:cNvSpPr txBox="1"/>
      </xdr:nvSpPr>
      <xdr:spPr>
        <a:xfrm>
          <a:off x="4219575" y="12372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22682</xdr:rowOff>
    </xdr:from>
    <xdr:to>
      <xdr:col>24</xdr:col>
      <xdr:colOff>152400</xdr:colOff>
      <xdr:row>77</xdr:row>
      <xdr:rowOff>122682</xdr:rowOff>
    </xdr:to>
    <xdr:cxnSp macro="">
      <xdr:nvCxnSpPr>
        <xdr:cNvPr id="286" name="直線コネクタ 285">
          <a:extLst>
            <a:ext uri="{FF2B5EF4-FFF2-40B4-BE49-F238E27FC236}">
              <a16:creationId xmlns:a16="http://schemas.microsoft.com/office/drawing/2014/main" id="{7C1BF1BD-6081-4191-B4A4-5C547EEDC757}"/>
            </a:ext>
          </a:extLst>
        </xdr:cNvPr>
        <xdr:cNvCxnSpPr/>
      </xdr:nvCxnSpPr>
      <xdr:spPr>
        <a:xfrm>
          <a:off x="4105275" y="1259408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8879</xdr:rowOff>
    </xdr:from>
    <xdr:ext cx="405111" cy="259045"/>
    <xdr:sp macro="" textlink="">
      <xdr:nvSpPr>
        <xdr:cNvPr id="287" name="【公営住宅】&#10;有形固定資産減価償却率平均値テキスト">
          <a:extLst>
            <a:ext uri="{FF2B5EF4-FFF2-40B4-BE49-F238E27FC236}">
              <a16:creationId xmlns:a16="http://schemas.microsoft.com/office/drawing/2014/main" id="{F22CE9A3-65B6-468B-A41C-72F690A81B3F}"/>
            </a:ext>
          </a:extLst>
        </xdr:cNvPr>
        <xdr:cNvSpPr txBox="1"/>
      </xdr:nvSpPr>
      <xdr:spPr>
        <a:xfrm>
          <a:off x="4219575" y="133167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0452</xdr:rowOff>
    </xdr:from>
    <xdr:to>
      <xdr:col>24</xdr:col>
      <xdr:colOff>114300</xdr:colOff>
      <xdr:row>82</xdr:row>
      <xdr:rowOff>162052</xdr:rowOff>
    </xdr:to>
    <xdr:sp macro="" textlink="">
      <xdr:nvSpPr>
        <xdr:cNvPr id="288" name="フローチャート: 判断 287">
          <a:extLst>
            <a:ext uri="{FF2B5EF4-FFF2-40B4-BE49-F238E27FC236}">
              <a16:creationId xmlns:a16="http://schemas.microsoft.com/office/drawing/2014/main" id="{84A6EEAE-0A92-40BC-8922-0D49C1ADD73C}"/>
            </a:ext>
          </a:extLst>
        </xdr:cNvPr>
        <xdr:cNvSpPr/>
      </xdr:nvSpPr>
      <xdr:spPr>
        <a:xfrm>
          <a:off x="4124325" y="13341477"/>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23876</xdr:rowOff>
    </xdr:from>
    <xdr:to>
      <xdr:col>20</xdr:col>
      <xdr:colOff>38100</xdr:colOff>
      <xdr:row>82</xdr:row>
      <xdr:rowOff>125476</xdr:rowOff>
    </xdr:to>
    <xdr:sp macro="" textlink="">
      <xdr:nvSpPr>
        <xdr:cNvPr id="289" name="フローチャート: 判断 288">
          <a:extLst>
            <a:ext uri="{FF2B5EF4-FFF2-40B4-BE49-F238E27FC236}">
              <a16:creationId xmlns:a16="http://schemas.microsoft.com/office/drawing/2014/main" id="{E6327377-4ADB-4FE4-BAFE-9781BC0683C4}"/>
            </a:ext>
          </a:extLst>
        </xdr:cNvPr>
        <xdr:cNvSpPr/>
      </xdr:nvSpPr>
      <xdr:spPr>
        <a:xfrm>
          <a:off x="3381375" y="1330490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5035</xdr:rowOff>
    </xdr:from>
    <xdr:to>
      <xdr:col>15</xdr:col>
      <xdr:colOff>101600</xdr:colOff>
      <xdr:row>82</xdr:row>
      <xdr:rowOff>75185</xdr:rowOff>
    </xdr:to>
    <xdr:sp macro="" textlink="">
      <xdr:nvSpPr>
        <xdr:cNvPr id="290" name="フローチャート: 判断 289">
          <a:extLst>
            <a:ext uri="{FF2B5EF4-FFF2-40B4-BE49-F238E27FC236}">
              <a16:creationId xmlns:a16="http://schemas.microsoft.com/office/drawing/2014/main" id="{919AA6AD-F29D-403F-A4CF-B02256B78C7C}"/>
            </a:ext>
          </a:extLst>
        </xdr:cNvPr>
        <xdr:cNvSpPr/>
      </xdr:nvSpPr>
      <xdr:spPr>
        <a:xfrm>
          <a:off x="2571750" y="1325778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08458</xdr:rowOff>
    </xdr:from>
    <xdr:to>
      <xdr:col>10</xdr:col>
      <xdr:colOff>165100</xdr:colOff>
      <xdr:row>82</xdr:row>
      <xdr:rowOff>38608</xdr:rowOff>
    </xdr:to>
    <xdr:sp macro="" textlink="">
      <xdr:nvSpPr>
        <xdr:cNvPr id="291" name="フローチャート: 判断 290">
          <a:extLst>
            <a:ext uri="{FF2B5EF4-FFF2-40B4-BE49-F238E27FC236}">
              <a16:creationId xmlns:a16="http://schemas.microsoft.com/office/drawing/2014/main" id="{7785E494-EFD0-453E-AE11-CACC14B4B653}"/>
            </a:ext>
          </a:extLst>
        </xdr:cNvPr>
        <xdr:cNvSpPr/>
      </xdr:nvSpPr>
      <xdr:spPr>
        <a:xfrm>
          <a:off x="1781175" y="13221208"/>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39878</xdr:rowOff>
    </xdr:from>
    <xdr:to>
      <xdr:col>6</xdr:col>
      <xdr:colOff>38100</xdr:colOff>
      <xdr:row>81</xdr:row>
      <xdr:rowOff>141478</xdr:rowOff>
    </xdr:to>
    <xdr:sp macro="" textlink="">
      <xdr:nvSpPr>
        <xdr:cNvPr id="292" name="フローチャート: 判断 291">
          <a:extLst>
            <a:ext uri="{FF2B5EF4-FFF2-40B4-BE49-F238E27FC236}">
              <a16:creationId xmlns:a16="http://schemas.microsoft.com/office/drawing/2014/main" id="{7A622471-5D0F-4D9C-A8EE-74382CFB2DB1}"/>
            </a:ext>
          </a:extLst>
        </xdr:cNvPr>
        <xdr:cNvSpPr/>
      </xdr:nvSpPr>
      <xdr:spPr>
        <a:xfrm>
          <a:off x="981075" y="13155803"/>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3" name="テキスト ボックス 292">
          <a:extLst>
            <a:ext uri="{FF2B5EF4-FFF2-40B4-BE49-F238E27FC236}">
              <a16:creationId xmlns:a16="http://schemas.microsoft.com/office/drawing/2014/main" id="{5D3E4307-C076-4710-8AC1-A5123BDEA111}"/>
            </a:ext>
          </a:extLst>
        </xdr:cNvPr>
        <xdr:cNvSpPr txBox="1"/>
      </xdr:nvSpPr>
      <xdr:spPr>
        <a:xfrm>
          <a:off x="40100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F03260B8-EBAC-4E23-9112-6B7DF6C729E3}"/>
            </a:ext>
          </a:extLst>
        </xdr:cNvPr>
        <xdr:cNvSpPr txBox="1"/>
      </xdr:nvSpPr>
      <xdr:spPr>
        <a:xfrm>
          <a:off x="32575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73C70178-5869-47D3-8539-231FEDF40C20}"/>
            </a:ext>
          </a:extLst>
        </xdr:cNvPr>
        <xdr:cNvSpPr txBox="1"/>
      </xdr:nvSpPr>
      <xdr:spPr>
        <a:xfrm>
          <a:off x="24479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FCB635A7-597A-4F25-AF1D-025CF258D53D}"/>
            </a:ext>
          </a:extLst>
        </xdr:cNvPr>
        <xdr:cNvSpPr txBox="1"/>
      </xdr:nvSpPr>
      <xdr:spPr>
        <a:xfrm>
          <a:off x="16573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656CCC32-4B30-4EEA-BB96-87446F71B1B9}"/>
            </a:ext>
          </a:extLst>
        </xdr:cNvPr>
        <xdr:cNvSpPr txBox="1"/>
      </xdr:nvSpPr>
      <xdr:spPr>
        <a:xfrm>
          <a:off x="8572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3020</xdr:rowOff>
    </xdr:from>
    <xdr:to>
      <xdr:col>24</xdr:col>
      <xdr:colOff>114300</xdr:colOff>
      <xdr:row>82</xdr:row>
      <xdr:rowOff>134620</xdr:rowOff>
    </xdr:to>
    <xdr:sp macro="" textlink="">
      <xdr:nvSpPr>
        <xdr:cNvPr id="298" name="楕円 297">
          <a:extLst>
            <a:ext uri="{FF2B5EF4-FFF2-40B4-BE49-F238E27FC236}">
              <a16:creationId xmlns:a16="http://schemas.microsoft.com/office/drawing/2014/main" id="{AC1558E4-844F-47DA-AF7A-24942EED626C}"/>
            </a:ext>
          </a:extLst>
        </xdr:cNvPr>
        <xdr:cNvSpPr/>
      </xdr:nvSpPr>
      <xdr:spPr>
        <a:xfrm>
          <a:off x="4124325" y="1330769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55897</xdr:rowOff>
    </xdr:from>
    <xdr:ext cx="405111" cy="259045"/>
    <xdr:sp macro="" textlink="">
      <xdr:nvSpPr>
        <xdr:cNvPr id="299" name="【公営住宅】&#10;有形固定資産減価償却率該当値テキスト">
          <a:extLst>
            <a:ext uri="{FF2B5EF4-FFF2-40B4-BE49-F238E27FC236}">
              <a16:creationId xmlns:a16="http://schemas.microsoft.com/office/drawing/2014/main" id="{7EF5E5C1-3E43-4B63-AB06-B46D5169988D}"/>
            </a:ext>
          </a:extLst>
        </xdr:cNvPr>
        <xdr:cNvSpPr txBox="1"/>
      </xdr:nvSpPr>
      <xdr:spPr>
        <a:xfrm>
          <a:off x="4219575" y="1317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40463</xdr:rowOff>
    </xdr:from>
    <xdr:to>
      <xdr:col>20</xdr:col>
      <xdr:colOff>38100</xdr:colOff>
      <xdr:row>82</xdr:row>
      <xdr:rowOff>70613</xdr:rowOff>
    </xdr:to>
    <xdr:sp macro="" textlink="">
      <xdr:nvSpPr>
        <xdr:cNvPr id="300" name="楕円 299">
          <a:extLst>
            <a:ext uri="{FF2B5EF4-FFF2-40B4-BE49-F238E27FC236}">
              <a16:creationId xmlns:a16="http://schemas.microsoft.com/office/drawing/2014/main" id="{6C30A6D9-1D03-48F4-A529-8147F6D8CC10}"/>
            </a:ext>
          </a:extLst>
        </xdr:cNvPr>
        <xdr:cNvSpPr/>
      </xdr:nvSpPr>
      <xdr:spPr>
        <a:xfrm>
          <a:off x="3381375" y="13259563"/>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9813</xdr:rowOff>
    </xdr:from>
    <xdr:to>
      <xdr:col>24</xdr:col>
      <xdr:colOff>63500</xdr:colOff>
      <xdr:row>82</xdr:row>
      <xdr:rowOff>83820</xdr:rowOff>
    </xdr:to>
    <xdr:cxnSp macro="">
      <xdr:nvCxnSpPr>
        <xdr:cNvPr id="301" name="直線コネクタ 300">
          <a:extLst>
            <a:ext uri="{FF2B5EF4-FFF2-40B4-BE49-F238E27FC236}">
              <a16:creationId xmlns:a16="http://schemas.microsoft.com/office/drawing/2014/main" id="{2D0B8EFC-18D8-4E15-AEB4-7ADED848574C}"/>
            </a:ext>
          </a:extLst>
        </xdr:cNvPr>
        <xdr:cNvCxnSpPr/>
      </xdr:nvCxnSpPr>
      <xdr:spPr>
        <a:xfrm>
          <a:off x="3429000" y="13297663"/>
          <a:ext cx="752475" cy="67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85598</xdr:rowOff>
    </xdr:from>
    <xdr:to>
      <xdr:col>15</xdr:col>
      <xdr:colOff>101600</xdr:colOff>
      <xdr:row>82</xdr:row>
      <xdr:rowOff>15748</xdr:rowOff>
    </xdr:to>
    <xdr:sp macro="" textlink="">
      <xdr:nvSpPr>
        <xdr:cNvPr id="302" name="楕円 301">
          <a:extLst>
            <a:ext uri="{FF2B5EF4-FFF2-40B4-BE49-F238E27FC236}">
              <a16:creationId xmlns:a16="http://schemas.microsoft.com/office/drawing/2014/main" id="{AC573480-4FE4-4FBD-9873-A5970D255FA6}"/>
            </a:ext>
          </a:extLst>
        </xdr:cNvPr>
        <xdr:cNvSpPr/>
      </xdr:nvSpPr>
      <xdr:spPr>
        <a:xfrm>
          <a:off x="2571750" y="13204698"/>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36398</xdr:rowOff>
    </xdr:from>
    <xdr:to>
      <xdr:col>19</xdr:col>
      <xdr:colOff>177800</xdr:colOff>
      <xdr:row>82</xdr:row>
      <xdr:rowOff>19813</xdr:rowOff>
    </xdr:to>
    <xdr:cxnSp macro="">
      <xdr:nvCxnSpPr>
        <xdr:cNvPr id="303" name="直線コネクタ 302">
          <a:extLst>
            <a:ext uri="{FF2B5EF4-FFF2-40B4-BE49-F238E27FC236}">
              <a16:creationId xmlns:a16="http://schemas.microsoft.com/office/drawing/2014/main" id="{0FB7F627-7443-42C5-AF06-CD551F28AEC0}"/>
            </a:ext>
          </a:extLst>
        </xdr:cNvPr>
        <xdr:cNvCxnSpPr/>
      </xdr:nvCxnSpPr>
      <xdr:spPr>
        <a:xfrm>
          <a:off x="2619375" y="13252323"/>
          <a:ext cx="809625" cy="45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35306</xdr:rowOff>
    </xdr:from>
    <xdr:to>
      <xdr:col>10</xdr:col>
      <xdr:colOff>165100</xdr:colOff>
      <xdr:row>81</xdr:row>
      <xdr:rowOff>136906</xdr:rowOff>
    </xdr:to>
    <xdr:sp macro="" textlink="">
      <xdr:nvSpPr>
        <xdr:cNvPr id="304" name="楕円 303">
          <a:extLst>
            <a:ext uri="{FF2B5EF4-FFF2-40B4-BE49-F238E27FC236}">
              <a16:creationId xmlns:a16="http://schemas.microsoft.com/office/drawing/2014/main" id="{91E47A35-6C2B-4434-B23E-21E91B0CC33D}"/>
            </a:ext>
          </a:extLst>
        </xdr:cNvPr>
        <xdr:cNvSpPr/>
      </xdr:nvSpPr>
      <xdr:spPr>
        <a:xfrm>
          <a:off x="1781175" y="13151231"/>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86106</xdr:rowOff>
    </xdr:from>
    <xdr:to>
      <xdr:col>15</xdr:col>
      <xdr:colOff>50800</xdr:colOff>
      <xdr:row>81</xdr:row>
      <xdr:rowOff>136398</xdr:rowOff>
    </xdr:to>
    <xdr:cxnSp macro="">
      <xdr:nvCxnSpPr>
        <xdr:cNvPr id="305" name="直線コネクタ 304">
          <a:extLst>
            <a:ext uri="{FF2B5EF4-FFF2-40B4-BE49-F238E27FC236}">
              <a16:creationId xmlns:a16="http://schemas.microsoft.com/office/drawing/2014/main" id="{0B2898A2-6E79-4B0A-ACA9-3F4D1E996AC1}"/>
            </a:ext>
          </a:extLst>
        </xdr:cNvPr>
        <xdr:cNvCxnSpPr/>
      </xdr:nvCxnSpPr>
      <xdr:spPr>
        <a:xfrm>
          <a:off x="1828800" y="13198856"/>
          <a:ext cx="790575" cy="53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33604</xdr:rowOff>
    </xdr:from>
    <xdr:to>
      <xdr:col>6</xdr:col>
      <xdr:colOff>38100</xdr:colOff>
      <xdr:row>81</xdr:row>
      <xdr:rowOff>63754</xdr:rowOff>
    </xdr:to>
    <xdr:sp macro="" textlink="">
      <xdr:nvSpPr>
        <xdr:cNvPr id="306" name="楕円 305">
          <a:extLst>
            <a:ext uri="{FF2B5EF4-FFF2-40B4-BE49-F238E27FC236}">
              <a16:creationId xmlns:a16="http://schemas.microsoft.com/office/drawing/2014/main" id="{232A4589-BF70-4694-AA24-E98744472866}"/>
            </a:ext>
          </a:extLst>
        </xdr:cNvPr>
        <xdr:cNvSpPr/>
      </xdr:nvSpPr>
      <xdr:spPr>
        <a:xfrm>
          <a:off x="981075" y="13087604"/>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2954</xdr:rowOff>
    </xdr:from>
    <xdr:to>
      <xdr:col>10</xdr:col>
      <xdr:colOff>114300</xdr:colOff>
      <xdr:row>81</xdr:row>
      <xdr:rowOff>86106</xdr:rowOff>
    </xdr:to>
    <xdr:cxnSp macro="">
      <xdr:nvCxnSpPr>
        <xdr:cNvPr id="307" name="直線コネクタ 306">
          <a:extLst>
            <a:ext uri="{FF2B5EF4-FFF2-40B4-BE49-F238E27FC236}">
              <a16:creationId xmlns:a16="http://schemas.microsoft.com/office/drawing/2014/main" id="{736E4F2E-ADF9-4BD0-A39C-2FD5BC2FC719}"/>
            </a:ext>
          </a:extLst>
        </xdr:cNvPr>
        <xdr:cNvCxnSpPr/>
      </xdr:nvCxnSpPr>
      <xdr:spPr>
        <a:xfrm>
          <a:off x="1028700" y="13125704"/>
          <a:ext cx="8001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16603</xdr:rowOff>
    </xdr:from>
    <xdr:ext cx="405111" cy="259045"/>
    <xdr:sp macro="" textlink="">
      <xdr:nvSpPr>
        <xdr:cNvPr id="308" name="n_1aveValue【公営住宅】&#10;有形固定資産減価償却率">
          <a:extLst>
            <a:ext uri="{FF2B5EF4-FFF2-40B4-BE49-F238E27FC236}">
              <a16:creationId xmlns:a16="http://schemas.microsoft.com/office/drawing/2014/main" id="{2E4CCCB3-E8EF-4299-A2E4-031AC62AF1A3}"/>
            </a:ext>
          </a:extLst>
        </xdr:cNvPr>
        <xdr:cNvSpPr txBox="1"/>
      </xdr:nvSpPr>
      <xdr:spPr>
        <a:xfrm>
          <a:off x="3239144" y="13394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66312</xdr:rowOff>
    </xdr:from>
    <xdr:ext cx="405111" cy="259045"/>
    <xdr:sp macro="" textlink="">
      <xdr:nvSpPr>
        <xdr:cNvPr id="309" name="n_2aveValue【公営住宅】&#10;有形固定資産減価償却率">
          <a:extLst>
            <a:ext uri="{FF2B5EF4-FFF2-40B4-BE49-F238E27FC236}">
              <a16:creationId xmlns:a16="http://schemas.microsoft.com/office/drawing/2014/main" id="{E3ED72C6-EBC3-4AE2-A2B2-CA5260B6D253}"/>
            </a:ext>
          </a:extLst>
        </xdr:cNvPr>
        <xdr:cNvSpPr txBox="1"/>
      </xdr:nvSpPr>
      <xdr:spPr>
        <a:xfrm>
          <a:off x="2439044" y="13347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29735</xdr:rowOff>
    </xdr:from>
    <xdr:ext cx="405111" cy="259045"/>
    <xdr:sp macro="" textlink="">
      <xdr:nvSpPr>
        <xdr:cNvPr id="310" name="n_3aveValue【公営住宅】&#10;有形固定資産減価償却率">
          <a:extLst>
            <a:ext uri="{FF2B5EF4-FFF2-40B4-BE49-F238E27FC236}">
              <a16:creationId xmlns:a16="http://schemas.microsoft.com/office/drawing/2014/main" id="{A5C48FD4-2C21-4AF6-8DEA-9BC6102E6331}"/>
            </a:ext>
          </a:extLst>
        </xdr:cNvPr>
        <xdr:cNvSpPr txBox="1"/>
      </xdr:nvSpPr>
      <xdr:spPr>
        <a:xfrm>
          <a:off x="1648469" y="13304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32605</xdr:rowOff>
    </xdr:from>
    <xdr:ext cx="405111" cy="259045"/>
    <xdr:sp macro="" textlink="">
      <xdr:nvSpPr>
        <xdr:cNvPr id="311" name="n_4aveValue【公営住宅】&#10;有形固定資産減価償却率">
          <a:extLst>
            <a:ext uri="{FF2B5EF4-FFF2-40B4-BE49-F238E27FC236}">
              <a16:creationId xmlns:a16="http://schemas.microsoft.com/office/drawing/2014/main" id="{E3307FF8-454A-4D06-AF8A-FB834DB82CAC}"/>
            </a:ext>
          </a:extLst>
        </xdr:cNvPr>
        <xdr:cNvSpPr txBox="1"/>
      </xdr:nvSpPr>
      <xdr:spPr>
        <a:xfrm>
          <a:off x="848369" y="132485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87140</xdr:rowOff>
    </xdr:from>
    <xdr:ext cx="405111" cy="259045"/>
    <xdr:sp macro="" textlink="">
      <xdr:nvSpPr>
        <xdr:cNvPr id="312" name="n_1mainValue【公営住宅】&#10;有形固定資産減価償却率">
          <a:extLst>
            <a:ext uri="{FF2B5EF4-FFF2-40B4-BE49-F238E27FC236}">
              <a16:creationId xmlns:a16="http://schemas.microsoft.com/office/drawing/2014/main" id="{1E09E788-70F8-460E-8D13-E6EB72E9E15C}"/>
            </a:ext>
          </a:extLst>
        </xdr:cNvPr>
        <xdr:cNvSpPr txBox="1"/>
      </xdr:nvSpPr>
      <xdr:spPr>
        <a:xfrm>
          <a:off x="3239144" y="130379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32275</xdr:rowOff>
    </xdr:from>
    <xdr:ext cx="405111" cy="259045"/>
    <xdr:sp macro="" textlink="">
      <xdr:nvSpPr>
        <xdr:cNvPr id="313" name="n_2mainValue【公営住宅】&#10;有形固定資産減価償却率">
          <a:extLst>
            <a:ext uri="{FF2B5EF4-FFF2-40B4-BE49-F238E27FC236}">
              <a16:creationId xmlns:a16="http://schemas.microsoft.com/office/drawing/2014/main" id="{575DB245-E448-4578-B01C-CD4E53B76767}"/>
            </a:ext>
          </a:extLst>
        </xdr:cNvPr>
        <xdr:cNvSpPr txBox="1"/>
      </xdr:nvSpPr>
      <xdr:spPr>
        <a:xfrm>
          <a:off x="2439044" y="129831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53433</xdr:rowOff>
    </xdr:from>
    <xdr:ext cx="405111" cy="259045"/>
    <xdr:sp macro="" textlink="">
      <xdr:nvSpPr>
        <xdr:cNvPr id="314" name="n_3mainValue【公営住宅】&#10;有形固定資産減価償却率">
          <a:extLst>
            <a:ext uri="{FF2B5EF4-FFF2-40B4-BE49-F238E27FC236}">
              <a16:creationId xmlns:a16="http://schemas.microsoft.com/office/drawing/2014/main" id="{9D8FB71F-0C9C-4FEF-B1EA-201B31FDF147}"/>
            </a:ext>
          </a:extLst>
        </xdr:cNvPr>
        <xdr:cNvSpPr txBox="1"/>
      </xdr:nvSpPr>
      <xdr:spPr>
        <a:xfrm>
          <a:off x="1648469" y="12945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80281</xdr:rowOff>
    </xdr:from>
    <xdr:ext cx="405111" cy="259045"/>
    <xdr:sp macro="" textlink="">
      <xdr:nvSpPr>
        <xdr:cNvPr id="315" name="n_4mainValue【公営住宅】&#10;有形固定資産減価償却率">
          <a:extLst>
            <a:ext uri="{FF2B5EF4-FFF2-40B4-BE49-F238E27FC236}">
              <a16:creationId xmlns:a16="http://schemas.microsoft.com/office/drawing/2014/main" id="{F4CD0B7D-A6D6-4AC1-B6D1-43BE46A464B1}"/>
            </a:ext>
          </a:extLst>
        </xdr:cNvPr>
        <xdr:cNvSpPr txBox="1"/>
      </xdr:nvSpPr>
      <xdr:spPr>
        <a:xfrm>
          <a:off x="848369" y="12875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6" name="正方形/長方形 315">
          <a:extLst>
            <a:ext uri="{FF2B5EF4-FFF2-40B4-BE49-F238E27FC236}">
              <a16:creationId xmlns:a16="http://schemas.microsoft.com/office/drawing/2014/main" id="{49A85022-1B1C-47BF-BDC9-73EDC56CC987}"/>
            </a:ext>
          </a:extLst>
        </xdr:cNvPr>
        <xdr:cNvSpPr/>
      </xdr:nvSpPr>
      <xdr:spPr>
        <a:xfrm>
          <a:off x="5953125" y="111633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7" name="正方形/長方形 316">
          <a:extLst>
            <a:ext uri="{FF2B5EF4-FFF2-40B4-BE49-F238E27FC236}">
              <a16:creationId xmlns:a16="http://schemas.microsoft.com/office/drawing/2014/main" id="{5231A73F-DAAB-4D3B-99DB-84132C106F2C}"/>
            </a:ext>
          </a:extLst>
        </xdr:cNvPr>
        <xdr:cNvSpPr/>
      </xdr:nvSpPr>
      <xdr:spPr>
        <a:xfrm>
          <a:off x="60674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8" name="正方形/長方形 317">
          <a:extLst>
            <a:ext uri="{FF2B5EF4-FFF2-40B4-BE49-F238E27FC236}">
              <a16:creationId xmlns:a16="http://schemas.microsoft.com/office/drawing/2014/main" id="{E746F320-8322-474F-8F2C-719121957510}"/>
            </a:ext>
          </a:extLst>
        </xdr:cNvPr>
        <xdr:cNvSpPr/>
      </xdr:nvSpPr>
      <xdr:spPr>
        <a:xfrm>
          <a:off x="60674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9" name="正方形/長方形 318">
          <a:extLst>
            <a:ext uri="{FF2B5EF4-FFF2-40B4-BE49-F238E27FC236}">
              <a16:creationId xmlns:a16="http://schemas.microsoft.com/office/drawing/2014/main" id="{0C652663-5E62-426E-B33F-8E452FAAF4DF}"/>
            </a:ext>
          </a:extLst>
        </xdr:cNvPr>
        <xdr:cNvSpPr/>
      </xdr:nvSpPr>
      <xdr:spPr>
        <a:xfrm>
          <a:off x="69818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0" name="正方形/長方形 319">
          <a:extLst>
            <a:ext uri="{FF2B5EF4-FFF2-40B4-BE49-F238E27FC236}">
              <a16:creationId xmlns:a16="http://schemas.microsoft.com/office/drawing/2014/main" id="{E575D54E-31E5-461A-A1B2-0005988DFE9B}"/>
            </a:ext>
          </a:extLst>
        </xdr:cNvPr>
        <xdr:cNvSpPr/>
      </xdr:nvSpPr>
      <xdr:spPr>
        <a:xfrm>
          <a:off x="69818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1" name="正方形/長方形 320">
          <a:extLst>
            <a:ext uri="{FF2B5EF4-FFF2-40B4-BE49-F238E27FC236}">
              <a16:creationId xmlns:a16="http://schemas.microsoft.com/office/drawing/2014/main" id="{000FA23A-B03F-4A1D-89FD-85E928FE9C8B}"/>
            </a:ext>
          </a:extLst>
        </xdr:cNvPr>
        <xdr:cNvSpPr/>
      </xdr:nvSpPr>
      <xdr:spPr>
        <a:xfrm>
          <a:off x="80105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2" name="正方形/長方形 321">
          <a:extLst>
            <a:ext uri="{FF2B5EF4-FFF2-40B4-BE49-F238E27FC236}">
              <a16:creationId xmlns:a16="http://schemas.microsoft.com/office/drawing/2014/main" id="{CC9E18A1-AB16-4AA8-82FC-F163437900F4}"/>
            </a:ext>
          </a:extLst>
        </xdr:cNvPr>
        <xdr:cNvSpPr/>
      </xdr:nvSpPr>
      <xdr:spPr>
        <a:xfrm>
          <a:off x="80105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3" name="正方形/長方形 322">
          <a:extLst>
            <a:ext uri="{FF2B5EF4-FFF2-40B4-BE49-F238E27FC236}">
              <a16:creationId xmlns:a16="http://schemas.microsoft.com/office/drawing/2014/main" id="{4B42F6BF-5BCD-47A3-96C0-91C5752BB11A}"/>
            </a:ext>
          </a:extLst>
        </xdr:cNvPr>
        <xdr:cNvSpPr/>
      </xdr:nvSpPr>
      <xdr:spPr>
        <a:xfrm>
          <a:off x="5953125" y="122396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4" name="テキスト ボックス 323">
          <a:extLst>
            <a:ext uri="{FF2B5EF4-FFF2-40B4-BE49-F238E27FC236}">
              <a16:creationId xmlns:a16="http://schemas.microsoft.com/office/drawing/2014/main" id="{FD78ABF6-401C-46B8-8BCF-15A738090358}"/>
            </a:ext>
          </a:extLst>
        </xdr:cNvPr>
        <xdr:cNvSpPr txBox="1"/>
      </xdr:nvSpPr>
      <xdr:spPr>
        <a:xfrm>
          <a:off x="5915025" y="12058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5" name="直線コネクタ 324">
          <a:extLst>
            <a:ext uri="{FF2B5EF4-FFF2-40B4-BE49-F238E27FC236}">
              <a16:creationId xmlns:a16="http://schemas.microsoft.com/office/drawing/2014/main" id="{CDD33D3E-08F5-4BA2-AF7A-CEDB9152BD95}"/>
            </a:ext>
          </a:extLst>
        </xdr:cNvPr>
        <xdr:cNvCxnSpPr/>
      </xdr:nvCxnSpPr>
      <xdr:spPr>
        <a:xfrm>
          <a:off x="5953125" y="14401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6" name="直線コネクタ 325">
          <a:extLst>
            <a:ext uri="{FF2B5EF4-FFF2-40B4-BE49-F238E27FC236}">
              <a16:creationId xmlns:a16="http://schemas.microsoft.com/office/drawing/2014/main" id="{39EC5188-4855-402D-8AFA-2D5D610CC09D}"/>
            </a:ext>
          </a:extLst>
        </xdr:cNvPr>
        <xdr:cNvCxnSpPr/>
      </xdr:nvCxnSpPr>
      <xdr:spPr>
        <a:xfrm>
          <a:off x="5953125" y="13963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7" name="テキスト ボックス 326">
          <a:extLst>
            <a:ext uri="{FF2B5EF4-FFF2-40B4-BE49-F238E27FC236}">
              <a16:creationId xmlns:a16="http://schemas.microsoft.com/office/drawing/2014/main" id="{D5C164FB-FB80-409A-A8E9-7E74E696198E}"/>
            </a:ext>
          </a:extLst>
        </xdr:cNvPr>
        <xdr:cNvSpPr txBox="1"/>
      </xdr:nvSpPr>
      <xdr:spPr>
        <a:xfrm>
          <a:off x="5527221" y="1382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8" name="直線コネクタ 327">
          <a:extLst>
            <a:ext uri="{FF2B5EF4-FFF2-40B4-BE49-F238E27FC236}">
              <a16:creationId xmlns:a16="http://schemas.microsoft.com/office/drawing/2014/main" id="{0FD0E253-407E-406C-8746-BB885B8C2141}"/>
            </a:ext>
          </a:extLst>
        </xdr:cNvPr>
        <xdr:cNvCxnSpPr/>
      </xdr:nvCxnSpPr>
      <xdr:spPr>
        <a:xfrm>
          <a:off x="5953125" y="135350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9" name="テキスト ボックス 328">
          <a:extLst>
            <a:ext uri="{FF2B5EF4-FFF2-40B4-BE49-F238E27FC236}">
              <a16:creationId xmlns:a16="http://schemas.microsoft.com/office/drawing/2014/main" id="{DFABCFB5-69C0-409C-91ED-03C17B25465A}"/>
            </a:ext>
          </a:extLst>
        </xdr:cNvPr>
        <xdr:cNvSpPr txBox="1"/>
      </xdr:nvSpPr>
      <xdr:spPr>
        <a:xfrm>
          <a:off x="5527221" y="133991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0" name="直線コネクタ 329">
          <a:extLst>
            <a:ext uri="{FF2B5EF4-FFF2-40B4-BE49-F238E27FC236}">
              <a16:creationId xmlns:a16="http://schemas.microsoft.com/office/drawing/2014/main" id="{A085E0F9-4AFC-47F3-B61D-D64A8C2784EB}"/>
            </a:ext>
          </a:extLst>
        </xdr:cNvPr>
        <xdr:cNvCxnSpPr/>
      </xdr:nvCxnSpPr>
      <xdr:spPr>
        <a:xfrm>
          <a:off x="5953125" y="13106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1" name="テキスト ボックス 330">
          <a:extLst>
            <a:ext uri="{FF2B5EF4-FFF2-40B4-BE49-F238E27FC236}">
              <a16:creationId xmlns:a16="http://schemas.microsoft.com/office/drawing/2014/main" id="{CEFBCBBF-3F03-418C-8E22-083D5F62A53C}"/>
            </a:ext>
          </a:extLst>
        </xdr:cNvPr>
        <xdr:cNvSpPr txBox="1"/>
      </xdr:nvSpPr>
      <xdr:spPr>
        <a:xfrm>
          <a:off x="5527221" y="129610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2" name="直線コネクタ 331">
          <a:extLst>
            <a:ext uri="{FF2B5EF4-FFF2-40B4-BE49-F238E27FC236}">
              <a16:creationId xmlns:a16="http://schemas.microsoft.com/office/drawing/2014/main" id="{EA14672B-8C14-44B2-BEEB-5EEB40731E98}"/>
            </a:ext>
          </a:extLst>
        </xdr:cNvPr>
        <xdr:cNvCxnSpPr/>
      </xdr:nvCxnSpPr>
      <xdr:spPr>
        <a:xfrm>
          <a:off x="5953125" y="12668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3" name="テキスト ボックス 332">
          <a:extLst>
            <a:ext uri="{FF2B5EF4-FFF2-40B4-BE49-F238E27FC236}">
              <a16:creationId xmlns:a16="http://schemas.microsoft.com/office/drawing/2014/main" id="{88629D9B-F7A1-4688-B354-CD674EEFC7DD}"/>
            </a:ext>
          </a:extLst>
        </xdr:cNvPr>
        <xdr:cNvSpPr txBox="1"/>
      </xdr:nvSpPr>
      <xdr:spPr>
        <a:xfrm>
          <a:off x="5527221" y="12532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4" name="直線コネクタ 333">
          <a:extLst>
            <a:ext uri="{FF2B5EF4-FFF2-40B4-BE49-F238E27FC236}">
              <a16:creationId xmlns:a16="http://schemas.microsoft.com/office/drawing/2014/main" id="{1D9974DC-5281-4A07-B1D6-86946D21BDDE}"/>
            </a:ext>
          </a:extLst>
        </xdr:cNvPr>
        <xdr:cNvCxnSpPr/>
      </xdr:nvCxnSpPr>
      <xdr:spPr>
        <a:xfrm>
          <a:off x="5953125" y="122396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5" name="テキスト ボックス 334">
          <a:extLst>
            <a:ext uri="{FF2B5EF4-FFF2-40B4-BE49-F238E27FC236}">
              <a16:creationId xmlns:a16="http://schemas.microsoft.com/office/drawing/2014/main" id="{FE233FED-5039-4208-852E-C9E700119B53}"/>
            </a:ext>
          </a:extLst>
        </xdr:cNvPr>
        <xdr:cNvSpPr txBox="1"/>
      </xdr:nvSpPr>
      <xdr:spPr>
        <a:xfrm>
          <a:off x="5527221" y="1210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6" name="【公営住宅】&#10;一人当たり面積グラフ枠">
          <a:extLst>
            <a:ext uri="{FF2B5EF4-FFF2-40B4-BE49-F238E27FC236}">
              <a16:creationId xmlns:a16="http://schemas.microsoft.com/office/drawing/2014/main" id="{BD20AA08-24CE-43C8-A1C0-5D119A6E6525}"/>
            </a:ext>
          </a:extLst>
        </xdr:cNvPr>
        <xdr:cNvSpPr/>
      </xdr:nvSpPr>
      <xdr:spPr>
        <a:xfrm>
          <a:off x="5953125" y="122396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33986</xdr:rowOff>
    </xdr:from>
    <xdr:to>
      <xdr:col>54</xdr:col>
      <xdr:colOff>189865</xdr:colOff>
      <xdr:row>85</xdr:row>
      <xdr:rowOff>156057</xdr:rowOff>
    </xdr:to>
    <xdr:cxnSp macro="">
      <xdr:nvCxnSpPr>
        <xdr:cNvPr id="337" name="直線コネクタ 336">
          <a:extLst>
            <a:ext uri="{FF2B5EF4-FFF2-40B4-BE49-F238E27FC236}">
              <a16:creationId xmlns:a16="http://schemas.microsoft.com/office/drawing/2014/main" id="{AFCC76CE-4CA1-4043-8856-C4E8F633DC6C}"/>
            </a:ext>
          </a:extLst>
        </xdr:cNvPr>
        <xdr:cNvCxnSpPr/>
      </xdr:nvCxnSpPr>
      <xdr:spPr>
        <a:xfrm flipV="1">
          <a:off x="9429115" y="12822886"/>
          <a:ext cx="0" cy="10999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59884</xdr:rowOff>
    </xdr:from>
    <xdr:ext cx="469744" cy="259045"/>
    <xdr:sp macro="" textlink="">
      <xdr:nvSpPr>
        <xdr:cNvPr id="338" name="【公営住宅】&#10;一人当たり面積最小値テキスト">
          <a:extLst>
            <a:ext uri="{FF2B5EF4-FFF2-40B4-BE49-F238E27FC236}">
              <a16:creationId xmlns:a16="http://schemas.microsoft.com/office/drawing/2014/main" id="{782393CA-3387-41AA-A5B0-E0B452E7421D}"/>
            </a:ext>
          </a:extLst>
        </xdr:cNvPr>
        <xdr:cNvSpPr txBox="1"/>
      </xdr:nvSpPr>
      <xdr:spPr>
        <a:xfrm>
          <a:off x="9467850" y="13926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56057</xdr:rowOff>
    </xdr:from>
    <xdr:to>
      <xdr:col>55</xdr:col>
      <xdr:colOff>88900</xdr:colOff>
      <xdr:row>85</xdr:row>
      <xdr:rowOff>156057</xdr:rowOff>
    </xdr:to>
    <xdr:cxnSp macro="">
      <xdr:nvCxnSpPr>
        <xdr:cNvPr id="339" name="直線コネクタ 338">
          <a:extLst>
            <a:ext uri="{FF2B5EF4-FFF2-40B4-BE49-F238E27FC236}">
              <a16:creationId xmlns:a16="http://schemas.microsoft.com/office/drawing/2014/main" id="{B2A397AC-3A68-4CCB-8C29-86707BA5DDC6}"/>
            </a:ext>
          </a:extLst>
        </xdr:cNvPr>
        <xdr:cNvCxnSpPr/>
      </xdr:nvCxnSpPr>
      <xdr:spPr>
        <a:xfrm>
          <a:off x="9363075" y="13922857"/>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2113</xdr:rowOff>
    </xdr:from>
    <xdr:ext cx="469744" cy="259045"/>
    <xdr:sp macro="" textlink="">
      <xdr:nvSpPr>
        <xdr:cNvPr id="340" name="【公営住宅】&#10;一人当たり面積最大値テキスト">
          <a:extLst>
            <a:ext uri="{FF2B5EF4-FFF2-40B4-BE49-F238E27FC236}">
              <a16:creationId xmlns:a16="http://schemas.microsoft.com/office/drawing/2014/main" id="{311E453D-15E2-470C-835A-C8E42AA9CEDF}"/>
            </a:ext>
          </a:extLst>
        </xdr:cNvPr>
        <xdr:cNvSpPr txBox="1"/>
      </xdr:nvSpPr>
      <xdr:spPr>
        <a:xfrm>
          <a:off x="9467850" y="12620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3986</xdr:rowOff>
    </xdr:from>
    <xdr:to>
      <xdr:col>55</xdr:col>
      <xdr:colOff>88900</xdr:colOff>
      <xdr:row>79</xdr:row>
      <xdr:rowOff>33986</xdr:rowOff>
    </xdr:to>
    <xdr:cxnSp macro="">
      <xdr:nvCxnSpPr>
        <xdr:cNvPr id="341" name="直線コネクタ 340">
          <a:extLst>
            <a:ext uri="{FF2B5EF4-FFF2-40B4-BE49-F238E27FC236}">
              <a16:creationId xmlns:a16="http://schemas.microsoft.com/office/drawing/2014/main" id="{75DC89CF-149D-44FF-B09B-CC5CF8B00370}"/>
            </a:ext>
          </a:extLst>
        </xdr:cNvPr>
        <xdr:cNvCxnSpPr/>
      </xdr:nvCxnSpPr>
      <xdr:spPr>
        <a:xfrm>
          <a:off x="9363075" y="12822886"/>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8825</xdr:rowOff>
    </xdr:from>
    <xdr:ext cx="469744" cy="259045"/>
    <xdr:sp macro="" textlink="">
      <xdr:nvSpPr>
        <xdr:cNvPr id="342" name="【公営住宅】&#10;一人当たり面積平均値テキスト">
          <a:extLst>
            <a:ext uri="{FF2B5EF4-FFF2-40B4-BE49-F238E27FC236}">
              <a16:creationId xmlns:a16="http://schemas.microsoft.com/office/drawing/2014/main" id="{D7658C46-AB0A-403B-A2EA-EB1D23ECD321}"/>
            </a:ext>
          </a:extLst>
        </xdr:cNvPr>
        <xdr:cNvSpPr txBox="1"/>
      </xdr:nvSpPr>
      <xdr:spPr>
        <a:xfrm>
          <a:off x="9467850" y="132752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45948</xdr:rowOff>
    </xdr:from>
    <xdr:to>
      <xdr:col>55</xdr:col>
      <xdr:colOff>50800</xdr:colOff>
      <xdr:row>83</xdr:row>
      <xdr:rowOff>76098</xdr:rowOff>
    </xdr:to>
    <xdr:sp macro="" textlink="">
      <xdr:nvSpPr>
        <xdr:cNvPr id="343" name="フローチャート: 判断 342">
          <a:extLst>
            <a:ext uri="{FF2B5EF4-FFF2-40B4-BE49-F238E27FC236}">
              <a16:creationId xmlns:a16="http://schemas.microsoft.com/office/drawing/2014/main" id="{E24492D9-2E71-4708-A5A5-6338F520D5FF}"/>
            </a:ext>
          </a:extLst>
        </xdr:cNvPr>
        <xdr:cNvSpPr/>
      </xdr:nvSpPr>
      <xdr:spPr>
        <a:xfrm>
          <a:off x="9401175" y="13420623"/>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39548</xdr:rowOff>
    </xdr:from>
    <xdr:to>
      <xdr:col>50</xdr:col>
      <xdr:colOff>165100</xdr:colOff>
      <xdr:row>83</xdr:row>
      <xdr:rowOff>69698</xdr:rowOff>
    </xdr:to>
    <xdr:sp macro="" textlink="">
      <xdr:nvSpPr>
        <xdr:cNvPr id="344" name="フローチャート: 判断 343">
          <a:extLst>
            <a:ext uri="{FF2B5EF4-FFF2-40B4-BE49-F238E27FC236}">
              <a16:creationId xmlns:a16="http://schemas.microsoft.com/office/drawing/2014/main" id="{A05ABF71-5544-4E17-AE25-5C11BC9F17A1}"/>
            </a:ext>
          </a:extLst>
        </xdr:cNvPr>
        <xdr:cNvSpPr/>
      </xdr:nvSpPr>
      <xdr:spPr>
        <a:xfrm>
          <a:off x="8639175" y="13420573"/>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46862</xdr:rowOff>
    </xdr:from>
    <xdr:to>
      <xdr:col>46</xdr:col>
      <xdr:colOff>38100</xdr:colOff>
      <xdr:row>83</xdr:row>
      <xdr:rowOff>77012</xdr:rowOff>
    </xdr:to>
    <xdr:sp macro="" textlink="">
      <xdr:nvSpPr>
        <xdr:cNvPr id="345" name="フローチャート: 判断 344">
          <a:extLst>
            <a:ext uri="{FF2B5EF4-FFF2-40B4-BE49-F238E27FC236}">
              <a16:creationId xmlns:a16="http://schemas.microsoft.com/office/drawing/2014/main" id="{BFD7D83E-F685-4ACA-98BA-F294461DB878}"/>
            </a:ext>
          </a:extLst>
        </xdr:cNvPr>
        <xdr:cNvSpPr/>
      </xdr:nvSpPr>
      <xdr:spPr>
        <a:xfrm>
          <a:off x="7839075" y="13421537"/>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46862</xdr:rowOff>
    </xdr:from>
    <xdr:to>
      <xdr:col>41</xdr:col>
      <xdr:colOff>101600</xdr:colOff>
      <xdr:row>83</xdr:row>
      <xdr:rowOff>77012</xdr:rowOff>
    </xdr:to>
    <xdr:sp macro="" textlink="">
      <xdr:nvSpPr>
        <xdr:cNvPr id="346" name="フローチャート: 判断 345">
          <a:extLst>
            <a:ext uri="{FF2B5EF4-FFF2-40B4-BE49-F238E27FC236}">
              <a16:creationId xmlns:a16="http://schemas.microsoft.com/office/drawing/2014/main" id="{D327A9B0-217A-4C43-9DF6-0A84546882B2}"/>
            </a:ext>
          </a:extLst>
        </xdr:cNvPr>
        <xdr:cNvSpPr/>
      </xdr:nvSpPr>
      <xdr:spPr>
        <a:xfrm>
          <a:off x="7029450" y="13421537"/>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46862</xdr:rowOff>
    </xdr:from>
    <xdr:to>
      <xdr:col>36</xdr:col>
      <xdr:colOff>165100</xdr:colOff>
      <xdr:row>83</xdr:row>
      <xdr:rowOff>77012</xdr:rowOff>
    </xdr:to>
    <xdr:sp macro="" textlink="">
      <xdr:nvSpPr>
        <xdr:cNvPr id="347" name="フローチャート: 判断 346">
          <a:extLst>
            <a:ext uri="{FF2B5EF4-FFF2-40B4-BE49-F238E27FC236}">
              <a16:creationId xmlns:a16="http://schemas.microsoft.com/office/drawing/2014/main" id="{E22DF621-AA89-4C02-B253-E36A4EA61AEC}"/>
            </a:ext>
          </a:extLst>
        </xdr:cNvPr>
        <xdr:cNvSpPr/>
      </xdr:nvSpPr>
      <xdr:spPr>
        <a:xfrm>
          <a:off x="6238875" y="1342153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8" name="テキスト ボックス 347">
          <a:extLst>
            <a:ext uri="{FF2B5EF4-FFF2-40B4-BE49-F238E27FC236}">
              <a16:creationId xmlns:a16="http://schemas.microsoft.com/office/drawing/2014/main" id="{413BC9C0-67DA-4028-8541-8D8CFCF5E9FD}"/>
            </a:ext>
          </a:extLst>
        </xdr:cNvPr>
        <xdr:cNvSpPr txBox="1"/>
      </xdr:nvSpPr>
      <xdr:spPr>
        <a:xfrm>
          <a:off x="925830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9" name="テキスト ボックス 348">
          <a:extLst>
            <a:ext uri="{FF2B5EF4-FFF2-40B4-BE49-F238E27FC236}">
              <a16:creationId xmlns:a16="http://schemas.microsoft.com/office/drawing/2014/main" id="{AD50FFA4-FA85-49BF-BFD5-B616799B4749}"/>
            </a:ext>
          </a:extLst>
        </xdr:cNvPr>
        <xdr:cNvSpPr txBox="1"/>
      </xdr:nvSpPr>
      <xdr:spPr>
        <a:xfrm>
          <a:off x="85153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0" name="テキスト ボックス 349">
          <a:extLst>
            <a:ext uri="{FF2B5EF4-FFF2-40B4-BE49-F238E27FC236}">
              <a16:creationId xmlns:a16="http://schemas.microsoft.com/office/drawing/2014/main" id="{0761124F-4F4C-4D37-AC11-5FAEC21A9927}"/>
            </a:ext>
          </a:extLst>
        </xdr:cNvPr>
        <xdr:cNvSpPr txBox="1"/>
      </xdr:nvSpPr>
      <xdr:spPr>
        <a:xfrm>
          <a:off x="77152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A8F08596-84D3-4250-9111-AA902CC803BF}"/>
            </a:ext>
          </a:extLst>
        </xdr:cNvPr>
        <xdr:cNvSpPr txBox="1"/>
      </xdr:nvSpPr>
      <xdr:spPr>
        <a:xfrm>
          <a:off x="69056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5623B7D7-7AAA-4F44-B158-E257FE3AA519}"/>
            </a:ext>
          </a:extLst>
        </xdr:cNvPr>
        <xdr:cNvSpPr txBox="1"/>
      </xdr:nvSpPr>
      <xdr:spPr>
        <a:xfrm>
          <a:off x="61150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08001</xdr:rowOff>
    </xdr:from>
    <xdr:to>
      <xdr:col>55</xdr:col>
      <xdr:colOff>50800</xdr:colOff>
      <xdr:row>85</xdr:row>
      <xdr:rowOff>38151</xdr:rowOff>
    </xdr:to>
    <xdr:sp macro="" textlink="">
      <xdr:nvSpPr>
        <xdr:cNvPr id="353" name="楕円 352">
          <a:extLst>
            <a:ext uri="{FF2B5EF4-FFF2-40B4-BE49-F238E27FC236}">
              <a16:creationId xmlns:a16="http://schemas.microsoft.com/office/drawing/2014/main" id="{CFF8B9C4-1049-4930-B211-98E42E934DD5}"/>
            </a:ext>
          </a:extLst>
        </xdr:cNvPr>
        <xdr:cNvSpPr/>
      </xdr:nvSpPr>
      <xdr:spPr>
        <a:xfrm>
          <a:off x="9401175" y="13706526"/>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86428</xdr:rowOff>
    </xdr:from>
    <xdr:ext cx="469744" cy="259045"/>
    <xdr:sp macro="" textlink="">
      <xdr:nvSpPr>
        <xdr:cNvPr id="354" name="【公営住宅】&#10;一人当たり面積該当値テキスト">
          <a:extLst>
            <a:ext uri="{FF2B5EF4-FFF2-40B4-BE49-F238E27FC236}">
              <a16:creationId xmlns:a16="http://schemas.microsoft.com/office/drawing/2014/main" id="{5CDFF29E-7B03-4BF9-AFCC-5DEA6A2C4E82}"/>
            </a:ext>
          </a:extLst>
        </xdr:cNvPr>
        <xdr:cNvSpPr txBox="1"/>
      </xdr:nvSpPr>
      <xdr:spPr>
        <a:xfrm>
          <a:off x="9467850" y="13684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13488</xdr:rowOff>
    </xdr:from>
    <xdr:to>
      <xdr:col>50</xdr:col>
      <xdr:colOff>165100</xdr:colOff>
      <xdr:row>85</xdr:row>
      <xdr:rowOff>43638</xdr:rowOff>
    </xdr:to>
    <xdr:sp macro="" textlink="">
      <xdr:nvSpPr>
        <xdr:cNvPr id="355" name="楕円 354">
          <a:extLst>
            <a:ext uri="{FF2B5EF4-FFF2-40B4-BE49-F238E27FC236}">
              <a16:creationId xmlns:a16="http://schemas.microsoft.com/office/drawing/2014/main" id="{A0392121-5E0B-425C-A5A2-F084D746C337}"/>
            </a:ext>
          </a:extLst>
        </xdr:cNvPr>
        <xdr:cNvSpPr/>
      </xdr:nvSpPr>
      <xdr:spPr>
        <a:xfrm>
          <a:off x="8639175" y="13715188"/>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58801</xdr:rowOff>
    </xdr:from>
    <xdr:to>
      <xdr:col>55</xdr:col>
      <xdr:colOff>0</xdr:colOff>
      <xdr:row>84</xdr:row>
      <xdr:rowOff>164288</xdr:rowOff>
    </xdr:to>
    <xdr:cxnSp macro="">
      <xdr:nvCxnSpPr>
        <xdr:cNvPr id="356" name="直線コネクタ 355">
          <a:extLst>
            <a:ext uri="{FF2B5EF4-FFF2-40B4-BE49-F238E27FC236}">
              <a16:creationId xmlns:a16="http://schemas.microsoft.com/office/drawing/2014/main" id="{4B471AC9-DBFD-4F51-A8DF-A4BD7A7F3E00}"/>
            </a:ext>
          </a:extLst>
        </xdr:cNvPr>
        <xdr:cNvCxnSpPr/>
      </xdr:nvCxnSpPr>
      <xdr:spPr>
        <a:xfrm flipV="1">
          <a:off x="8686800" y="13763676"/>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13945</xdr:rowOff>
    </xdr:from>
    <xdr:to>
      <xdr:col>46</xdr:col>
      <xdr:colOff>38100</xdr:colOff>
      <xdr:row>85</xdr:row>
      <xdr:rowOff>44095</xdr:rowOff>
    </xdr:to>
    <xdr:sp macro="" textlink="">
      <xdr:nvSpPr>
        <xdr:cNvPr id="357" name="楕円 356">
          <a:extLst>
            <a:ext uri="{FF2B5EF4-FFF2-40B4-BE49-F238E27FC236}">
              <a16:creationId xmlns:a16="http://schemas.microsoft.com/office/drawing/2014/main" id="{E9E0829F-0B1A-4286-A46D-269B31D349B8}"/>
            </a:ext>
          </a:extLst>
        </xdr:cNvPr>
        <xdr:cNvSpPr/>
      </xdr:nvSpPr>
      <xdr:spPr>
        <a:xfrm>
          <a:off x="7839075" y="1371564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64288</xdr:rowOff>
    </xdr:from>
    <xdr:to>
      <xdr:col>50</xdr:col>
      <xdr:colOff>114300</xdr:colOff>
      <xdr:row>84</xdr:row>
      <xdr:rowOff>164745</xdr:rowOff>
    </xdr:to>
    <xdr:cxnSp macro="">
      <xdr:nvCxnSpPr>
        <xdr:cNvPr id="358" name="直線コネクタ 357">
          <a:extLst>
            <a:ext uri="{FF2B5EF4-FFF2-40B4-BE49-F238E27FC236}">
              <a16:creationId xmlns:a16="http://schemas.microsoft.com/office/drawing/2014/main" id="{944EF2D0-A9B6-4748-85B9-98DB04E3F6A7}"/>
            </a:ext>
          </a:extLst>
        </xdr:cNvPr>
        <xdr:cNvCxnSpPr/>
      </xdr:nvCxnSpPr>
      <xdr:spPr>
        <a:xfrm flipV="1">
          <a:off x="7886700" y="13762813"/>
          <a:ext cx="8001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14858</xdr:rowOff>
    </xdr:from>
    <xdr:to>
      <xdr:col>41</xdr:col>
      <xdr:colOff>101600</xdr:colOff>
      <xdr:row>85</xdr:row>
      <xdr:rowOff>45008</xdr:rowOff>
    </xdr:to>
    <xdr:sp macro="" textlink="">
      <xdr:nvSpPr>
        <xdr:cNvPr id="359" name="楕円 358">
          <a:extLst>
            <a:ext uri="{FF2B5EF4-FFF2-40B4-BE49-F238E27FC236}">
              <a16:creationId xmlns:a16="http://schemas.microsoft.com/office/drawing/2014/main" id="{DE5F0FF4-6814-4E07-BFB9-7EFB1D319385}"/>
            </a:ext>
          </a:extLst>
        </xdr:cNvPr>
        <xdr:cNvSpPr/>
      </xdr:nvSpPr>
      <xdr:spPr>
        <a:xfrm>
          <a:off x="7029450" y="13716558"/>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64745</xdr:rowOff>
    </xdr:from>
    <xdr:to>
      <xdr:col>45</xdr:col>
      <xdr:colOff>177800</xdr:colOff>
      <xdr:row>84</xdr:row>
      <xdr:rowOff>165658</xdr:rowOff>
    </xdr:to>
    <xdr:cxnSp macro="">
      <xdr:nvCxnSpPr>
        <xdr:cNvPr id="360" name="直線コネクタ 359">
          <a:extLst>
            <a:ext uri="{FF2B5EF4-FFF2-40B4-BE49-F238E27FC236}">
              <a16:creationId xmlns:a16="http://schemas.microsoft.com/office/drawing/2014/main" id="{3CA50759-432F-4595-9C94-0C975F09B1BB}"/>
            </a:ext>
          </a:extLst>
        </xdr:cNvPr>
        <xdr:cNvCxnSpPr/>
      </xdr:nvCxnSpPr>
      <xdr:spPr>
        <a:xfrm flipV="1">
          <a:off x="7077075" y="13763270"/>
          <a:ext cx="809625" cy="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14402</xdr:rowOff>
    </xdr:from>
    <xdr:to>
      <xdr:col>36</xdr:col>
      <xdr:colOff>165100</xdr:colOff>
      <xdr:row>85</xdr:row>
      <xdr:rowOff>44552</xdr:rowOff>
    </xdr:to>
    <xdr:sp macro="" textlink="">
      <xdr:nvSpPr>
        <xdr:cNvPr id="361" name="楕円 360">
          <a:extLst>
            <a:ext uri="{FF2B5EF4-FFF2-40B4-BE49-F238E27FC236}">
              <a16:creationId xmlns:a16="http://schemas.microsoft.com/office/drawing/2014/main" id="{956A009F-829B-4286-B1E3-EF560982078F}"/>
            </a:ext>
          </a:extLst>
        </xdr:cNvPr>
        <xdr:cNvSpPr/>
      </xdr:nvSpPr>
      <xdr:spPr>
        <a:xfrm>
          <a:off x="6238875" y="1371610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165202</xdr:rowOff>
    </xdr:from>
    <xdr:to>
      <xdr:col>41</xdr:col>
      <xdr:colOff>50800</xdr:colOff>
      <xdr:row>84</xdr:row>
      <xdr:rowOff>165658</xdr:rowOff>
    </xdr:to>
    <xdr:cxnSp macro="">
      <xdr:nvCxnSpPr>
        <xdr:cNvPr id="362" name="直線コネクタ 361">
          <a:extLst>
            <a:ext uri="{FF2B5EF4-FFF2-40B4-BE49-F238E27FC236}">
              <a16:creationId xmlns:a16="http://schemas.microsoft.com/office/drawing/2014/main" id="{5E1B87A1-CD90-41B2-9837-0629F7EFD83C}"/>
            </a:ext>
          </a:extLst>
        </xdr:cNvPr>
        <xdr:cNvCxnSpPr/>
      </xdr:nvCxnSpPr>
      <xdr:spPr>
        <a:xfrm>
          <a:off x="6286500" y="13763727"/>
          <a:ext cx="790575" cy="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86225</xdr:rowOff>
    </xdr:from>
    <xdr:ext cx="469744" cy="259045"/>
    <xdr:sp macro="" textlink="">
      <xdr:nvSpPr>
        <xdr:cNvPr id="363" name="n_1aveValue【公営住宅】&#10;一人当たり面積">
          <a:extLst>
            <a:ext uri="{FF2B5EF4-FFF2-40B4-BE49-F238E27FC236}">
              <a16:creationId xmlns:a16="http://schemas.microsoft.com/office/drawing/2014/main" id="{F0662633-76E7-4A27-8BE5-3AC1DB7CD67A}"/>
            </a:ext>
          </a:extLst>
        </xdr:cNvPr>
        <xdr:cNvSpPr txBox="1"/>
      </xdr:nvSpPr>
      <xdr:spPr>
        <a:xfrm>
          <a:off x="8458277" y="13198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93539</xdr:rowOff>
    </xdr:from>
    <xdr:ext cx="469744" cy="259045"/>
    <xdr:sp macro="" textlink="">
      <xdr:nvSpPr>
        <xdr:cNvPr id="364" name="n_2aveValue【公営住宅】&#10;一人当たり面積">
          <a:extLst>
            <a:ext uri="{FF2B5EF4-FFF2-40B4-BE49-F238E27FC236}">
              <a16:creationId xmlns:a16="http://schemas.microsoft.com/office/drawing/2014/main" id="{5FB6AD74-B70E-4E6D-ABE0-38053F9A3EF8}"/>
            </a:ext>
          </a:extLst>
        </xdr:cNvPr>
        <xdr:cNvSpPr txBox="1"/>
      </xdr:nvSpPr>
      <xdr:spPr>
        <a:xfrm>
          <a:off x="7677227" y="13209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93539</xdr:rowOff>
    </xdr:from>
    <xdr:ext cx="469744" cy="259045"/>
    <xdr:sp macro="" textlink="">
      <xdr:nvSpPr>
        <xdr:cNvPr id="365" name="n_3aveValue【公営住宅】&#10;一人当たり面積">
          <a:extLst>
            <a:ext uri="{FF2B5EF4-FFF2-40B4-BE49-F238E27FC236}">
              <a16:creationId xmlns:a16="http://schemas.microsoft.com/office/drawing/2014/main" id="{1BA0175B-FAE3-49CF-ACB8-5CFBE97DCDEA}"/>
            </a:ext>
          </a:extLst>
        </xdr:cNvPr>
        <xdr:cNvSpPr txBox="1"/>
      </xdr:nvSpPr>
      <xdr:spPr>
        <a:xfrm>
          <a:off x="6867602" y="13209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93539</xdr:rowOff>
    </xdr:from>
    <xdr:ext cx="469744" cy="259045"/>
    <xdr:sp macro="" textlink="">
      <xdr:nvSpPr>
        <xdr:cNvPr id="366" name="n_4aveValue【公営住宅】&#10;一人当たり面積">
          <a:extLst>
            <a:ext uri="{FF2B5EF4-FFF2-40B4-BE49-F238E27FC236}">
              <a16:creationId xmlns:a16="http://schemas.microsoft.com/office/drawing/2014/main" id="{E26CF965-75D6-4D67-9FAB-A26D2A05EBEF}"/>
            </a:ext>
          </a:extLst>
        </xdr:cNvPr>
        <xdr:cNvSpPr txBox="1"/>
      </xdr:nvSpPr>
      <xdr:spPr>
        <a:xfrm>
          <a:off x="6067502" y="13209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34765</xdr:rowOff>
    </xdr:from>
    <xdr:ext cx="469744" cy="259045"/>
    <xdr:sp macro="" textlink="">
      <xdr:nvSpPr>
        <xdr:cNvPr id="367" name="n_1mainValue【公営住宅】&#10;一人当たり面積">
          <a:extLst>
            <a:ext uri="{FF2B5EF4-FFF2-40B4-BE49-F238E27FC236}">
              <a16:creationId xmlns:a16="http://schemas.microsoft.com/office/drawing/2014/main" id="{5D29100A-62E6-446B-9789-7C44AA3CE194}"/>
            </a:ext>
          </a:extLst>
        </xdr:cNvPr>
        <xdr:cNvSpPr txBox="1"/>
      </xdr:nvSpPr>
      <xdr:spPr>
        <a:xfrm>
          <a:off x="8458277" y="13795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35222</xdr:rowOff>
    </xdr:from>
    <xdr:ext cx="469744" cy="259045"/>
    <xdr:sp macro="" textlink="">
      <xdr:nvSpPr>
        <xdr:cNvPr id="368" name="n_2mainValue【公営住宅】&#10;一人当たり面積">
          <a:extLst>
            <a:ext uri="{FF2B5EF4-FFF2-40B4-BE49-F238E27FC236}">
              <a16:creationId xmlns:a16="http://schemas.microsoft.com/office/drawing/2014/main" id="{24AB7F4E-BE4A-486F-8750-824C627DC9A8}"/>
            </a:ext>
          </a:extLst>
        </xdr:cNvPr>
        <xdr:cNvSpPr txBox="1"/>
      </xdr:nvSpPr>
      <xdr:spPr>
        <a:xfrm>
          <a:off x="7677227" y="13798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36135</xdr:rowOff>
    </xdr:from>
    <xdr:ext cx="469744" cy="259045"/>
    <xdr:sp macro="" textlink="">
      <xdr:nvSpPr>
        <xdr:cNvPr id="369" name="n_3mainValue【公営住宅】&#10;一人当たり面積">
          <a:extLst>
            <a:ext uri="{FF2B5EF4-FFF2-40B4-BE49-F238E27FC236}">
              <a16:creationId xmlns:a16="http://schemas.microsoft.com/office/drawing/2014/main" id="{2F1042DE-53A0-4C12-8CB2-D506B503BEA3}"/>
            </a:ext>
          </a:extLst>
        </xdr:cNvPr>
        <xdr:cNvSpPr txBox="1"/>
      </xdr:nvSpPr>
      <xdr:spPr>
        <a:xfrm>
          <a:off x="6867602" y="13799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35679</xdr:rowOff>
    </xdr:from>
    <xdr:ext cx="469744" cy="259045"/>
    <xdr:sp macro="" textlink="">
      <xdr:nvSpPr>
        <xdr:cNvPr id="370" name="n_4mainValue【公営住宅】&#10;一人当たり面積">
          <a:extLst>
            <a:ext uri="{FF2B5EF4-FFF2-40B4-BE49-F238E27FC236}">
              <a16:creationId xmlns:a16="http://schemas.microsoft.com/office/drawing/2014/main" id="{8777A2F8-CB4F-474C-8FD8-684EB874B072}"/>
            </a:ext>
          </a:extLst>
        </xdr:cNvPr>
        <xdr:cNvSpPr txBox="1"/>
      </xdr:nvSpPr>
      <xdr:spPr>
        <a:xfrm>
          <a:off x="6067502" y="13799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1" name="正方形/長方形 370">
          <a:extLst>
            <a:ext uri="{FF2B5EF4-FFF2-40B4-BE49-F238E27FC236}">
              <a16:creationId xmlns:a16="http://schemas.microsoft.com/office/drawing/2014/main" id="{4E2891AE-28F3-4DDA-86C2-EB772F8C8E3F}"/>
            </a:ext>
          </a:extLst>
        </xdr:cNvPr>
        <xdr:cNvSpPr/>
      </xdr:nvSpPr>
      <xdr:spPr>
        <a:xfrm>
          <a:off x="685800" y="14754225"/>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2" name="正方形/長方形 371">
          <a:extLst>
            <a:ext uri="{FF2B5EF4-FFF2-40B4-BE49-F238E27FC236}">
              <a16:creationId xmlns:a16="http://schemas.microsoft.com/office/drawing/2014/main" id="{AFBE5480-C26A-4ADA-A8CD-2564ED39D65E}"/>
            </a:ext>
          </a:extLst>
        </xdr:cNvPr>
        <xdr:cNvSpPr/>
      </xdr:nvSpPr>
      <xdr:spPr>
        <a:xfrm>
          <a:off x="8096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3" name="正方形/長方形 372">
          <a:extLst>
            <a:ext uri="{FF2B5EF4-FFF2-40B4-BE49-F238E27FC236}">
              <a16:creationId xmlns:a16="http://schemas.microsoft.com/office/drawing/2014/main" id="{153F2E70-5E30-4B53-B691-1B880860928A}"/>
            </a:ext>
          </a:extLst>
        </xdr:cNvPr>
        <xdr:cNvSpPr/>
      </xdr:nvSpPr>
      <xdr:spPr>
        <a:xfrm>
          <a:off x="8096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4" name="正方形/長方形 373">
          <a:extLst>
            <a:ext uri="{FF2B5EF4-FFF2-40B4-BE49-F238E27FC236}">
              <a16:creationId xmlns:a16="http://schemas.microsoft.com/office/drawing/2014/main" id="{417F30CD-E888-4ABF-9AD1-EB3F0396B1A6}"/>
            </a:ext>
          </a:extLst>
        </xdr:cNvPr>
        <xdr:cNvSpPr/>
      </xdr:nvSpPr>
      <xdr:spPr>
        <a:xfrm>
          <a:off x="17145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5" name="正方形/長方形 374">
          <a:extLst>
            <a:ext uri="{FF2B5EF4-FFF2-40B4-BE49-F238E27FC236}">
              <a16:creationId xmlns:a16="http://schemas.microsoft.com/office/drawing/2014/main" id="{097FD517-7A35-4CEE-BB8A-9A5BA615E86B}"/>
            </a:ext>
          </a:extLst>
        </xdr:cNvPr>
        <xdr:cNvSpPr/>
      </xdr:nvSpPr>
      <xdr:spPr>
        <a:xfrm>
          <a:off x="17145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6" name="正方形/長方形 375">
          <a:extLst>
            <a:ext uri="{FF2B5EF4-FFF2-40B4-BE49-F238E27FC236}">
              <a16:creationId xmlns:a16="http://schemas.microsoft.com/office/drawing/2014/main" id="{AC2B1542-5990-4214-B4B4-5325BC7E587B}"/>
            </a:ext>
          </a:extLst>
        </xdr:cNvPr>
        <xdr:cNvSpPr/>
      </xdr:nvSpPr>
      <xdr:spPr>
        <a:xfrm>
          <a:off x="27432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7" name="正方形/長方形 376">
          <a:extLst>
            <a:ext uri="{FF2B5EF4-FFF2-40B4-BE49-F238E27FC236}">
              <a16:creationId xmlns:a16="http://schemas.microsoft.com/office/drawing/2014/main" id="{A5CA6406-358E-46AF-9E0C-97FA22D596FB}"/>
            </a:ext>
          </a:extLst>
        </xdr:cNvPr>
        <xdr:cNvSpPr/>
      </xdr:nvSpPr>
      <xdr:spPr>
        <a:xfrm>
          <a:off x="27432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8" name="正方形/長方形 377">
          <a:extLst>
            <a:ext uri="{FF2B5EF4-FFF2-40B4-BE49-F238E27FC236}">
              <a16:creationId xmlns:a16="http://schemas.microsoft.com/office/drawing/2014/main" id="{B0A0543A-853B-461E-B1DE-27BC8418A14B}"/>
            </a:ext>
          </a:extLst>
        </xdr:cNvPr>
        <xdr:cNvSpPr/>
      </xdr:nvSpPr>
      <xdr:spPr>
        <a:xfrm>
          <a:off x="685800" y="15840075"/>
          <a:ext cx="426720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9" name="テキスト ボックス 378">
          <a:extLst>
            <a:ext uri="{FF2B5EF4-FFF2-40B4-BE49-F238E27FC236}">
              <a16:creationId xmlns:a16="http://schemas.microsoft.com/office/drawing/2014/main" id="{86075914-CDAA-415C-B241-6926EEAE3DFC}"/>
            </a:ext>
          </a:extLst>
        </xdr:cNvPr>
        <xdr:cNvSpPr txBox="1"/>
      </xdr:nvSpPr>
      <xdr:spPr>
        <a:xfrm>
          <a:off x="666750" y="156591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0" name="直線コネクタ 379">
          <a:extLst>
            <a:ext uri="{FF2B5EF4-FFF2-40B4-BE49-F238E27FC236}">
              <a16:creationId xmlns:a16="http://schemas.microsoft.com/office/drawing/2014/main" id="{445B07D4-2795-4297-8270-81D7E7EDF9E1}"/>
            </a:ext>
          </a:extLst>
        </xdr:cNvPr>
        <xdr:cNvCxnSpPr/>
      </xdr:nvCxnSpPr>
      <xdr:spPr>
        <a:xfrm>
          <a:off x="685800" y="17992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1" name="テキスト ボックス 380">
          <a:extLst>
            <a:ext uri="{FF2B5EF4-FFF2-40B4-BE49-F238E27FC236}">
              <a16:creationId xmlns:a16="http://schemas.microsoft.com/office/drawing/2014/main" id="{3A699AEF-896B-4035-96B3-CD501E5AA225}"/>
            </a:ext>
          </a:extLst>
        </xdr:cNvPr>
        <xdr:cNvSpPr txBox="1"/>
      </xdr:nvSpPr>
      <xdr:spPr>
        <a:xfrm>
          <a:off x="278946" y="17856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2" name="直線コネクタ 381">
          <a:extLst>
            <a:ext uri="{FF2B5EF4-FFF2-40B4-BE49-F238E27FC236}">
              <a16:creationId xmlns:a16="http://schemas.microsoft.com/office/drawing/2014/main" id="{30D3779E-93DA-4DB1-9F58-B3D88567A2E0}"/>
            </a:ext>
          </a:extLst>
        </xdr:cNvPr>
        <xdr:cNvCxnSpPr/>
      </xdr:nvCxnSpPr>
      <xdr:spPr>
        <a:xfrm>
          <a:off x="685800" y="17640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3" name="テキスト ボックス 382">
          <a:extLst>
            <a:ext uri="{FF2B5EF4-FFF2-40B4-BE49-F238E27FC236}">
              <a16:creationId xmlns:a16="http://schemas.microsoft.com/office/drawing/2014/main" id="{0154D82A-0451-49E5-AEC7-B2E811FE6153}"/>
            </a:ext>
          </a:extLst>
        </xdr:cNvPr>
        <xdr:cNvSpPr txBox="1"/>
      </xdr:nvSpPr>
      <xdr:spPr>
        <a:xfrm>
          <a:off x="339891" y="174949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4" name="直線コネクタ 383">
          <a:extLst>
            <a:ext uri="{FF2B5EF4-FFF2-40B4-BE49-F238E27FC236}">
              <a16:creationId xmlns:a16="http://schemas.microsoft.com/office/drawing/2014/main" id="{49E8270E-BF30-4BE8-AE87-E10BBB492465}"/>
            </a:ext>
          </a:extLst>
        </xdr:cNvPr>
        <xdr:cNvCxnSpPr/>
      </xdr:nvCxnSpPr>
      <xdr:spPr>
        <a:xfrm>
          <a:off x="685800" y="17278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5" name="テキスト ボックス 384">
          <a:extLst>
            <a:ext uri="{FF2B5EF4-FFF2-40B4-BE49-F238E27FC236}">
              <a16:creationId xmlns:a16="http://schemas.microsoft.com/office/drawing/2014/main" id="{F55D47CD-8F39-4677-AA9A-A51E53F13C77}"/>
            </a:ext>
          </a:extLst>
        </xdr:cNvPr>
        <xdr:cNvSpPr txBox="1"/>
      </xdr:nvSpPr>
      <xdr:spPr>
        <a:xfrm>
          <a:off x="339891" y="17142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6" name="直線コネクタ 385">
          <a:extLst>
            <a:ext uri="{FF2B5EF4-FFF2-40B4-BE49-F238E27FC236}">
              <a16:creationId xmlns:a16="http://schemas.microsoft.com/office/drawing/2014/main" id="{EAD6D8F8-5036-4C53-8E73-575850DF8EC4}"/>
            </a:ext>
          </a:extLst>
        </xdr:cNvPr>
        <xdr:cNvCxnSpPr/>
      </xdr:nvCxnSpPr>
      <xdr:spPr>
        <a:xfrm>
          <a:off x="685800" y="16916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87" name="テキスト ボックス 386">
          <a:extLst>
            <a:ext uri="{FF2B5EF4-FFF2-40B4-BE49-F238E27FC236}">
              <a16:creationId xmlns:a16="http://schemas.microsoft.com/office/drawing/2014/main" id="{CF06D86E-7CE8-42BB-9D80-F20E0F069FA8}"/>
            </a:ext>
          </a:extLst>
        </xdr:cNvPr>
        <xdr:cNvSpPr txBox="1"/>
      </xdr:nvSpPr>
      <xdr:spPr>
        <a:xfrm>
          <a:off x="339891" y="1678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88" name="直線コネクタ 387">
          <a:extLst>
            <a:ext uri="{FF2B5EF4-FFF2-40B4-BE49-F238E27FC236}">
              <a16:creationId xmlns:a16="http://schemas.microsoft.com/office/drawing/2014/main" id="{B6226F47-31B1-468C-B82E-E4CD18B20BD6}"/>
            </a:ext>
          </a:extLst>
        </xdr:cNvPr>
        <xdr:cNvCxnSpPr/>
      </xdr:nvCxnSpPr>
      <xdr:spPr>
        <a:xfrm>
          <a:off x="685800" y="16554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89" name="テキスト ボックス 388">
          <a:extLst>
            <a:ext uri="{FF2B5EF4-FFF2-40B4-BE49-F238E27FC236}">
              <a16:creationId xmlns:a16="http://schemas.microsoft.com/office/drawing/2014/main" id="{0DE9DB0C-0AE1-49D8-BE22-E735962F3EC0}"/>
            </a:ext>
          </a:extLst>
        </xdr:cNvPr>
        <xdr:cNvSpPr txBox="1"/>
      </xdr:nvSpPr>
      <xdr:spPr>
        <a:xfrm>
          <a:off x="339891" y="16418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0" name="直線コネクタ 389">
          <a:extLst>
            <a:ext uri="{FF2B5EF4-FFF2-40B4-BE49-F238E27FC236}">
              <a16:creationId xmlns:a16="http://schemas.microsoft.com/office/drawing/2014/main" id="{3FA8FF9E-4755-4A93-90C4-E683C596E6C5}"/>
            </a:ext>
          </a:extLst>
        </xdr:cNvPr>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1" name="テキスト ボックス 390">
          <a:extLst>
            <a:ext uri="{FF2B5EF4-FFF2-40B4-BE49-F238E27FC236}">
              <a16:creationId xmlns:a16="http://schemas.microsoft.com/office/drawing/2014/main" id="{E297E294-776A-4448-A32F-58415E40A134}"/>
            </a:ext>
          </a:extLst>
        </xdr:cNvPr>
        <xdr:cNvSpPr txBox="1"/>
      </xdr:nvSpPr>
      <xdr:spPr>
        <a:xfrm>
          <a:off x="388136" y="16056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2" name="直線コネクタ 391">
          <a:extLst>
            <a:ext uri="{FF2B5EF4-FFF2-40B4-BE49-F238E27FC236}">
              <a16:creationId xmlns:a16="http://schemas.microsoft.com/office/drawing/2014/main" id="{83105D8E-5B5D-4071-A992-A2B73B686108}"/>
            </a:ext>
          </a:extLst>
        </xdr:cNvPr>
        <xdr:cNvCxnSpPr/>
      </xdr:nvCxnSpPr>
      <xdr:spPr>
        <a:xfrm>
          <a:off x="685800" y="158400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3" name="【港湾・漁港】&#10;有形固定資産減価償却率グラフ枠">
          <a:extLst>
            <a:ext uri="{FF2B5EF4-FFF2-40B4-BE49-F238E27FC236}">
              <a16:creationId xmlns:a16="http://schemas.microsoft.com/office/drawing/2014/main" id="{F7D688E0-9DA1-435F-A412-F3E849F4DCD1}"/>
            </a:ext>
          </a:extLst>
        </xdr:cNvPr>
        <xdr:cNvSpPr/>
      </xdr:nvSpPr>
      <xdr:spPr>
        <a:xfrm>
          <a:off x="685800" y="15840075"/>
          <a:ext cx="426720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22861</xdr:rowOff>
    </xdr:from>
    <xdr:to>
      <xdr:col>24</xdr:col>
      <xdr:colOff>62865</xdr:colOff>
      <xdr:row>109</xdr:row>
      <xdr:rowOff>34289</xdr:rowOff>
    </xdr:to>
    <xdr:cxnSp macro="">
      <xdr:nvCxnSpPr>
        <xdr:cNvPr id="394" name="直線コネクタ 393">
          <a:extLst>
            <a:ext uri="{FF2B5EF4-FFF2-40B4-BE49-F238E27FC236}">
              <a16:creationId xmlns:a16="http://schemas.microsoft.com/office/drawing/2014/main" id="{9B4B8E52-0D56-42C6-972D-2259D5E47238}"/>
            </a:ext>
          </a:extLst>
        </xdr:cNvPr>
        <xdr:cNvCxnSpPr/>
      </xdr:nvCxnSpPr>
      <xdr:spPr>
        <a:xfrm flipV="1">
          <a:off x="4180840" y="16380461"/>
          <a:ext cx="0" cy="13004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8116</xdr:rowOff>
    </xdr:from>
    <xdr:ext cx="405111" cy="259045"/>
    <xdr:sp macro="" textlink="">
      <xdr:nvSpPr>
        <xdr:cNvPr id="395" name="【港湾・漁港】&#10;有形固定資産減価償却率最小値テキスト">
          <a:extLst>
            <a:ext uri="{FF2B5EF4-FFF2-40B4-BE49-F238E27FC236}">
              <a16:creationId xmlns:a16="http://schemas.microsoft.com/office/drawing/2014/main" id="{5560239B-0F53-4752-999A-D6978C738F44}"/>
            </a:ext>
          </a:extLst>
        </xdr:cNvPr>
        <xdr:cNvSpPr txBox="1"/>
      </xdr:nvSpPr>
      <xdr:spPr>
        <a:xfrm>
          <a:off x="4219575" y="17687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4289</xdr:rowOff>
    </xdr:from>
    <xdr:to>
      <xdr:col>24</xdr:col>
      <xdr:colOff>152400</xdr:colOff>
      <xdr:row>109</xdr:row>
      <xdr:rowOff>34289</xdr:rowOff>
    </xdr:to>
    <xdr:cxnSp macro="">
      <xdr:nvCxnSpPr>
        <xdr:cNvPr id="396" name="直線コネクタ 395">
          <a:extLst>
            <a:ext uri="{FF2B5EF4-FFF2-40B4-BE49-F238E27FC236}">
              <a16:creationId xmlns:a16="http://schemas.microsoft.com/office/drawing/2014/main" id="{C05AD21E-CB02-4389-9731-57CE8E7304B7}"/>
            </a:ext>
          </a:extLst>
        </xdr:cNvPr>
        <xdr:cNvCxnSpPr/>
      </xdr:nvCxnSpPr>
      <xdr:spPr>
        <a:xfrm>
          <a:off x="4105275" y="1768093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40988</xdr:rowOff>
    </xdr:from>
    <xdr:ext cx="405111" cy="259045"/>
    <xdr:sp macro="" textlink="">
      <xdr:nvSpPr>
        <xdr:cNvPr id="397" name="【港湾・漁港】&#10;有形固定資産減価償却率最大値テキスト">
          <a:extLst>
            <a:ext uri="{FF2B5EF4-FFF2-40B4-BE49-F238E27FC236}">
              <a16:creationId xmlns:a16="http://schemas.microsoft.com/office/drawing/2014/main" id="{7C47F5CF-7DBC-4664-9989-17E5CE195135}"/>
            </a:ext>
          </a:extLst>
        </xdr:cNvPr>
        <xdr:cNvSpPr txBox="1"/>
      </xdr:nvSpPr>
      <xdr:spPr>
        <a:xfrm>
          <a:off x="4219575" y="16174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22861</xdr:rowOff>
    </xdr:from>
    <xdr:to>
      <xdr:col>24</xdr:col>
      <xdr:colOff>152400</xdr:colOff>
      <xdr:row>101</xdr:row>
      <xdr:rowOff>22861</xdr:rowOff>
    </xdr:to>
    <xdr:cxnSp macro="">
      <xdr:nvCxnSpPr>
        <xdr:cNvPr id="398" name="直線コネクタ 397">
          <a:extLst>
            <a:ext uri="{FF2B5EF4-FFF2-40B4-BE49-F238E27FC236}">
              <a16:creationId xmlns:a16="http://schemas.microsoft.com/office/drawing/2014/main" id="{F6550788-5346-494B-BC3D-8CC842F9F13A}"/>
            </a:ext>
          </a:extLst>
        </xdr:cNvPr>
        <xdr:cNvCxnSpPr/>
      </xdr:nvCxnSpPr>
      <xdr:spPr>
        <a:xfrm>
          <a:off x="4105275" y="16380461"/>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24782</xdr:rowOff>
    </xdr:from>
    <xdr:ext cx="405111" cy="259045"/>
    <xdr:sp macro="" textlink="">
      <xdr:nvSpPr>
        <xdr:cNvPr id="399" name="【港湾・漁港】&#10;有形固定資産減価償却率平均値テキスト">
          <a:extLst>
            <a:ext uri="{FF2B5EF4-FFF2-40B4-BE49-F238E27FC236}">
              <a16:creationId xmlns:a16="http://schemas.microsoft.com/office/drawing/2014/main" id="{ABDA8F9B-F8EE-4758-AD30-126BA158560F}"/>
            </a:ext>
          </a:extLst>
        </xdr:cNvPr>
        <xdr:cNvSpPr txBox="1"/>
      </xdr:nvSpPr>
      <xdr:spPr>
        <a:xfrm>
          <a:off x="4219575" y="173539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46355</xdr:rowOff>
    </xdr:from>
    <xdr:to>
      <xdr:col>24</xdr:col>
      <xdr:colOff>114300</xdr:colOff>
      <xdr:row>107</xdr:row>
      <xdr:rowOff>147955</xdr:rowOff>
    </xdr:to>
    <xdr:sp macro="" textlink="">
      <xdr:nvSpPr>
        <xdr:cNvPr id="400" name="フローチャート: 判断 399">
          <a:extLst>
            <a:ext uri="{FF2B5EF4-FFF2-40B4-BE49-F238E27FC236}">
              <a16:creationId xmlns:a16="http://schemas.microsoft.com/office/drawing/2014/main" id="{3AEC88C6-8F01-4F92-948A-3C5267C27687}"/>
            </a:ext>
          </a:extLst>
        </xdr:cNvPr>
        <xdr:cNvSpPr/>
      </xdr:nvSpPr>
      <xdr:spPr>
        <a:xfrm>
          <a:off x="4124325" y="1737550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7</xdr:row>
      <xdr:rowOff>8255</xdr:rowOff>
    </xdr:from>
    <xdr:to>
      <xdr:col>20</xdr:col>
      <xdr:colOff>38100</xdr:colOff>
      <xdr:row>107</xdr:row>
      <xdr:rowOff>109855</xdr:rowOff>
    </xdr:to>
    <xdr:sp macro="" textlink="">
      <xdr:nvSpPr>
        <xdr:cNvPr id="401" name="フローチャート: 判断 400">
          <a:extLst>
            <a:ext uri="{FF2B5EF4-FFF2-40B4-BE49-F238E27FC236}">
              <a16:creationId xmlns:a16="http://schemas.microsoft.com/office/drawing/2014/main" id="{55BDB041-5241-44EB-9656-08E2959E5BE1}"/>
            </a:ext>
          </a:extLst>
        </xdr:cNvPr>
        <xdr:cNvSpPr/>
      </xdr:nvSpPr>
      <xdr:spPr>
        <a:xfrm>
          <a:off x="3381375" y="1733740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6</xdr:row>
      <xdr:rowOff>162561</xdr:rowOff>
    </xdr:from>
    <xdr:to>
      <xdr:col>15</xdr:col>
      <xdr:colOff>101600</xdr:colOff>
      <xdr:row>107</xdr:row>
      <xdr:rowOff>92711</xdr:rowOff>
    </xdr:to>
    <xdr:sp macro="" textlink="">
      <xdr:nvSpPr>
        <xdr:cNvPr id="402" name="フローチャート: 判断 401">
          <a:extLst>
            <a:ext uri="{FF2B5EF4-FFF2-40B4-BE49-F238E27FC236}">
              <a16:creationId xmlns:a16="http://schemas.microsoft.com/office/drawing/2014/main" id="{EBD694E4-D6F2-497B-AD56-E3A18119AF96}"/>
            </a:ext>
          </a:extLst>
        </xdr:cNvPr>
        <xdr:cNvSpPr/>
      </xdr:nvSpPr>
      <xdr:spPr>
        <a:xfrm>
          <a:off x="2571750" y="17323436"/>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6</xdr:row>
      <xdr:rowOff>124461</xdr:rowOff>
    </xdr:from>
    <xdr:to>
      <xdr:col>10</xdr:col>
      <xdr:colOff>165100</xdr:colOff>
      <xdr:row>107</xdr:row>
      <xdr:rowOff>54611</xdr:rowOff>
    </xdr:to>
    <xdr:sp macro="" textlink="">
      <xdr:nvSpPr>
        <xdr:cNvPr id="403" name="フローチャート: 判断 402">
          <a:extLst>
            <a:ext uri="{FF2B5EF4-FFF2-40B4-BE49-F238E27FC236}">
              <a16:creationId xmlns:a16="http://schemas.microsoft.com/office/drawing/2014/main" id="{A51A0F6C-C18F-4309-965C-A509DA2EB2F8}"/>
            </a:ext>
          </a:extLst>
        </xdr:cNvPr>
        <xdr:cNvSpPr/>
      </xdr:nvSpPr>
      <xdr:spPr>
        <a:xfrm>
          <a:off x="1781175" y="17285336"/>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6</xdr:row>
      <xdr:rowOff>101600</xdr:rowOff>
    </xdr:from>
    <xdr:to>
      <xdr:col>6</xdr:col>
      <xdr:colOff>38100</xdr:colOff>
      <xdr:row>107</xdr:row>
      <xdr:rowOff>31750</xdr:rowOff>
    </xdr:to>
    <xdr:sp macro="" textlink="">
      <xdr:nvSpPr>
        <xdr:cNvPr id="404" name="フローチャート: 判断 403">
          <a:extLst>
            <a:ext uri="{FF2B5EF4-FFF2-40B4-BE49-F238E27FC236}">
              <a16:creationId xmlns:a16="http://schemas.microsoft.com/office/drawing/2014/main" id="{56BACDDF-FFDE-4FA3-936A-983A3FF6B847}"/>
            </a:ext>
          </a:extLst>
        </xdr:cNvPr>
        <xdr:cNvSpPr/>
      </xdr:nvSpPr>
      <xdr:spPr>
        <a:xfrm>
          <a:off x="981075" y="17268825"/>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5" name="テキスト ボックス 404">
          <a:extLst>
            <a:ext uri="{FF2B5EF4-FFF2-40B4-BE49-F238E27FC236}">
              <a16:creationId xmlns:a16="http://schemas.microsoft.com/office/drawing/2014/main" id="{3EB6ACC4-D9BC-4633-BD27-628D7B00F342}"/>
            </a:ext>
          </a:extLst>
        </xdr:cNvPr>
        <xdr:cNvSpPr txBox="1"/>
      </xdr:nvSpPr>
      <xdr:spPr>
        <a:xfrm>
          <a:off x="40100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6" name="テキスト ボックス 405">
          <a:extLst>
            <a:ext uri="{FF2B5EF4-FFF2-40B4-BE49-F238E27FC236}">
              <a16:creationId xmlns:a16="http://schemas.microsoft.com/office/drawing/2014/main" id="{7BA68298-CB61-44F6-A579-6D62E4111393}"/>
            </a:ext>
          </a:extLst>
        </xdr:cNvPr>
        <xdr:cNvSpPr txBox="1"/>
      </xdr:nvSpPr>
      <xdr:spPr>
        <a:xfrm>
          <a:off x="32575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7" name="テキスト ボックス 406">
          <a:extLst>
            <a:ext uri="{FF2B5EF4-FFF2-40B4-BE49-F238E27FC236}">
              <a16:creationId xmlns:a16="http://schemas.microsoft.com/office/drawing/2014/main" id="{5E095582-0DDC-465C-94A6-197A2FCE3DB2}"/>
            </a:ext>
          </a:extLst>
        </xdr:cNvPr>
        <xdr:cNvSpPr txBox="1"/>
      </xdr:nvSpPr>
      <xdr:spPr>
        <a:xfrm>
          <a:off x="24479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8" name="テキスト ボックス 407">
          <a:extLst>
            <a:ext uri="{FF2B5EF4-FFF2-40B4-BE49-F238E27FC236}">
              <a16:creationId xmlns:a16="http://schemas.microsoft.com/office/drawing/2014/main" id="{B8B74B5B-0A25-44C5-924E-D66391FAC1FA}"/>
            </a:ext>
          </a:extLst>
        </xdr:cNvPr>
        <xdr:cNvSpPr txBox="1"/>
      </xdr:nvSpPr>
      <xdr:spPr>
        <a:xfrm>
          <a:off x="16573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09" name="テキスト ボックス 408">
          <a:extLst>
            <a:ext uri="{FF2B5EF4-FFF2-40B4-BE49-F238E27FC236}">
              <a16:creationId xmlns:a16="http://schemas.microsoft.com/office/drawing/2014/main" id="{38FBBF73-7E33-4436-BE9B-0D86F1E8C1C1}"/>
            </a:ext>
          </a:extLst>
        </xdr:cNvPr>
        <xdr:cNvSpPr txBox="1"/>
      </xdr:nvSpPr>
      <xdr:spPr>
        <a:xfrm>
          <a:off x="8572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636</xdr:rowOff>
    </xdr:from>
    <xdr:to>
      <xdr:col>24</xdr:col>
      <xdr:colOff>114300</xdr:colOff>
      <xdr:row>106</xdr:row>
      <xdr:rowOff>102236</xdr:rowOff>
    </xdr:to>
    <xdr:sp macro="" textlink="">
      <xdr:nvSpPr>
        <xdr:cNvPr id="410" name="楕円 409">
          <a:extLst>
            <a:ext uri="{FF2B5EF4-FFF2-40B4-BE49-F238E27FC236}">
              <a16:creationId xmlns:a16="http://schemas.microsoft.com/office/drawing/2014/main" id="{DF9F199A-A915-468B-A9BD-9105B184FE74}"/>
            </a:ext>
          </a:extLst>
        </xdr:cNvPr>
        <xdr:cNvSpPr/>
      </xdr:nvSpPr>
      <xdr:spPr>
        <a:xfrm>
          <a:off x="4124325" y="17164686"/>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23513</xdr:rowOff>
    </xdr:from>
    <xdr:ext cx="405111" cy="259045"/>
    <xdr:sp macro="" textlink="">
      <xdr:nvSpPr>
        <xdr:cNvPr id="411" name="【港湾・漁港】&#10;有形固定資産減価償却率該当値テキスト">
          <a:extLst>
            <a:ext uri="{FF2B5EF4-FFF2-40B4-BE49-F238E27FC236}">
              <a16:creationId xmlns:a16="http://schemas.microsoft.com/office/drawing/2014/main" id="{B8F898E9-6AC3-470B-8A0C-C9639CA84FE2}"/>
            </a:ext>
          </a:extLst>
        </xdr:cNvPr>
        <xdr:cNvSpPr txBox="1"/>
      </xdr:nvSpPr>
      <xdr:spPr>
        <a:xfrm>
          <a:off x="4219575" y="17028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37795</xdr:rowOff>
    </xdr:from>
    <xdr:to>
      <xdr:col>20</xdr:col>
      <xdr:colOff>38100</xdr:colOff>
      <xdr:row>106</xdr:row>
      <xdr:rowOff>67945</xdr:rowOff>
    </xdr:to>
    <xdr:sp macro="" textlink="">
      <xdr:nvSpPr>
        <xdr:cNvPr id="412" name="楕円 411">
          <a:extLst>
            <a:ext uri="{FF2B5EF4-FFF2-40B4-BE49-F238E27FC236}">
              <a16:creationId xmlns:a16="http://schemas.microsoft.com/office/drawing/2014/main" id="{9665130A-C318-4321-9A44-4F5B739349FA}"/>
            </a:ext>
          </a:extLst>
        </xdr:cNvPr>
        <xdr:cNvSpPr/>
      </xdr:nvSpPr>
      <xdr:spPr>
        <a:xfrm>
          <a:off x="3381375" y="17143095"/>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7145</xdr:rowOff>
    </xdr:from>
    <xdr:to>
      <xdr:col>24</xdr:col>
      <xdr:colOff>63500</xdr:colOff>
      <xdr:row>106</xdr:row>
      <xdr:rowOff>51436</xdr:rowOff>
    </xdr:to>
    <xdr:cxnSp macro="">
      <xdr:nvCxnSpPr>
        <xdr:cNvPr id="413" name="直線コネクタ 412">
          <a:extLst>
            <a:ext uri="{FF2B5EF4-FFF2-40B4-BE49-F238E27FC236}">
              <a16:creationId xmlns:a16="http://schemas.microsoft.com/office/drawing/2014/main" id="{01A8ED15-821A-4AFB-AEE2-0D6B53978564}"/>
            </a:ext>
          </a:extLst>
        </xdr:cNvPr>
        <xdr:cNvCxnSpPr/>
      </xdr:nvCxnSpPr>
      <xdr:spPr>
        <a:xfrm>
          <a:off x="3429000" y="17181195"/>
          <a:ext cx="752475" cy="31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37795</xdr:rowOff>
    </xdr:from>
    <xdr:to>
      <xdr:col>15</xdr:col>
      <xdr:colOff>101600</xdr:colOff>
      <xdr:row>106</xdr:row>
      <xdr:rowOff>67945</xdr:rowOff>
    </xdr:to>
    <xdr:sp macro="" textlink="">
      <xdr:nvSpPr>
        <xdr:cNvPr id="414" name="楕円 413">
          <a:extLst>
            <a:ext uri="{FF2B5EF4-FFF2-40B4-BE49-F238E27FC236}">
              <a16:creationId xmlns:a16="http://schemas.microsoft.com/office/drawing/2014/main" id="{DCAE5F42-6D9C-4DDE-8D2A-9D2F038D29F7}"/>
            </a:ext>
          </a:extLst>
        </xdr:cNvPr>
        <xdr:cNvSpPr/>
      </xdr:nvSpPr>
      <xdr:spPr>
        <a:xfrm>
          <a:off x="2571750" y="17143095"/>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17145</xdr:rowOff>
    </xdr:from>
    <xdr:to>
      <xdr:col>19</xdr:col>
      <xdr:colOff>177800</xdr:colOff>
      <xdr:row>106</xdr:row>
      <xdr:rowOff>17145</xdr:rowOff>
    </xdr:to>
    <xdr:cxnSp macro="">
      <xdr:nvCxnSpPr>
        <xdr:cNvPr id="415" name="直線コネクタ 414">
          <a:extLst>
            <a:ext uri="{FF2B5EF4-FFF2-40B4-BE49-F238E27FC236}">
              <a16:creationId xmlns:a16="http://schemas.microsoft.com/office/drawing/2014/main" id="{E6E6C13B-FC9D-4F0A-8EE9-E6121866478E}"/>
            </a:ext>
          </a:extLst>
        </xdr:cNvPr>
        <xdr:cNvCxnSpPr/>
      </xdr:nvCxnSpPr>
      <xdr:spPr>
        <a:xfrm>
          <a:off x="2619375" y="17181195"/>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01600</xdr:rowOff>
    </xdr:from>
    <xdr:to>
      <xdr:col>10</xdr:col>
      <xdr:colOff>165100</xdr:colOff>
      <xdr:row>106</xdr:row>
      <xdr:rowOff>31750</xdr:rowOff>
    </xdr:to>
    <xdr:sp macro="" textlink="">
      <xdr:nvSpPr>
        <xdr:cNvPr id="416" name="楕円 415">
          <a:extLst>
            <a:ext uri="{FF2B5EF4-FFF2-40B4-BE49-F238E27FC236}">
              <a16:creationId xmlns:a16="http://schemas.microsoft.com/office/drawing/2014/main" id="{D8448828-AD65-441A-84A7-F3C8C7C4A99F}"/>
            </a:ext>
          </a:extLst>
        </xdr:cNvPr>
        <xdr:cNvSpPr/>
      </xdr:nvSpPr>
      <xdr:spPr>
        <a:xfrm>
          <a:off x="1781175" y="17106900"/>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52400</xdr:rowOff>
    </xdr:from>
    <xdr:to>
      <xdr:col>15</xdr:col>
      <xdr:colOff>50800</xdr:colOff>
      <xdr:row>106</xdr:row>
      <xdr:rowOff>17145</xdr:rowOff>
    </xdr:to>
    <xdr:cxnSp macro="">
      <xdr:nvCxnSpPr>
        <xdr:cNvPr id="417" name="直線コネクタ 416">
          <a:extLst>
            <a:ext uri="{FF2B5EF4-FFF2-40B4-BE49-F238E27FC236}">
              <a16:creationId xmlns:a16="http://schemas.microsoft.com/office/drawing/2014/main" id="{2AAF75F6-E2C0-4161-AEAA-92B0A8255DCE}"/>
            </a:ext>
          </a:extLst>
        </xdr:cNvPr>
        <xdr:cNvCxnSpPr/>
      </xdr:nvCxnSpPr>
      <xdr:spPr>
        <a:xfrm>
          <a:off x="1828800" y="17154525"/>
          <a:ext cx="790575"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69214</xdr:rowOff>
    </xdr:from>
    <xdr:to>
      <xdr:col>6</xdr:col>
      <xdr:colOff>38100</xdr:colOff>
      <xdr:row>105</xdr:row>
      <xdr:rowOff>170814</xdr:rowOff>
    </xdr:to>
    <xdr:sp macro="" textlink="">
      <xdr:nvSpPr>
        <xdr:cNvPr id="418" name="楕円 417">
          <a:extLst>
            <a:ext uri="{FF2B5EF4-FFF2-40B4-BE49-F238E27FC236}">
              <a16:creationId xmlns:a16="http://schemas.microsoft.com/office/drawing/2014/main" id="{7C544243-F309-4269-A32C-38709946D492}"/>
            </a:ext>
          </a:extLst>
        </xdr:cNvPr>
        <xdr:cNvSpPr/>
      </xdr:nvSpPr>
      <xdr:spPr>
        <a:xfrm>
          <a:off x="981075" y="17068164"/>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20014</xdr:rowOff>
    </xdr:from>
    <xdr:to>
      <xdr:col>10</xdr:col>
      <xdr:colOff>114300</xdr:colOff>
      <xdr:row>105</xdr:row>
      <xdr:rowOff>152400</xdr:rowOff>
    </xdr:to>
    <xdr:cxnSp macro="">
      <xdr:nvCxnSpPr>
        <xdr:cNvPr id="419" name="直線コネクタ 418">
          <a:extLst>
            <a:ext uri="{FF2B5EF4-FFF2-40B4-BE49-F238E27FC236}">
              <a16:creationId xmlns:a16="http://schemas.microsoft.com/office/drawing/2014/main" id="{92554036-E471-4360-B592-C49B720C59B8}"/>
            </a:ext>
          </a:extLst>
        </xdr:cNvPr>
        <xdr:cNvCxnSpPr/>
      </xdr:nvCxnSpPr>
      <xdr:spPr>
        <a:xfrm>
          <a:off x="1028700" y="17125314"/>
          <a:ext cx="800100" cy="29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7</xdr:row>
      <xdr:rowOff>100982</xdr:rowOff>
    </xdr:from>
    <xdr:ext cx="405111" cy="259045"/>
    <xdr:sp macro="" textlink="">
      <xdr:nvSpPr>
        <xdr:cNvPr id="420" name="n_1aveValue【港湾・漁港】&#10;有形固定資産減価償却率">
          <a:extLst>
            <a:ext uri="{FF2B5EF4-FFF2-40B4-BE49-F238E27FC236}">
              <a16:creationId xmlns:a16="http://schemas.microsoft.com/office/drawing/2014/main" id="{E4436F64-7E15-403D-AB26-1EE937F441B6}"/>
            </a:ext>
          </a:extLst>
        </xdr:cNvPr>
        <xdr:cNvSpPr txBox="1"/>
      </xdr:nvSpPr>
      <xdr:spPr>
        <a:xfrm>
          <a:off x="3239144" y="17430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83838</xdr:rowOff>
    </xdr:from>
    <xdr:ext cx="405111" cy="259045"/>
    <xdr:sp macro="" textlink="">
      <xdr:nvSpPr>
        <xdr:cNvPr id="421" name="n_2aveValue【港湾・漁港】&#10;有形固定資産減価償却率">
          <a:extLst>
            <a:ext uri="{FF2B5EF4-FFF2-40B4-BE49-F238E27FC236}">
              <a16:creationId xmlns:a16="http://schemas.microsoft.com/office/drawing/2014/main" id="{DCA51018-8943-476A-9339-CE9C9DDBB5AB}"/>
            </a:ext>
          </a:extLst>
        </xdr:cNvPr>
        <xdr:cNvSpPr txBox="1"/>
      </xdr:nvSpPr>
      <xdr:spPr>
        <a:xfrm>
          <a:off x="2439044" y="17412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45738</xdr:rowOff>
    </xdr:from>
    <xdr:ext cx="405111" cy="259045"/>
    <xdr:sp macro="" textlink="">
      <xdr:nvSpPr>
        <xdr:cNvPr id="422" name="n_3aveValue【港湾・漁港】&#10;有形固定資産減価償却率">
          <a:extLst>
            <a:ext uri="{FF2B5EF4-FFF2-40B4-BE49-F238E27FC236}">
              <a16:creationId xmlns:a16="http://schemas.microsoft.com/office/drawing/2014/main" id="{14784760-103F-4CCD-A577-F1591A6037A9}"/>
            </a:ext>
          </a:extLst>
        </xdr:cNvPr>
        <xdr:cNvSpPr txBox="1"/>
      </xdr:nvSpPr>
      <xdr:spPr>
        <a:xfrm>
          <a:off x="1648469" y="17374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22877</xdr:rowOff>
    </xdr:from>
    <xdr:ext cx="405111" cy="259045"/>
    <xdr:sp macro="" textlink="">
      <xdr:nvSpPr>
        <xdr:cNvPr id="423" name="n_4aveValue【港湾・漁港】&#10;有形固定資産減価償却率">
          <a:extLst>
            <a:ext uri="{FF2B5EF4-FFF2-40B4-BE49-F238E27FC236}">
              <a16:creationId xmlns:a16="http://schemas.microsoft.com/office/drawing/2014/main" id="{8AC7527E-7FB8-4F8F-9219-140DA30F031A}"/>
            </a:ext>
          </a:extLst>
        </xdr:cNvPr>
        <xdr:cNvSpPr txBox="1"/>
      </xdr:nvSpPr>
      <xdr:spPr>
        <a:xfrm>
          <a:off x="848369" y="17352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84472</xdr:rowOff>
    </xdr:from>
    <xdr:ext cx="405111" cy="259045"/>
    <xdr:sp macro="" textlink="">
      <xdr:nvSpPr>
        <xdr:cNvPr id="424" name="n_1mainValue【港湾・漁港】&#10;有形固定資産減価償却率">
          <a:extLst>
            <a:ext uri="{FF2B5EF4-FFF2-40B4-BE49-F238E27FC236}">
              <a16:creationId xmlns:a16="http://schemas.microsoft.com/office/drawing/2014/main" id="{9116AB2E-03B7-476D-BC9A-84472788B7EF}"/>
            </a:ext>
          </a:extLst>
        </xdr:cNvPr>
        <xdr:cNvSpPr txBox="1"/>
      </xdr:nvSpPr>
      <xdr:spPr>
        <a:xfrm>
          <a:off x="3239144" y="1692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84472</xdr:rowOff>
    </xdr:from>
    <xdr:ext cx="405111" cy="259045"/>
    <xdr:sp macro="" textlink="">
      <xdr:nvSpPr>
        <xdr:cNvPr id="425" name="n_2mainValue【港湾・漁港】&#10;有形固定資産減価償却率">
          <a:extLst>
            <a:ext uri="{FF2B5EF4-FFF2-40B4-BE49-F238E27FC236}">
              <a16:creationId xmlns:a16="http://schemas.microsoft.com/office/drawing/2014/main" id="{E664794B-EE85-4C40-A5FB-38C30F9D08C2}"/>
            </a:ext>
          </a:extLst>
        </xdr:cNvPr>
        <xdr:cNvSpPr txBox="1"/>
      </xdr:nvSpPr>
      <xdr:spPr>
        <a:xfrm>
          <a:off x="2439044" y="1692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48277</xdr:rowOff>
    </xdr:from>
    <xdr:ext cx="405111" cy="259045"/>
    <xdr:sp macro="" textlink="">
      <xdr:nvSpPr>
        <xdr:cNvPr id="426" name="n_3mainValue【港湾・漁港】&#10;有形固定資産減価償却率">
          <a:extLst>
            <a:ext uri="{FF2B5EF4-FFF2-40B4-BE49-F238E27FC236}">
              <a16:creationId xmlns:a16="http://schemas.microsoft.com/office/drawing/2014/main" id="{6CAC7CA0-6C1E-4BAC-9203-D6D6D290BD3A}"/>
            </a:ext>
          </a:extLst>
        </xdr:cNvPr>
        <xdr:cNvSpPr txBox="1"/>
      </xdr:nvSpPr>
      <xdr:spPr>
        <a:xfrm>
          <a:off x="1648469" y="16885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5891</xdr:rowOff>
    </xdr:from>
    <xdr:ext cx="405111" cy="259045"/>
    <xdr:sp macro="" textlink="">
      <xdr:nvSpPr>
        <xdr:cNvPr id="427" name="n_4mainValue【港湾・漁港】&#10;有形固定資産減価償却率">
          <a:extLst>
            <a:ext uri="{FF2B5EF4-FFF2-40B4-BE49-F238E27FC236}">
              <a16:creationId xmlns:a16="http://schemas.microsoft.com/office/drawing/2014/main" id="{2DDA179E-3528-4ADF-B836-8F72DCA29898}"/>
            </a:ext>
          </a:extLst>
        </xdr:cNvPr>
        <xdr:cNvSpPr txBox="1"/>
      </xdr:nvSpPr>
      <xdr:spPr>
        <a:xfrm>
          <a:off x="848369" y="16856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28" name="正方形/長方形 427">
          <a:extLst>
            <a:ext uri="{FF2B5EF4-FFF2-40B4-BE49-F238E27FC236}">
              <a16:creationId xmlns:a16="http://schemas.microsoft.com/office/drawing/2014/main" id="{68FEF981-1C2C-49CB-A8BE-29231FEC438C}"/>
            </a:ext>
          </a:extLst>
        </xdr:cNvPr>
        <xdr:cNvSpPr/>
      </xdr:nvSpPr>
      <xdr:spPr>
        <a:xfrm>
          <a:off x="5953125" y="14754225"/>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29" name="正方形/長方形 428">
          <a:extLst>
            <a:ext uri="{FF2B5EF4-FFF2-40B4-BE49-F238E27FC236}">
              <a16:creationId xmlns:a16="http://schemas.microsoft.com/office/drawing/2014/main" id="{DA932ABE-6B53-4195-9796-1A1B04C60757}"/>
            </a:ext>
          </a:extLst>
        </xdr:cNvPr>
        <xdr:cNvSpPr/>
      </xdr:nvSpPr>
      <xdr:spPr>
        <a:xfrm>
          <a:off x="60674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0" name="正方形/長方形 429">
          <a:extLst>
            <a:ext uri="{FF2B5EF4-FFF2-40B4-BE49-F238E27FC236}">
              <a16:creationId xmlns:a16="http://schemas.microsoft.com/office/drawing/2014/main" id="{1DB24D11-A550-428A-BF58-E9CCF7A44E4A}"/>
            </a:ext>
          </a:extLst>
        </xdr:cNvPr>
        <xdr:cNvSpPr/>
      </xdr:nvSpPr>
      <xdr:spPr>
        <a:xfrm>
          <a:off x="60674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1" name="正方形/長方形 430">
          <a:extLst>
            <a:ext uri="{FF2B5EF4-FFF2-40B4-BE49-F238E27FC236}">
              <a16:creationId xmlns:a16="http://schemas.microsoft.com/office/drawing/2014/main" id="{C25E2B6E-E221-4860-97CE-1549DF2B7AEA}"/>
            </a:ext>
          </a:extLst>
        </xdr:cNvPr>
        <xdr:cNvSpPr/>
      </xdr:nvSpPr>
      <xdr:spPr>
        <a:xfrm>
          <a:off x="69818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2" name="正方形/長方形 431">
          <a:extLst>
            <a:ext uri="{FF2B5EF4-FFF2-40B4-BE49-F238E27FC236}">
              <a16:creationId xmlns:a16="http://schemas.microsoft.com/office/drawing/2014/main" id="{BA7E5926-A90A-4BE4-8A43-A434D6EB7EAE}"/>
            </a:ext>
          </a:extLst>
        </xdr:cNvPr>
        <xdr:cNvSpPr/>
      </xdr:nvSpPr>
      <xdr:spPr>
        <a:xfrm>
          <a:off x="69818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3" name="正方形/長方形 432">
          <a:extLst>
            <a:ext uri="{FF2B5EF4-FFF2-40B4-BE49-F238E27FC236}">
              <a16:creationId xmlns:a16="http://schemas.microsoft.com/office/drawing/2014/main" id="{63F3D355-9257-4843-80FA-4341F54FE13F}"/>
            </a:ext>
          </a:extLst>
        </xdr:cNvPr>
        <xdr:cNvSpPr/>
      </xdr:nvSpPr>
      <xdr:spPr>
        <a:xfrm>
          <a:off x="80105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4" name="正方形/長方形 433">
          <a:extLst>
            <a:ext uri="{FF2B5EF4-FFF2-40B4-BE49-F238E27FC236}">
              <a16:creationId xmlns:a16="http://schemas.microsoft.com/office/drawing/2014/main" id="{B03037A1-91D0-4313-A4A7-E603A6C8C813}"/>
            </a:ext>
          </a:extLst>
        </xdr:cNvPr>
        <xdr:cNvSpPr/>
      </xdr:nvSpPr>
      <xdr:spPr>
        <a:xfrm>
          <a:off x="80105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5" name="正方形/長方形 434">
          <a:extLst>
            <a:ext uri="{FF2B5EF4-FFF2-40B4-BE49-F238E27FC236}">
              <a16:creationId xmlns:a16="http://schemas.microsoft.com/office/drawing/2014/main" id="{B45174E5-FE63-41AC-A164-7A7D86EFD0D3}"/>
            </a:ext>
          </a:extLst>
        </xdr:cNvPr>
        <xdr:cNvSpPr/>
      </xdr:nvSpPr>
      <xdr:spPr>
        <a:xfrm>
          <a:off x="5953125" y="15840075"/>
          <a:ext cx="424815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6" name="テキスト ボックス 435">
          <a:extLst>
            <a:ext uri="{FF2B5EF4-FFF2-40B4-BE49-F238E27FC236}">
              <a16:creationId xmlns:a16="http://schemas.microsoft.com/office/drawing/2014/main" id="{AC0A4DEC-8964-4B2F-AFE3-1042936EC2F3}"/>
            </a:ext>
          </a:extLst>
        </xdr:cNvPr>
        <xdr:cNvSpPr txBox="1"/>
      </xdr:nvSpPr>
      <xdr:spPr>
        <a:xfrm>
          <a:off x="5915025" y="156591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7" name="直線コネクタ 436">
          <a:extLst>
            <a:ext uri="{FF2B5EF4-FFF2-40B4-BE49-F238E27FC236}">
              <a16:creationId xmlns:a16="http://schemas.microsoft.com/office/drawing/2014/main" id="{104055FD-23A3-43CD-AB5E-DCFB4E063AEF}"/>
            </a:ext>
          </a:extLst>
        </xdr:cNvPr>
        <xdr:cNvCxnSpPr/>
      </xdr:nvCxnSpPr>
      <xdr:spPr>
        <a:xfrm>
          <a:off x="5953125" y="179927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38" name="直線コネクタ 437">
          <a:extLst>
            <a:ext uri="{FF2B5EF4-FFF2-40B4-BE49-F238E27FC236}">
              <a16:creationId xmlns:a16="http://schemas.microsoft.com/office/drawing/2014/main" id="{DB0EC6A8-7EFB-4926-8F9C-BD8BE53647EA}"/>
            </a:ext>
          </a:extLst>
        </xdr:cNvPr>
        <xdr:cNvCxnSpPr/>
      </xdr:nvCxnSpPr>
      <xdr:spPr>
        <a:xfrm>
          <a:off x="5953125" y="1756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39" name="テキスト ボックス 438">
          <a:extLst>
            <a:ext uri="{FF2B5EF4-FFF2-40B4-BE49-F238E27FC236}">
              <a16:creationId xmlns:a16="http://schemas.microsoft.com/office/drawing/2014/main" id="{A60C6CD2-7243-40B4-9989-4E9394F9EB97}"/>
            </a:ext>
          </a:extLst>
        </xdr:cNvPr>
        <xdr:cNvSpPr txBox="1"/>
      </xdr:nvSpPr>
      <xdr:spPr>
        <a:xfrm>
          <a:off x="5723389" y="174282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0" name="直線コネクタ 439">
          <a:extLst>
            <a:ext uri="{FF2B5EF4-FFF2-40B4-BE49-F238E27FC236}">
              <a16:creationId xmlns:a16="http://schemas.microsoft.com/office/drawing/2014/main" id="{0FF82E89-0A78-4074-AFEF-93096730963D}"/>
            </a:ext>
          </a:extLst>
        </xdr:cNvPr>
        <xdr:cNvCxnSpPr/>
      </xdr:nvCxnSpPr>
      <xdr:spPr>
        <a:xfrm>
          <a:off x="5953125" y="171354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4</xdr:row>
      <xdr:rowOff>162577</xdr:rowOff>
    </xdr:from>
    <xdr:ext cx="531299" cy="259045"/>
    <xdr:sp macro="" textlink="">
      <xdr:nvSpPr>
        <xdr:cNvPr id="441" name="テキスト ボックス 440">
          <a:extLst>
            <a:ext uri="{FF2B5EF4-FFF2-40B4-BE49-F238E27FC236}">
              <a16:creationId xmlns:a16="http://schemas.microsoft.com/office/drawing/2014/main" id="{260094C0-A426-4BB4-8FC0-06CEFC399E14}"/>
            </a:ext>
          </a:extLst>
        </xdr:cNvPr>
        <xdr:cNvSpPr txBox="1"/>
      </xdr:nvSpPr>
      <xdr:spPr>
        <a:xfrm>
          <a:off x="5478976" y="1699960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2" name="直線コネクタ 441">
          <a:extLst>
            <a:ext uri="{FF2B5EF4-FFF2-40B4-BE49-F238E27FC236}">
              <a16:creationId xmlns:a16="http://schemas.microsoft.com/office/drawing/2014/main" id="{9B531E89-03AA-48AA-831B-95B990653F5F}"/>
            </a:ext>
          </a:extLst>
        </xdr:cNvPr>
        <xdr:cNvCxnSpPr/>
      </xdr:nvCxnSpPr>
      <xdr:spPr>
        <a:xfrm>
          <a:off x="5953125" y="166973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43" name="テキスト ボックス 442">
          <a:extLst>
            <a:ext uri="{FF2B5EF4-FFF2-40B4-BE49-F238E27FC236}">
              <a16:creationId xmlns:a16="http://schemas.microsoft.com/office/drawing/2014/main" id="{CDEE549E-288A-4DE0-92AA-12C1104840B7}"/>
            </a:ext>
          </a:extLst>
        </xdr:cNvPr>
        <xdr:cNvSpPr txBox="1"/>
      </xdr:nvSpPr>
      <xdr:spPr>
        <a:xfrm>
          <a:off x="5421206" y="165614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44" name="直線コネクタ 443">
          <a:extLst>
            <a:ext uri="{FF2B5EF4-FFF2-40B4-BE49-F238E27FC236}">
              <a16:creationId xmlns:a16="http://schemas.microsoft.com/office/drawing/2014/main" id="{E808857F-9699-4547-85B6-840431DDB0D2}"/>
            </a:ext>
          </a:extLst>
        </xdr:cNvPr>
        <xdr:cNvCxnSpPr/>
      </xdr:nvCxnSpPr>
      <xdr:spPr>
        <a:xfrm>
          <a:off x="5953125" y="162687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45" name="テキスト ボックス 444">
          <a:extLst>
            <a:ext uri="{FF2B5EF4-FFF2-40B4-BE49-F238E27FC236}">
              <a16:creationId xmlns:a16="http://schemas.microsoft.com/office/drawing/2014/main" id="{E331017F-51D6-4215-9EBD-412B7B3B5D34}"/>
            </a:ext>
          </a:extLst>
        </xdr:cNvPr>
        <xdr:cNvSpPr txBox="1"/>
      </xdr:nvSpPr>
      <xdr:spPr>
        <a:xfrm>
          <a:off x="5421206" y="161328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6" name="直線コネクタ 445">
          <a:extLst>
            <a:ext uri="{FF2B5EF4-FFF2-40B4-BE49-F238E27FC236}">
              <a16:creationId xmlns:a16="http://schemas.microsoft.com/office/drawing/2014/main" id="{61DC559F-375A-4DC1-A616-626D8CB78897}"/>
            </a:ext>
          </a:extLst>
        </xdr:cNvPr>
        <xdr:cNvCxnSpPr/>
      </xdr:nvCxnSpPr>
      <xdr:spPr>
        <a:xfrm>
          <a:off x="5953125" y="158400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47" name="テキスト ボックス 446">
          <a:extLst>
            <a:ext uri="{FF2B5EF4-FFF2-40B4-BE49-F238E27FC236}">
              <a16:creationId xmlns:a16="http://schemas.microsoft.com/office/drawing/2014/main" id="{48E93739-0183-4682-A2C0-53547507F7F2}"/>
            </a:ext>
          </a:extLst>
        </xdr:cNvPr>
        <xdr:cNvSpPr txBox="1"/>
      </xdr:nvSpPr>
      <xdr:spPr>
        <a:xfrm>
          <a:off x="5421206" y="1570420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48" name="【港湾・漁港】&#10;一人当たり有形固定資産（償却資産）額グラフ枠">
          <a:extLst>
            <a:ext uri="{FF2B5EF4-FFF2-40B4-BE49-F238E27FC236}">
              <a16:creationId xmlns:a16="http://schemas.microsoft.com/office/drawing/2014/main" id="{826992CC-3851-4F48-963A-71B0A5B5DFC7}"/>
            </a:ext>
          </a:extLst>
        </xdr:cNvPr>
        <xdr:cNvSpPr/>
      </xdr:nvSpPr>
      <xdr:spPr>
        <a:xfrm>
          <a:off x="5953125" y="15840075"/>
          <a:ext cx="424815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46920</xdr:rowOff>
    </xdr:from>
    <xdr:to>
      <xdr:col>54</xdr:col>
      <xdr:colOff>189865</xdr:colOff>
      <xdr:row>108</xdr:row>
      <xdr:rowOff>74096</xdr:rowOff>
    </xdr:to>
    <xdr:cxnSp macro="">
      <xdr:nvCxnSpPr>
        <xdr:cNvPr id="449" name="直線コネクタ 448">
          <a:extLst>
            <a:ext uri="{FF2B5EF4-FFF2-40B4-BE49-F238E27FC236}">
              <a16:creationId xmlns:a16="http://schemas.microsoft.com/office/drawing/2014/main" id="{6BF03DAD-8197-4EDE-B2B7-05D05248FACF}"/>
            </a:ext>
          </a:extLst>
        </xdr:cNvPr>
        <xdr:cNvCxnSpPr/>
      </xdr:nvCxnSpPr>
      <xdr:spPr>
        <a:xfrm flipV="1">
          <a:off x="9429115" y="16174320"/>
          <a:ext cx="0" cy="13876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7923</xdr:rowOff>
    </xdr:from>
    <xdr:ext cx="378565" cy="259045"/>
    <xdr:sp macro="" textlink="">
      <xdr:nvSpPr>
        <xdr:cNvPr id="450" name="【港湾・漁港】&#10;一人当たり有形固定資産（償却資産）額最小値テキスト">
          <a:extLst>
            <a:ext uri="{FF2B5EF4-FFF2-40B4-BE49-F238E27FC236}">
              <a16:creationId xmlns:a16="http://schemas.microsoft.com/office/drawing/2014/main" id="{50FF520F-6E2F-4967-9203-C237713A6B26}"/>
            </a:ext>
          </a:extLst>
        </xdr:cNvPr>
        <xdr:cNvSpPr txBox="1"/>
      </xdr:nvSpPr>
      <xdr:spPr>
        <a:xfrm>
          <a:off x="9467850" y="175658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096</xdr:rowOff>
    </xdr:from>
    <xdr:to>
      <xdr:col>55</xdr:col>
      <xdr:colOff>88900</xdr:colOff>
      <xdr:row>108</xdr:row>
      <xdr:rowOff>74096</xdr:rowOff>
    </xdr:to>
    <xdr:cxnSp macro="">
      <xdr:nvCxnSpPr>
        <xdr:cNvPr id="451" name="直線コネクタ 450">
          <a:extLst>
            <a:ext uri="{FF2B5EF4-FFF2-40B4-BE49-F238E27FC236}">
              <a16:creationId xmlns:a16="http://schemas.microsoft.com/office/drawing/2014/main" id="{F3A2E7B1-D068-4C75-BE4A-9686A873FAD1}"/>
            </a:ext>
          </a:extLst>
        </xdr:cNvPr>
        <xdr:cNvCxnSpPr/>
      </xdr:nvCxnSpPr>
      <xdr:spPr>
        <a:xfrm>
          <a:off x="9363075" y="17561996"/>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93597</xdr:rowOff>
    </xdr:from>
    <xdr:ext cx="599010" cy="259045"/>
    <xdr:sp macro="" textlink="">
      <xdr:nvSpPr>
        <xdr:cNvPr id="452" name="【港湾・漁港】&#10;一人当たり有形固定資産（償却資産）額最大値テキスト">
          <a:extLst>
            <a:ext uri="{FF2B5EF4-FFF2-40B4-BE49-F238E27FC236}">
              <a16:creationId xmlns:a16="http://schemas.microsoft.com/office/drawing/2014/main" id="{E4257117-A92F-464B-AD84-9223B786F371}"/>
            </a:ext>
          </a:extLst>
        </xdr:cNvPr>
        <xdr:cNvSpPr txBox="1"/>
      </xdr:nvSpPr>
      <xdr:spPr>
        <a:xfrm>
          <a:off x="9467850" y="159622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6920</xdr:rowOff>
    </xdr:from>
    <xdr:to>
      <xdr:col>55</xdr:col>
      <xdr:colOff>88900</xdr:colOff>
      <xdr:row>99</xdr:row>
      <xdr:rowOff>146920</xdr:rowOff>
    </xdr:to>
    <xdr:cxnSp macro="">
      <xdr:nvCxnSpPr>
        <xdr:cNvPr id="453" name="直線コネクタ 452">
          <a:extLst>
            <a:ext uri="{FF2B5EF4-FFF2-40B4-BE49-F238E27FC236}">
              <a16:creationId xmlns:a16="http://schemas.microsoft.com/office/drawing/2014/main" id="{B799B92A-01F8-4E7F-8EC8-2A4C5F3F2AF6}"/>
            </a:ext>
          </a:extLst>
        </xdr:cNvPr>
        <xdr:cNvCxnSpPr/>
      </xdr:nvCxnSpPr>
      <xdr:spPr>
        <a:xfrm>
          <a:off x="9363075" y="1617432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38154</xdr:rowOff>
    </xdr:from>
    <xdr:ext cx="534377" cy="259045"/>
    <xdr:sp macro="" textlink="">
      <xdr:nvSpPr>
        <xdr:cNvPr id="454" name="【港湾・漁港】&#10;一人当たり有形固定資産（償却資産）額平均値テキスト">
          <a:extLst>
            <a:ext uri="{FF2B5EF4-FFF2-40B4-BE49-F238E27FC236}">
              <a16:creationId xmlns:a16="http://schemas.microsoft.com/office/drawing/2014/main" id="{2373487A-A187-4EA6-999D-62874CB715CF}"/>
            </a:ext>
          </a:extLst>
        </xdr:cNvPr>
        <xdr:cNvSpPr txBox="1"/>
      </xdr:nvSpPr>
      <xdr:spPr>
        <a:xfrm>
          <a:off x="9467850" y="168783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59727</xdr:rowOff>
    </xdr:from>
    <xdr:to>
      <xdr:col>55</xdr:col>
      <xdr:colOff>50800</xdr:colOff>
      <xdr:row>104</xdr:row>
      <xdr:rowOff>161327</xdr:rowOff>
    </xdr:to>
    <xdr:sp macro="" textlink="">
      <xdr:nvSpPr>
        <xdr:cNvPr id="455" name="フローチャート: 判断 454">
          <a:extLst>
            <a:ext uri="{FF2B5EF4-FFF2-40B4-BE49-F238E27FC236}">
              <a16:creationId xmlns:a16="http://schemas.microsoft.com/office/drawing/2014/main" id="{AB9F8D9A-D91B-4963-BA16-969D061ABD55}"/>
            </a:ext>
          </a:extLst>
        </xdr:cNvPr>
        <xdr:cNvSpPr/>
      </xdr:nvSpPr>
      <xdr:spPr>
        <a:xfrm>
          <a:off x="9401175" y="16899927"/>
          <a:ext cx="762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61547</xdr:rowOff>
    </xdr:from>
    <xdr:to>
      <xdr:col>50</xdr:col>
      <xdr:colOff>165100</xdr:colOff>
      <xdr:row>104</xdr:row>
      <xdr:rowOff>163147</xdr:rowOff>
    </xdr:to>
    <xdr:sp macro="" textlink="">
      <xdr:nvSpPr>
        <xdr:cNvPr id="456" name="フローチャート: 判断 455">
          <a:extLst>
            <a:ext uri="{FF2B5EF4-FFF2-40B4-BE49-F238E27FC236}">
              <a16:creationId xmlns:a16="http://schemas.microsoft.com/office/drawing/2014/main" id="{3FA1E6BD-AA88-43E4-8A78-EBCF028464DC}"/>
            </a:ext>
          </a:extLst>
        </xdr:cNvPr>
        <xdr:cNvSpPr/>
      </xdr:nvSpPr>
      <xdr:spPr>
        <a:xfrm>
          <a:off x="8639175" y="16904922"/>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59572</xdr:rowOff>
    </xdr:from>
    <xdr:to>
      <xdr:col>46</xdr:col>
      <xdr:colOff>38100</xdr:colOff>
      <xdr:row>104</xdr:row>
      <xdr:rowOff>161172</xdr:rowOff>
    </xdr:to>
    <xdr:sp macro="" textlink="">
      <xdr:nvSpPr>
        <xdr:cNvPr id="457" name="フローチャート: 判断 456">
          <a:extLst>
            <a:ext uri="{FF2B5EF4-FFF2-40B4-BE49-F238E27FC236}">
              <a16:creationId xmlns:a16="http://schemas.microsoft.com/office/drawing/2014/main" id="{AAE36506-39F0-4629-B8B6-85E33E3D75BB}"/>
            </a:ext>
          </a:extLst>
        </xdr:cNvPr>
        <xdr:cNvSpPr/>
      </xdr:nvSpPr>
      <xdr:spPr>
        <a:xfrm>
          <a:off x="7839075" y="16899772"/>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69273</xdr:rowOff>
    </xdr:from>
    <xdr:to>
      <xdr:col>41</xdr:col>
      <xdr:colOff>101600</xdr:colOff>
      <xdr:row>104</xdr:row>
      <xdr:rowOff>170873</xdr:rowOff>
    </xdr:to>
    <xdr:sp macro="" textlink="">
      <xdr:nvSpPr>
        <xdr:cNvPr id="458" name="フローチャート: 判断 457">
          <a:extLst>
            <a:ext uri="{FF2B5EF4-FFF2-40B4-BE49-F238E27FC236}">
              <a16:creationId xmlns:a16="http://schemas.microsoft.com/office/drawing/2014/main" id="{9C4393AA-1341-4CD9-88B9-7C7E46684AE5}"/>
            </a:ext>
          </a:extLst>
        </xdr:cNvPr>
        <xdr:cNvSpPr/>
      </xdr:nvSpPr>
      <xdr:spPr>
        <a:xfrm>
          <a:off x="7029450" y="16906298"/>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4</xdr:row>
      <xdr:rowOff>72930</xdr:rowOff>
    </xdr:from>
    <xdr:to>
      <xdr:col>36</xdr:col>
      <xdr:colOff>165100</xdr:colOff>
      <xdr:row>105</xdr:row>
      <xdr:rowOff>3080</xdr:rowOff>
    </xdr:to>
    <xdr:sp macro="" textlink="">
      <xdr:nvSpPr>
        <xdr:cNvPr id="459" name="フローチャート: 判断 458">
          <a:extLst>
            <a:ext uri="{FF2B5EF4-FFF2-40B4-BE49-F238E27FC236}">
              <a16:creationId xmlns:a16="http://schemas.microsoft.com/office/drawing/2014/main" id="{030422D4-101B-4220-812E-56936AB72CB9}"/>
            </a:ext>
          </a:extLst>
        </xdr:cNvPr>
        <xdr:cNvSpPr/>
      </xdr:nvSpPr>
      <xdr:spPr>
        <a:xfrm>
          <a:off x="6238875" y="1690995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0" name="テキスト ボックス 459">
          <a:extLst>
            <a:ext uri="{FF2B5EF4-FFF2-40B4-BE49-F238E27FC236}">
              <a16:creationId xmlns:a16="http://schemas.microsoft.com/office/drawing/2014/main" id="{E5E3B76B-EF7E-440F-8152-79B52CA61FD8}"/>
            </a:ext>
          </a:extLst>
        </xdr:cNvPr>
        <xdr:cNvSpPr txBox="1"/>
      </xdr:nvSpPr>
      <xdr:spPr>
        <a:xfrm>
          <a:off x="925830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1" name="テキスト ボックス 460">
          <a:extLst>
            <a:ext uri="{FF2B5EF4-FFF2-40B4-BE49-F238E27FC236}">
              <a16:creationId xmlns:a16="http://schemas.microsoft.com/office/drawing/2014/main" id="{4BAF8897-3784-4915-A751-1C0D8E712596}"/>
            </a:ext>
          </a:extLst>
        </xdr:cNvPr>
        <xdr:cNvSpPr txBox="1"/>
      </xdr:nvSpPr>
      <xdr:spPr>
        <a:xfrm>
          <a:off x="85153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2" name="テキスト ボックス 461">
          <a:extLst>
            <a:ext uri="{FF2B5EF4-FFF2-40B4-BE49-F238E27FC236}">
              <a16:creationId xmlns:a16="http://schemas.microsoft.com/office/drawing/2014/main" id="{A47BEB9B-EDB0-4BC3-BD71-1B6E7A0D1330}"/>
            </a:ext>
          </a:extLst>
        </xdr:cNvPr>
        <xdr:cNvSpPr txBox="1"/>
      </xdr:nvSpPr>
      <xdr:spPr>
        <a:xfrm>
          <a:off x="77152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3" name="テキスト ボックス 462">
          <a:extLst>
            <a:ext uri="{FF2B5EF4-FFF2-40B4-BE49-F238E27FC236}">
              <a16:creationId xmlns:a16="http://schemas.microsoft.com/office/drawing/2014/main" id="{B1172847-D2AE-44BB-BF58-4AAF528D6221}"/>
            </a:ext>
          </a:extLst>
        </xdr:cNvPr>
        <xdr:cNvSpPr txBox="1"/>
      </xdr:nvSpPr>
      <xdr:spPr>
        <a:xfrm>
          <a:off x="69056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4" name="テキスト ボックス 463">
          <a:extLst>
            <a:ext uri="{FF2B5EF4-FFF2-40B4-BE49-F238E27FC236}">
              <a16:creationId xmlns:a16="http://schemas.microsoft.com/office/drawing/2014/main" id="{A1AC6FF8-966C-4B29-A056-BE07612415E3}"/>
            </a:ext>
          </a:extLst>
        </xdr:cNvPr>
        <xdr:cNvSpPr txBox="1"/>
      </xdr:nvSpPr>
      <xdr:spPr>
        <a:xfrm>
          <a:off x="61150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3</xdr:row>
      <xdr:rowOff>59288</xdr:rowOff>
    </xdr:from>
    <xdr:to>
      <xdr:col>55</xdr:col>
      <xdr:colOff>50800</xdr:colOff>
      <xdr:row>103</xdr:row>
      <xdr:rowOff>160888</xdr:rowOff>
    </xdr:to>
    <xdr:sp macro="" textlink="">
      <xdr:nvSpPr>
        <xdr:cNvPr id="465" name="楕円 464">
          <a:extLst>
            <a:ext uri="{FF2B5EF4-FFF2-40B4-BE49-F238E27FC236}">
              <a16:creationId xmlns:a16="http://schemas.microsoft.com/office/drawing/2014/main" id="{9C18C903-0FB5-4E83-91A7-43EDF0C87824}"/>
            </a:ext>
          </a:extLst>
        </xdr:cNvPr>
        <xdr:cNvSpPr/>
      </xdr:nvSpPr>
      <xdr:spPr>
        <a:xfrm>
          <a:off x="9401175" y="16737563"/>
          <a:ext cx="762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2</xdr:row>
      <xdr:rowOff>82165</xdr:rowOff>
    </xdr:from>
    <xdr:ext cx="534377" cy="259045"/>
    <xdr:sp macro="" textlink="">
      <xdr:nvSpPr>
        <xdr:cNvPr id="466" name="【港湾・漁港】&#10;一人当たり有形固定資産（償却資産）額該当値テキスト">
          <a:extLst>
            <a:ext uri="{FF2B5EF4-FFF2-40B4-BE49-F238E27FC236}">
              <a16:creationId xmlns:a16="http://schemas.microsoft.com/office/drawing/2014/main" id="{B8B8EBEE-7DE8-4C1D-9C0E-30EABB6E57C6}"/>
            </a:ext>
          </a:extLst>
        </xdr:cNvPr>
        <xdr:cNvSpPr txBox="1"/>
      </xdr:nvSpPr>
      <xdr:spPr>
        <a:xfrm>
          <a:off x="9467850" y="16601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3</xdr:row>
      <xdr:rowOff>63046</xdr:rowOff>
    </xdr:from>
    <xdr:to>
      <xdr:col>50</xdr:col>
      <xdr:colOff>165100</xdr:colOff>
      <xdr:row>103</xdr:row>
      <xdr:rowOff>164646</xdr:rowOff>
    </xdr:to>
    <xdr:sp macro="" textlink="">
      <xdr:nvSpPr>
        <xdr:cNvPr id="467" name="楕円 466">
          <a:extLst>
            <a:ext uri="{FF2B5EF4-FFF2-40B4-BE49-F238E27FC236}">
              <a16:creationId xmlns:a16="http://schemas.microsoft.com/office/drawing/2014/main" id="{14D38F9B-162D-490F-87C6-3EE6961B9616}"/>
            </a:ext>
          </a:extLst>
        </xdr:cNvPr>
        <xdr:cNvSpPr/>
      </xdr:nvSpPr>
      <xdr:spPr>
        <a:xfrm>
          <a:off x="8639175" y="16744496"/>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3</xdr:row>
      <xdr:rowOff>110088</xdr:rowOff>
    </xdr:from>
    <xdr:to>
      <xdr:col>55</xdr:col>
      <xdr:colOff>0</xdr:colOff>
      <xdr:row>103</xdr:row>
      <xdr:rowOff>113846</xdr:rowOff>
    </xdr:to>
    <xdr:cxnSp macro="">
      <xdr:nvCxnSpPr>
        <xdr:cNvPr id="468" name="直線コネクタ 467">
          <a:extLst>
            <a:ext uri="{FF2B5EF4-FFF2-40B4-BE49-F238E27FC236}">
              <a16:creationId xmlns:a16="http://schemas.microsoft.com/office/drawing/2014/main" id="{CB17B0AA-C73F-4BCF-956F-48D373087EB0}"/>
            </a:ext>
          </a:extLst>
        </xdr:cNvPr>
        <xdr:cNvCxnSpPr/>
      </xdr:nvCxnSpPr>
      <xdr:spPr>
        <a:xfrm flipV="1">
          <a:off x="8686800" y="16785188"/>
          <a:ext cx="742950" cy="6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3</xdr:row>
      <xdr:rowOff>88329</xdr:rowOff>
    </xdr:from>
    <xdr:to>
      <xdr:col>46</xdr:col>
      <xdr:colOff>38100</xdr:colOff>
      <xdr:row>104</xdr:row>
      <xdr:rowOff>18479</xdr:rowOff>
    </xdr:to>
    <xdr:sp macro="" textlink="">
      <xdr:nvSpPr>
        <xdr:cNvPr id="469" name="楕円 468">
          <a:extLst>
            <a:ext uri="{FF2B5EF4-FFF2-40B4-BE49-F238E27FC236}">
              <a16:creationId xmlns:a16="http://schemas.microsoft.com/office/drawing/2014/main" id="{135DCC57-29CD-4571-B54C-A36633C97523}"/>
            </a:ext>
          </a:extLst>
        </xdr:cNvPr>
        <xdr:cNvSpPr/>
      </xdr:nvSpPr>
      <xdr:spPr>
        <a:xfrm>
          <a:off x="7839075" y="1676342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3</xdr:row>
      <xdr:rowOff>113846</xdr:rowOff>
    </xdr:from>
    <xdr:to>
      <xdr:col>50</xdr:col>
      <xdr:colOff>114300</xdr:colOff>
      <xdr:row>103</xdr:row>
      <xdr:rowOff>139129</xdr:rowOff>
    </xdr:to>
    <xdr:cxnSp macro="">
      <xdr:nvCxnSpPr>
        <xdr:cNvPr id="470" name="直線コネクタ 469">
          <a:extLst>
            <a:ext uri="{FF2B5EF4-FFF2-40B4-BE49-F238E27FC236}">
              <a16:creationId xmlns:a16="http://schemas.microsoft.com/office/drawing/2014/main" id="{6F8BF62C-F156-4CEB-A1E8-84845F5F23CC}"/>
            </a:ext>
          </a:extLst>
        </xdr:cNvPr>
        <xdr:cNvCxnSpPr/>
      </xdr:nvCxnSpPr>
      <xdr:spPr>
        <a:xfrm flipV="1">
          <a:off x="7886700" y="16792121"/>
          <a:ext cx="800100" cy="28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3</xdr:row>
      <xdr:rowOff>85623</xdr:rowOff>
    </xdr:from>
    <xdr:to>
      <xdr:col>41</xdr:col>
      <xdr:colOff>101600</xdr:colOff>
      <xdr:row>104</xdr:row>
      <xdr:rowOff>15773</xdr:rowOff>
    </xdr:to>
    <xdr:sp macro="" textlink="">
      <xdr:nvSpPr>
        <xdr:cNvPr id="471" name="楕円 470">
          <a:extLst>
            <a:ext uri="{FF2B5EF4-FFF2-40B4-BE49-F238E27FC236}">
              <a16:creationId xmlns:a16="http://schemas.microsoft.com/office/drawing/2014/main" id="{D5676B3E-26FD-41EC-8087-7764B68271D7}"/>
            </a:ext>
          </a:extLst>
        </xdr:cNvPr>
        <xdr:cNvSpPr/>
      </xdr:nvSpPr>
      <xdr:spPr>
        <a:xfrm>
          <a:off x="7029450" y="16767073"/>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3</xdr:row>
      <xdr:rowOff>136423</xdr:rowOff>
    </xdr:from>
    <xdr:to>
      <xdr:col>45</xdr:col>
      <xdr:colOff>177800</xdr:colOff>
      <xdr:row>103</xdr:row>
      <xdr:rowOff>139129</xdr:rowOff>
    </xdr:to>
    <xdr:cxnSp macro="">
      <xdr:nvCxnSpPr>
        <xdr:cNvPr id="472" name="直線コネクタ 471">
          <a:extLst>
            <a:ext uri="{FF2B5EF4-FFF2-40B4-BE49-F238E27FC236}">
              <a16:creationId xmlns:a16="http://schemas.microsoft.com/office/drawing/2014/main" id="{D83668B6-3F6C-45F6-B9FF-DDCD4728C1DB}"/>
            </a:ext>
          </a:extLst>
        </xdr:cNvPr>
        <xdr:cNvCxnSpPr/>
      </xdr:nvCxnSpPr>
      <xdr:spPr>
        <a:xfrm>
          <a:off x="7077075" y="16814698"/>
          <a:ext cx="809625" cy="5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3</xdr:row>
      <xdr:rowOff>87917</xdr:rowOff>
    </xdr:from>
    <xdr:to>
      <xdr:col>36</xdr:col>
      <xdr:colOff>165100</xdr:colOff>
      <xdr:row>104</xdr:row>
      <xdr:rowOff>18067</xdr:rowOff>
    </xdr:to>
    <xdr:sp macro="" textlink="">
      <xdr:nvSpPr>
        <xdr:cNvPr id="473" name="楕円 472">
          <a:extLst>
            <a:ext uri="{FF2B5EF4-FFF2-40B4-BE49-F238E27FC236}">
              <a16:creationId xmlns:a16="http://schemas.microsoft.com/office/drawing/2014/main" id="{BFED0B25-5839-4F65-9F05-1A8D6E507840}"/>
            </a:ext>
          </a:extLst>
        </xdr:cNvPr>
        <xdr:cNvSpPr/>
      </xdr:nvSpPr>
      <xdr:spPr>
        <a:xfrm>
          <a:off x="6238875" y="16763017"/>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3</xdr:row>
      <xdr:rowOff>136423</xdr:rowOff>
    </xdr:from>
    <xdr:to>
      <xdr:col>41</xdr:col>
      <xdr:colOff>50800</xdr:colOff>
      <xdr:row>103</xdr:row>
      <xdr:rowOff>138717</xdr:rowOff>
    </xdr:to>
    <xdr:cxnSp macro="">
      <xdr:nvCxnSpPr>
        <xdr:cNvPr id="474" name="直線コネクタ 473">
          <a:extLst>
            <a:ext uri="{FF2B5EF4-FFF2-40B4-BE49-F238E27FC236}">
              <a16:creationId xmlns:a16="http://schemas.microsoft.com/office/drawing/2014/main" id="{3112C5DD-5E7E-4CF8-99BA-9989FA847C8B}"/>
            </a:ext>
          </a:extLst>
        </xdr:cNvPr>
        <xdr:cNvCxnSpPr/>
      </xdr:nvCxnSpPr>
      <xdr:spPr>
        <a:xfrm flipV="1">
          <a:off x="6286500" y="16814698"/>
          <a:ext cx="790575" cy="5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154274</xdr:rowOff>
    </xdr:from>
    <xdr:ext cx="534377" cy="259045"/>
    <xdr:sp macro="" textlink="">
      <xdr:nvSpPr>
        <xdr:cNvPr id="475" name="n_1aveValue【港湾・漁港】&#10;一人当たり有形固定資産（償却資産）額">
          <a:extLst>
            <a:ext uri="{FF2B5EF4-FFF2-40B4-BE49-F238E27FC236}">
              <a16:creationId xmlns:a16="http://schemas.microsoft.com/office/drawing/2014/main" id="{F901609E-4E14-49A3-B249-FCF0F17AB7CC}"/>
            </a:ext>
          </a:extLst>
        </xdr:cNvPr>
        <xdr:cNvSpPr txBox="1"/>
      </xdr:nvSpPr>
      <xdr:spPr>
        <a:xfrm>
          <a:off x="8429136" y="16994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152299</xdr:rowOff>
    </xdr:from>
    <xdr:ext cx="534377" cy="259045"/>
    <xdr:sp macro="" textlink="">
      <xdr:nvSpPr>
        <xdr:cNvPr id="476" name="n_2aveValue【港湾・漁港】&#10;一人当たり有形固定資産（償却資産）額">
          <a:extLst>
            <a:ext uri="{FF2B5EF4-FFF2-40B4-BE49-F238E27FC236}">
              <a16:creationId xmlns:a16="http://schemas.microsoft.com/office/drawing/2014/main" id="{E9813B99-F610-4257-AE41-A9B6BE8AD37F}"/>
            </a:ext>
          </a:extLst>
        </xdr:cNvPr>
        <xdr:cNvSpPr txBox="1"/>
      </xdr:nvSpPr>
      <xdr:spPr>
        <a:xfrm>
          <a:off x="7648086" y="16992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162000</xdr:rowOff>
    </xdr:from>
    <xdr:ext cx="534377" cy="259045"/>
    <xdr:sp macro="" textlink="">
      <xdr:nvSpPr>
        <xdr:cNvPr id="477" name="n_3aveValue【港湾・漁港】&#10;一人当たり有形固定資産（償却資産）額">
          <a:extLst>
            <a:ext uri="{FF2B5EF4-FFF2-40B4-BE49-F238E27FC236}">
              <a16:creationId xmlns:a16="http://schemas.microsoft.com/office/drawing/2014/main" id="{89D1E364-69A5-4A2E-9CA8-B019A9EBEEF2}"/>
            </a:ext>
          </a:extLst>
        </xdr:cNvPr>
        <xdr:cNvSpPr txBox="1"/>
      </xdr:nvSpPr>
      <xdr:spPr>
        <a:xfrm>
          <a:off x="6847986" y="16999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4</xdr:row>
      <xdr:rowOff>165657</xdr:rowOff>
    </xdr:from>
    <xdr:ext cx="534377" cy="259045"/>
    <xdr:sp macro="" textlink="">
      <xdr:nvSpPr>
        <xdr:cNvPr id="478" name="n_4aveValue【港湾・漁港】&#10;一人当たり有形固定資産（償却資産）額">
          <a:extLst>
            <a:ext uri="{FF2B5EF4-FFF2-40B4-BE49-F238E27FC236}">
              <a16:creationId xmlns:a16="http://schemas.microsoft.com/office/drawing/2014/main" id="{74186238-C205-4C10-928E-CC532AA5DB92}"/>
            </a:ext>
          </a:extLst>
        </xdr:cNvPr>
        <xdr:cNvSpPr txBox="1"/>
      </xdr:nvSpPr>
      <xdr:spPr>
        <a:xfrm>
          <a:off x="6038361" y="17002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2</xdr:row>
      <xdr:rowOff>9723</xdr:rowOff>
    </xdr:from>
    <xdr:ext cx="534377" cy="259045"/>
    <xdr:sp macro="" textlink="">
      <xdr:nvSpPr>
        <xdr:cNvPr id="479" name="n_1mainValue【港湾・漁港】&#10;一人当たり有形固定資産（償却資産）額">
          <a:extLst>
            <a:ext uri="{FF2B5EF4-FFF2-40B4-BE49-F238E27FC236}">
              <a16:creationId xmlns:a16="http://schemas.microsoft.com/office/drawing/2014/main" id="{8C6BE21D-F87D-4505-8997-B22E7A7D11E8}"/>
            </a:ext>
          </a:extLst>
        </xdr:cNvPr>
        <xdr:cNvSpPr txBox="1"/>
      </xdr:nvSpPr>
      <xdr:spPr>
        <a:xfrm>
          <a:off x="8429136" y="1652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2</xdr:row>
      <xdr:rowOff>35006</xdr:rowOff>
    </xdr:from>
    <xdr:ext cx="534377" cy="259045"/>
    <xdr:sp macro="" textlink="">
      <xdr:nvSpPr>
        <xdr:cNvPr id="480" name="n_2mainValue【港湾・漁港】&#10;一人当たり有形固定資産（償却資産）額">
          <a:extLst>
            <a:ext uri="{FF2B5EF4-FFF2-40B4-BE49-F238E27FC236}">
              <a16:creationId xmlns:a16="http://schemas.microsoft.com/office/drawing/2014/main" id="{A703003C-DF5B-4DCE-A26A-D9E935FEDB87}"/>
            </a:ext>
          </a:extLst>
        </xdr:cNvPr>
        <xdr:cNvSpPr txBox="1"/>
      </xdr:nvSpPr>
      <xdr:spPr>
        <a:xfrm>
          <a:off x="7648086" y="16551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2</xdr:row>
      <xdr:rowOff>32300</xdr:rowOff>
    </xdr:from>
    <xdr:ext cx="534377" cy="259045"/>
    <xdr:sp macro="" textlink="">
      <xdr:nvSpPr>
        <xdr:cNvPr id="481" name="n_3mainValue【港湾・漁港】&#10;一人当たり有形固定資産（償却資産）額">
          <a:extLst>
            <a:ext uri="{FF2B5EF4-FFF2-40B4-BE49-F238E27FC236}">
              <a16:creationId xmlns:a16="http://schemas.microsoft.com/office/drawing/2014/main" id="{F0D65602-64E3-45AA-8D81-1AC14DFA9456}"/>
            </a:ext>
          </a:extLst>
        </xdr:cNvPr>
        <xdr:cNvSpPr txBox="1"/>
      </xdr:nvSpPr>
      <xdr:spPr>
        <a:xfrm>
          <a:off x="6847986" y="16545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2</xdr:row>
      <xdr:rowOff>34594</xdr:rowOff>
    </xdr:from>
    <xdr:ext cx="534377" cy="259045"/>
    <xdr:sp macro="" textlink="">
      <xdr:nvSpPr>
        <xdr:cNvPr id="482" name="n_4mainValue【港湾・漁港】&#10;一人当たり有形固定資産（償却資産）額">
          <a:extLst>
            <a:ext uri="{FF2B5EF4-FFF2-40B4-BE49-F238E27FC236}">
              <a16:creationId xmlns:a16="http://schemas.microsoft.com/office/drawing/2014/main" id="{1F06AE30-9056-4672-B59B-896AF158E67C}"/>
            </a:ext>
          </a:extLst>
        </xdr:cNvPr>
        <xdr:cNvSpPr txBox="1"/>
      </xdr:nvSpPr>
      <xdr:spPr>
        <a:xfrm>
          <a:off x="6038361" y="16547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3" name="正方形/長方形 482">
          <a:extLst>
            <a:ext uri="{FF2B5EF4-FFF2-40B4-BE49-F238E27FC236}">
              <a16:creationId xmlns:a16="http://schemas.microsoft.com/office/drawing/2014/main" id="{06351BC4-07BE-47CC-B31A-543FD75C3C72}"/>
            </a:ext>
          </a:extLst>
        </xdr:cNvPr>
        <xdr:cNvSpPr/>
      </xdr:nvSpPr>
      <xdr:spPr>
        <a:xfrm>
          <a:off x="11210925" y="39624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4" name="正方形/長方形 483">
          <a:extLst>
            <a:ext uri="{FF2B5EF4-FFF2-40B4-BE49-F238E27FC236}">
              <a16:creationId xmlns:a16="http://schemas.microsoft.com/office/drawing/2014/main" id="{F8613EAF-187C-448D-9D5A-F7978955AFFF}"/>
            </a:ext>
          </a:extLst>
        </xdr:cNvPr>
        <xdr:cNvSpPr/>
      </xdr:nvSpPr>
      <xdr:spPr>
        <a:xfrm>
          <a:off x="113157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5" name="正方形/長方形 484">
          <a:extLst>
            <a:ext uri="{FF2B5EF4-FFF2-40B4-BE49-F238E27FC236}">
              <a16:creationId xmlns:a16="http://schemas.microsoft.com/office/drawing/2014/main" id="{EBB545B0-17B8-421F-A252-9FC2011A9397}"/>
            </a:ext>
          </a:extLst>
        </xdr:cNvPr>
        <xdr:cNvSpPr/>
      </xdr:nvSpPr>
      <xdr:spPr>
        <a:xfrm>
          <a:off x="113157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6" name="正方形/長方形 485">
          <a:extLst>
            <a:ext uri="{FF2B5EF4-FFF2-40B4-BE49-F238E27FC236}">
              <a16:creationId xmlns:a16="http://schemas.microsoft.com/office/drawing/2014/main" id="{A8DD1512-F234-4DCE-B764-F8151C05D6A0}"/>
            </a:ext>
          </a:extLst>
        </xdr:cNvPr>
        <xdr:cNvSpPr/>
      </xdr:nvSpPr>
      <xdr:spPr>
        <a:xfrm>
          <a:off x="122396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87" name="正方形/長方形 486">
          <a:extLst>
            <a:ext uri="{FF2B5EF4-FFF2-40B4-BE49-F238E27FC236}">
              <a16:creationId xmlns:a16="http://schemas.microsoft.com/office/drawing/2014/main" id="{1AC0EA00-99BA-45AD-930A-4B41484674A5}"/>
            </a:ext>
          </a:extLst>
        </xdr:cNvPr>
        <xdr:cNvSpPr/>
      </xdr:nvSpPr>
      <xdr:spPr>
        <a:xfrm>
          <a:off x="122396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88" name="正方形/長方形 487">
          <a:extLst>
            <a:ext uri="{FF2B5EF4-FFF2-40B4-BE49-F238E27FC236}">
              <a16:creationId xmlns:a16="http://schemas.microsoft.com/office/drawing/2014/main" id="{0CC27333-D2F5-44F8-BA84-F710117DB7CD}"/>
            </a:ext>
          </a:extLst>
        </xdr:cNvPr>
        <xdr:cNvSpPr/>
      </xdr:nvSpPr>
      <xdr:spPr>
        <a:xfrm>
          <a:off x="132683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89" name="正方形/長方形 488">
          <a:extLst>
            <a:ext uri="{FF2B5EF4-FFF2-40B4-BE49-F238E27FC236}">
              <a16:creationId xmlns:a16="http://schemas.microsoft.com/office/drawing/2014/main" id="{39CA2DD3-E62E-4E2C-B666-0D6516DDB7F8}"/>
            </a:ext>
          </a:extLst>
        </xdr:cNvPr>
        <xdr:cNvSpPr/>
      </xdr:nvSpPr>
      <xdr:spPr>
        <a:xfrm>
          <a:off x="132683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0" name="正方形/長方形 489">
          <a:extLst>
            <a:ext uri="{FF2B5EF4-FFF2-40B4-BE49-F238E27FC236}">
              <a16:creationId xmlns:a16="http://schemas.microsoft.com/office/drawing/2014/main" id="{45F0BF1C-08CF-4BD1-9BF3-65E3D71A24EF}"/>
            </a:ext>
          </a:extLst>
        </xdr:cNvPr>
        <xdr:cNvSpPr/>
      </xdr:nvSpPr>
      <xdr:spPr>
        <a:xfrm>
          <a:off x="11210925" y="50387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1" name="テキスト ボックス 490">
          <a:extLst>
            <a:ext uri="{FF2B5EF4-FFF2-40B4-BE49-F238E27FC236}">
              <a16:creationId xmlns:a16="http://schemas.microsoft.com/office/drawing/2014/main" id="{01D6AC0A-22FF-49A6-8695-8DDC5B13B938}"/>
            </a:ext>
          </a:extLst>
        </xdr:cNvPr>
        <xdr:cNvSpPr txBox="1"/>
      </xdr:nvSpPr>
      <xdr:spPr>
        <a:xfrm>
          <a:off x="11172825" y="48577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2" name="直線コネクタ 491">
          <a:extLst>
            <a:ext uri="{FF2B5EF4-FFF2-40B4-BE49-F238E27FC236}">
              <a16:creationId xmlns:a16="http://schemas.microsoft.com/office/drawing/2014/main" id="{057B0633-61C9-4C5F-BA32-907C403097C9}"/>
            </a:ext>
          </a:extLst>
        </xdr:cNvPr>
        <xdr:cNvCxnSpPr/>
      </xdr:nvCxnSpPr>
      <xdr:spPr>
        <a:xfrm>
          <a:off x="11210925" y="72009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3" name="テキスト ボックス 492">
          <a:extLst>
            <a:ext uri="{FF2B5EF4-FFF2-40B4-BE49-F238E27FC236}">
              <a16:creationId xmlns:a16="http://schemas.microsoft.com/office/drawing/2014/main" id="{482DC6C9-725B-463A-A7F0-BF9052D19590}"/>
            </a:ext>
          </a:extLst>
        </xdr:cNvPr>
        <xdr:cNvSpPr txBox="1"/>
      </xdr:nvSpPr>
      <xdr:spPr>
        <a:xfrm>
          <a:off x="10794546" y="7065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94" name="直線コネクタ 493">
          <a:extLst>
            <a:ext uri="{FF2B5EF4-FFF2-40B4-BE49-F238E27FC236}">
              <a16:creationId xmlns:a16="http://schemas.microsoft.com/office/drawing/2014/main" id="{3488983E-3995-469D-9422-3DAFE0F79B41}"/>
            </a:ext>
          </a:extLst>
        </xdr:cNvPr>
        <xdr:cNvCxnSpPr/>
      </xdr:nvCxnSpPr>
      <xdr:spPr>
        <a:xfrm>
          <a:off x="11210925" y="689337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495" name="テキスト ボックス 494">
          <a:extLst>
            <a:ext uri="{FF2B5EF4-FFF2-40B4-BE49-F238E27FC236}">
              <a16:creationId xmlns:a16="http://schemas.microsoft.com/office/drawing/2014/main" id="{B9DA4796-2935-4942-AA34-55C47E436033}"/>
            </a:ext>
          </a:extLst>
        </xdr:cNvPr>
        <xdr:cNvSpPr txBox="1"/>
      </xdr:nvSpPr>
      <xdr:spPr>
        <a:xfrm>
          <a:off x="10845966" y="676385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96" name="直線コネクタ 495">
          <a:extLst>
            <a:ext uri="{FF2B5EF4-FFF2-40B4-BE49-F238E27FC236}">
              <a16:creationId xmlns:a16="http://schemas.microsoft.com/office/drawing/2014/main" id="{14D42774-D942-43AE-A4B7-1B190120C09B}"/>
            </a:ext>
          </a:extLst>
        </xdr:cNvPr>
        <xdr:cNvCxnSpPr/>
      </xdr:nvCxnSpPr>
      <xdr:spPr>
        <a:xfrm>
          <a:off x="11210925" y="6582682"/>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97" name="テキスト ボックス 496">
          <a:extLst>
            <a:ext uri="{FF2B5EF4-FFF2-40B4-BE49-F238E27FC236}">
              <a16:creationId xmlns:a16="http://schemas.microsoft.com/office/drawing/2014/main" id="{543C47D6-6AE8-4BEA-8B96-CA2349B13704}"/>
            </a:ext>
          </a:extLst>
        </xdr:cNvPr>
        <xdr:cNvSpPr txBox="1"/>
      </xdr:nvSpPr>
      <xdr:spPr>
        <a:xfrm>
          <a:off x="10845966" y="6456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98" name="直線コネクタ 497">
          <a:extLst>
            <a:ext uri="{FF2B5EF4-FFF2-40B4-BE49-F238E27FC236}">
              <a16:creationId xmlns:a16="http://schemas.microsoft.com/office/drawing/2014/main" id="{50D90DDE-5C61-47CC-9338-712897FB003E}"/>
            </a:ext>
          </a:extLst>
        </xdr:cNvPr>
        <xdr:cNvCxnSpPr/>
      </xdr:nvCxnSpPr>
      <xdr:spPr>
        <a:xfrm>
          <a:off x="11210925" y="627516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99" name="テキスト ボックス 498">
          <a:extLst>
            <a:ext uri="{FF2B5EF4-FFF2-40B4-BE49-F238E27FC236}">
              <a16:creationId xmlns:a16="http://schemas.microsoft.com/office/drawing/2014/main" id="{CCEB0CC7-5B68-4F1C-803D-C34F99DF3F4A}"/>
            </a:ext>
          </a:extLst>
        </xdr:cNvPr>
        <xdr:cNvSpPr txBox="1"/>
      </xdr:nvSpPr>
      <xdr:spPr>
        <a:xfrm>
          <a:off x="10845966" y="61456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0" name="直線コネクタ 499">
          <a:extLst>
            <a:ext uri="{FF2B5EF4-FFF2-40B4-BE49-F238E27FC236}">
              <a16:creationId xmlns:a16="http://schemas.microsoft.com/office/drawing/2014/main" id="{D2DE0012-6972-413F-912D-E89CE386A6AC}"/>
            </a:ext>
          </a:extLst>
        </xdr:cNvPr>
        <xdr:cNvCxnSpPr/>
      </xdr:nvCxnSpPr>
      <xdr:spPr>
        <a:xfrm>
          <a:off x="11210925" y="5973989"/>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1" name="テキスト ボックス 500">
          <a:extLst>
            <a:ext uri="{FF2B5EF4-FFF2-40B4-BE49-F238E27FC236}">
              <a16:creationId xmlns:a16="http://schemas.microsoft.com/office/drawing/2014/main" id="{5D6D72C2-173F-411B-B5E4-92D544AF7EC7}"/>
            </a:ext>
          </a:extLst>
        </xdr:cNvPr>
        <xdr:cNvSpPr txBox="1"/>
      </xdr:nvSpPr>
      <xdr:spPr>
        <a:xfrm>
          <a:off x="10845966" y="58285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2" name="直線コネクタ 501">
          <a:extLst>
            <a:ext uri="{FF2B5EF4-FFF2-40B4-BE49-F238E27FC236}">
              <a16:creationId xmlns:a16="http://schemas.microsoft.com/office/drawing/2014/main" id="{00F82C2D-92DA-4AD0-8C18-5103C8D51801}"/>
            </a:ext>
          </a:extLst>
        </xdr:cNvPr>
        <xdr:cNvCxnSpPr/>
      </xdr:nvCxnSpPr>
      <xdr:spPr>
        <a:xfrm>
          <a:off x="11210925" y="566646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3" name="テキスト ボックス 502">
          <a:extLst>
            <a:ext uri="{FF2B5EF4-FFF2-40B4-BE49-F238E27FC236}">
              <a16:creationId xmlns:a16="http://schemas.microsoft.com/office/drawing/2014/main" id="{CE366FB1-E564-47B0-90C5-419470FF1617}"/>
            </a:ext>
          </a:extLst>
        </xdr:cNvPr>
        <xdr:cNvSpPr txBox="1"/>
      </xdr:nvSpPr>
      <xdr:spPr>
        <a:xfrm>
          <a:off x="10845966" y="55178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04" name="直線コネクタ 503">
          <a:extLst>
            <a:ext uri="{FF2B5EF4-FFF2-40B4-BE49-F238E27FC236}">
              <a16:creationId xmlns:a16="http://schemas.microsoft.com/office/drawing/2014/main" id="{DABBB8A1-2862-444D-BB2C-8E6F0A13A609}"/>
            </a:ext>
          </a:extLst>
        </xdr:cNvPr>
        <xdr:cNvCxnSpPr/>
      </xdr:nvCxnSpPr>
      <xdr:spPr>
        <a:xfrm>
          <a:off x="11210925" y="5346247"/>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05" name="テキスト ボックス 504">
          <a:extLst>
            <a:ext uri="{FF2B5EF4-FFF2-40B4-BE49-F238E27FC236}">
              <a16:creationId xmlns:a16="http://schemas.microsoft.com/office/drawing/2014/main" id="{FFF71ACB-437E-4DB9-8A09-39D931722DB7}"/>
            </a:ext>
          </a:extLst>
        </xdr:cNvPr>
        <xdr:cNvSpPr txBox="1"/>
      </xdr:nvSpPr>
      <xdr:spPr>
        <a:xfrm>
          <a:off x="10845966" y="52103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6" name="直線コネクタ 505">
          <a:extLst>
            <a:ext uri="{FF2B5EF4-FFF2-40B4-BE49-F238E27FC236}">
              <a16:creationId xmlns:a16="http://schemas.microsoft.com/office/drawing/2014/main" id="{695AF8A4-3217-4C9A-88CB-B2F48E7FEA42}"/>
            </a:ext>
          </a:extLst>
        </xdr:cNvPr>
        <xdr:cNvCxnSpPr/>
      </xdr:nvCxnSpPr>
      <xdr:spPr>
        <a:xfrm>
          <a:off x="11210925" y="50387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07" name="テキスト ボックス 506">
          <a:extLst>
            <a:ext uri="{FF2B5EF4-FFF2-40B4-BE49-F238E27FC236}">
              <a16:creationId xmlns:a16="http://schemas.microsoft.com/office/drawing/2014/main" id="{21242610-D45D-4BB8-909F-8723FBA4183A}"/>
            </a:ext>
          </a:extLst>
        </xdr:cNvPr>
        <xdr:cNvSpPr txBox="1"/>
      </xdr:nvSpPr>
      <xdr:spPr>
        <a:xfrm>
          <a:off x="10845966" y="49028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8" name="【認定こども園・幼稚園・保育所】&#10;有形固定資産減価償却率グラフ枠">
          <a:extLst>
            <a:ext uri="{FF2B5EF4-FFF2-40B4-BE49-F238E27FC236}">
              <a16:creationId xmlns:a16="http://schemas.microsoft.com/office/drawing/2014/main" id="{57196441-513E-46BF-9672-EC52FDF7F69D}"/>
            </a:ext>
          </a:extLst>
        </xdr:cNvPr>
        <xdr:cNvSpPr/>
      </xdr:nvSpPr>
      <xdr:spPr>
        <a:xfrm>
          <a:off x="11210925" y="50387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089</xdr:rowOff>
    </xdr:from>
    <xdr:to>
      <xdr:col>85</xdr:col>
      <xdr:colOff>126364</xdr:colOff>
      <xdr:row>41</xdr:row>
      <xdr:rowOff>97427</xdr:rowOff>
    </xdr:to>
    <xdr:cxnSp macro="">
      <xdr:nvCxnSpPr>
        <xdr:cNvPr id="509" name="直線コネクタ 508">
          <a:extLst>
            <a:ext uri="{FF2B5EF4-FFF2-40B4-BE49-F238E27FC236}">
              <a16:creationId xmlns:a16="http://schemas.microsoft.com/office/drawing/2014/main" id="{4644316D-5E47-4B56-8A1E-5C184E2D8942}"/>
            </a:ext>
          </a:extLst>
        </xdr:cNvPr>
        <xdr:cNvCxnSpPr/>
      </xdr:nvCxnSpPr>
      <xdr:spPr>
        <a:xfrm flipV="1">
          <a:off x="14696439" y="5506539"/>
          <a:ext cx="0" cy="1229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1254</xdr:rowOff>
    </xdr:from>
    <xdr:ext cx="405111" cy="259045"/>
    <xdr:sp macro="" textlink="">
      <xdr:nvSpPr>
        <xdr:cNvPr id="510" name="【認定こども園・幼稚園・保育所】&#10;有形固定資産減価償却率最小値テキスト">
          <a:extLst>
            <a:ext uri="{FF2B5EF4-FFF2-40B4-BE49-F238E27FC236}">
              <a16:creationId xmlns:a16="http://schemas.microsoft.com/office/drawing/2014/main" id="{C07587DF-1530-42CA-A7B3-3C35F8B6997C}"/>
            </a:ext>
          </a:extLst>
        </xdr:cNvPr>
        <xdr:cNvSpPr txBox="1"/>
      </xdr:nvSpPr>
      <xdr:spPr>
        <a:xfrm>
          <a:off x="14735175" y="6743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7427</xdr:rowOff>
    </xdr:from>
    <xdr:to>
      <xdr:col>86</xdr:col>
      <xdr:colOff>25400</xdr:colOff>
      <xdr:row>41</xdr:row>
      <xdr:rowOff>97427</xdr:rowOff>
    </xdr:to>
    <xdr:cxnSp macro="">
      <xdr:nvCxnSpPr>
        <xdr:cNvPr id="511" name="直線コネクタ 510">
          <a:extLst>
            <a:ext uri="{FF2B5EF4-FFF2-40B4-BE49-F238E27FC236}">
              <a16:creationId xmlns:a16="http://schemas.microsoft.com/office/drawing/2014/main" id="{C005DBB7-7A0C-45CB-865B-B4A1AE6B7F71}"/>
            </a:ext>
          </a:extLst>
        </xdr:cNvPr>
        <xdr:cNvCxnSpPr/>
      </xdr:nvCxnSpPr>
      <xdr:spPr>
        <a:xfrm>
          <a:off x="14611350" y="673635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19216</xdr:rowOff>
    </xdr:from>
    <xdr:ext cx="405111" cy="259045"/>
    <xdr:sp macro="" textlink="">
      <xdr:nvSpPr>
        <xdr:cNvPr id="512" name="【認定こども園・幼稚園・保育所】&#10;有形固定資産減価償却率最大値テキスト">
          <a:extLst>
            <a:ext uri="{FF2B5EF4-FFF2-40B4-BE49-F238E27FC236}">
              <a16:creationId xmlns:a16="http://schemas.microsoft.com/office/drawing/2014/main" id="{3A918399-E99A-44EB-B6D2-3F7573A9AC86}"/>
            </a:ext>
          </a:extLst>
        </xdr:cNvPr>
        <xdr:cNvSpPr txBox="1"/>
      </xdr:nvSpPr>
      <xdr:spPr>
        <a:xfrm>
          <a:off x="14735175" y="5303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089</xdr:rowOff>
    </xdr:from>
    <xdr:to>
      <xdr:col>86</xdr:col>
      <xdr:colOff>25400</xdr:colOff>
      <xdr:row>34</xdr:row>
      <xdr:rowOff>1089</xdr:rowOff>
    </xdr:to>
    <xdr:cxnSp macro="">
      <xdr:nvCxnSpPr>
        <xdr:cNvPr id="513" name="直線コネクタ 512">
          <a:extLst>
            <a:ext uri="{FF2B5EF4-FFF2-40B4-BE49-F238E27FC236}">
              <a16:creationId xmlns:a16="http://schemas.microsoft.com/office/drawing/2014/main" id="{24FE3E56-D769-468D-B2C9-059968E75BBF}"/>
            </a:ext>
          </a:extLst>
        </xdr:cNvPr>
        <xdr:cNvCxnSpPr/>
      </xdr:nvCxnSpPr>
      <xdr:spPr>
        <a:xfrm>
          <a:off x="14611350" y="550653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39750</xdr:rowOff>
    </xdr:from>
    <xdr:ext cx="405111" cy="259045"/>
    <xdr:sp macro="" textlink="">
      <xdr:nvSpPr>
        <xdr:cNvPr id="514" name="【認定こども園・幼稚園・保育所】&#10;有形固定資産減価償却率平均値テキスト">
          <a:extLst>
            <a:ext uri="{FF2B5EF4-FFF2-40B4-BE49-F238E27FC236}">
              <a16:creationId xmlns:a16="http://schemas.microsoft.com/office/drawing/2014/main" id="{1337A3EA-7604-40EA-A969-E4B8C4768FE8}"/>
            </a:ext>
          </a:extLst>
        </xdr:cNvPr>
        <xdr:cNvSpPr txBox="1"/>
      </xdr:nvSpPr>
      <xdr:spPr>
        <a:xfrm>
          <a:off x="14735175" y="61929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1323</xdr:rowOff>
    </xdr:from>
    <xdr:to>
      <xdr:col>85</xdr:col>
      <xdr:colOff>177800</xdr:colOff>
      <xdr:row>38</xdr:row>
      <xdr:rowOff>162923</xdr:rowOff>
    </xdr:to>
    <xdr:sp macro="" textlink="">
      <xdr:nvSpPr>
        <xdr:cNvPr id="515" name="フローチャート: 判断 514">
          <a:extLst>
            <a:ext uri="{FF2B5EF4-FFF2-40B4-BE49-F238E27FC236}">
              <a16:creationId xmlns:a16="http://schemas.microsoft.com/office/drawing/2014/main" id="{C8E2AE0A-8A70-4E3C-90F8-EA7937D4A46B}"/>
            </a:ext>
          </a:extLst>
        </xdr:cNvPr>
        <xdr:cNvSpPr/>
      </xdr:nvSpPr>
      <xdr:spPr>
        <a:xfrm>
          <a:off x="14649450" y="6217648"/>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4994</xdr:rowOff>
    </xdr:from>
    <xdr:to>
      <xdr:col>81</xdr:col>
      <xdr:colOff>101600</xdr:colOff>
      <xdr:row>38</xdr:row>
      <xdr:rowOff>146594</xdr:rowOff>
    </xdr:to>
    <xdr:sp macro="" textlink="">
      <xdr:nvSpPr>
        <xdr:cNvPr id="516" name="フローチャート: 判断 515">
          <a:extLst>
            <a:ext uri="{FF2B5EF4-FFF2-40B4-BE49-F238E27FC236}">
              <a16:creationId xmlns:a16="http://schemas.microsoft.com/office/drawing/2014/main" id="{30441D2D-AE28-42DC-9859-BF359CB38173}"/>
            </a:ext>
          </a:extLst>
        </xdr:cNvPr>
        <xdr:cNvSpPr/>
      </xdr:nvSpPr>
      <xdr:spPr>
        <a:xfrm>
          <a:off x="13887450" y="6201319"/>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97246</xdr:rowOff>
    </xdr:from>
    <xdr:to>
      <xdr:col>76</xdr:col>
      <xdr:colOff>165100</xdr:colOff>
      <xdr:row>39</xdr:row>
      <xdr:rowOff>27396</xdr:rowOff>
    </xdr:to>
    <xdr:sp macro="" textlink="">
      <xdr:nvSpPr>
        <xdr:cNvPr id="517" name="フローチャート: 判断 516">
          <a:extLst>
            <a:ext uri="{FF2B5EF4-FFF2-40B4-BE49-F238E27FC236}">
              <a16:creationId xmlns:a16="http://schemas.microsoft.com/office/drawing/2014/main" id="{34DBD08C-2153-45C7-A850-08C361B913FB}"/>
            </a:ext>
          </a:extLst>
        </xdr:cNvPr>
        <xdr:cNvSpPr/>
      </xdr:nvSpPr>
      <xdr:spPr>
        <a:xfrm>
          <a:off x="13096875" y="6250396"/>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518" name="フローチャート: 判断 517">
          <a:extLst>
            <a:ext uri="{FF2B5EF4-FFF2-40B4-BE49-F238E27FC236}">
              <a16:creationId xmlns:a16="http://schemas.microsoft.com/office/drawing/2014/main" id="{2B94282A-4DA8-435F-978B-8C16668A9D46}"/>
            </a:ext>
          </a:extLst>
        </xdr:cNvPr>
        <xdr:cNvSpPr/>
      </xdr:nvSpPr>
      <xdr:spPr>
        <a:xfrm>
          <a:off x="12296775" y="622109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44994</xdr:rowOff>
    </xdr:from>
    <xdr:to>
      <xdr:col>67</xdr:col>
      <xdr:colOff>101600</xdr:colOff>
      <xdr:row>38</xdr:row>
      <xdr:rowOff>146594</xdr:rowOff>
    </xdr:to>
    <xdr:sp macro="" textlink="">
      <xdr:nvSpPr>
        <xdr:cNvPr id="519" name="フローチャート: 判断 518">
          <a:extLst>
            <a:ext uri="{FF2B5EF4-FFF2-40B4-BE49-F238E27FC236}">
              <a16:creationId xmlns:a16="http://schemas.microsoft.com/office/drawing/2014/main" id="{CFD8CCCD-A170-44C0-A5E1-6CDF12F13B74}"/>
            </a:ext>
          </a:extLst>
        </xdr:cNvPr>
        <xdr:cNvSpPr/>
      </xdr:nvSpPr>
      <xdr:spPr>
        <a:xfrm>
          <a:off x="11487150" y="6201319"/>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0" name="テキスト ボックス 519">
          <a:extLst>
            <a:ext uri="{FF2B5EF4-FFF2-40B4-BE49-F238E27FC236}">
              <a16:creationId xmlns:a16="http://schemas.microsoft.com/office/drawing/2014/main" id="{7334C842-F6F8-4972-9668-356C351810F6}"/>
            </a:ext>
          </a:extLst>
        </xdr:cNvPr>
        <xdr:cNvSpPr txBox="1"/>
      </xdr:nvSpPr>
      <xdr:spPr>
        <a:xfrm>
          <a:off x="14525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1" name="テキスト ボックス 520">
          <a:extLst>
            <a:ext uri="{FF2B5EF4-FFF2-40B4-BE49-F238E27FC236}">
              <a16:creationId xmlns:a16="http://schemas.microsoft.com/office/drawing/2014/main" id="{A721AE52-9B07-4345-81C5-AE7845CB4DCB}"/>
            </a:ext>
          </a:extLst>
        </xdr:cNvPr>
        <xdr:cNvSpPr txBox="1"/>
      </xdr:nvSpPr>
      <xdr:spPr>
        <a:xfrm>
          <a:off x="13763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2" name="テキスト ボックス 521">
          <a:extLst>
            <a:ext uri="{FF2B5EF4-FFF2-40B4-BE49-F238E27FC236}">
              <a16:creationId xmlns:a16="http://schemas.microsoft.com/office/drawing/2014/main" id="{2B465063-5612-4F5D-87C7-99B44B4C3747}"/>
            </a:ext>
          </a:extLst>
        </xdr:cNvPr>
        <xdr:cNvSpPr txBox="1"/>
      </xdr:nvSpPr>
      <xdr:spPr>
        <a:xfrm>
          <a:off x="129730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3" name="テキスト ボックス 522">
          <a:extLst>
            <a:ext uri="{FF2B5EF4-FFF2-40B4-BE49-F238E27FC236}">
              <a16:creationId xmlns:a16="http://schemas.microsoft.com/office/drawing/2014/main" id="{FBB756A7-0EB1-4BC7-B6EF-739A8F1902E9}"/>
            </a:ext>
          </a:extLst>
        </xdr:cNvPr>
        <xdr:cNvSpPr txBox="1"/>
      </xdr:nvSpPr>
      <xdr:spPr>
        <a:xfrm>
          <a:off x="121729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4" name="テキスト ボックス 523">
          <a:extLst>
            <a:ext uri="{FF2B5EF4-FFF2-40B4-BE49-F238E27FC236}">
              <a16:creationId xmlns:a16="http://schemas.microsoft.com/office/drawing/2014/main" id="{2F9892BF-786D-4985-986D-6AC99916865D}"/>
            </a:ext>
          </a:extLst>
        </xdr:cNvPr>
        <xdr:cNvSpPr txBox="1"/>
      </xdr:nvSpPr>
      <xdr:spPr>
        <a:xfrm>
          <a:off x="113633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7236</xdr:rowOff>
    </xdr:from>
    <xdr:to>
      <xdr:col>85</xdr:col>
      <xdr:colOff>177800</xdr:colOff>
      <xdr:row>37</xdr:row>
      <xdr:rowOff>118836</xdr:rowOff>
    </xdr:to>
    <xdr:sp macro="" textlink="">
      <xdr:nvSpPr>
        <xdr:cNvPr id="525" name="楕円 524">
          <a:extLst>
            <a:ext uri="{FF2B5EF4-FFF2-40B4-BE49-F238E27FC236}">
              <a16:creationId xmlns:a16="http://schemas.microsoft.com/office/drawing/2014/main" id="{4A5DBA54-6A27-4FD4-B782-94D7445158CB}"/>
            </a:ext>
          </a:extLst>
        </xdr:cNvPr>
        <xdr:cNvSpPr/>
      </xdr:nvSpPr>
      <xdr:spPr>
        <a:xfrm>
          <a:off x="14649450" y="6008461"/>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40113</xdr:rowOff>
    </xdr:from>
    <xdr:ext cx="405111" cy="259045"/>
    <xdr:sp macro="" textlink="">
      <xdr:nvSpPr>
        <xdr:cNvPr id="526" name="【認定こども園・幼稚園・保育所】&#10;有形固定資産減価償却率該当値テキスト">
          <a:extLst>
            <a:ext uri="{FF2B5EF4-FFF2-40B4-BE49-F238E27FC236}">
              <a16:creationId xmlns:a16="http://schemas.microsoft.com/office/drawing/2014/main" id="{CBF47079-5AE2-4AC8-B740-4D2530B85B53}"/>
            </a:ext>
          </a:extLst>
        </xdr:cNvPr>
        <xdr:cNvSpPr txBox="1"/>
      </xdr:nvSpPr>
      <xdr:spPr>
        <a:xfrm>
          <a:off x="14735175" y="586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26637</xdr:rowOff>
    </xdr:from>
    <xdr:to>
      <xdr:col>81</xdr:col>
      <xdr:colOff>101600</xdr:colOff>
      <xdr:row>37</xdr:row>
      <xdr:rowOff>56787</xdr:rowOff>
    </xdr:to>
    <xdr:sp macro="" textlink="">
      <xdr:nvSpPr>
        <xdr:cNvPr id="527" name="楕円 526">
          <a:extLst>
            <a:ext uri="{FF2B5EF4-FFF2-40B4-BE49-F238E27FC236}">
              <a16:creationId xmlns:a16="http://schemas.microsoft.com/office/drawing/2014/main" id="{8183F262-00B6-42C0-A416-58B937D99DD5}"/>
            </a:ext>
          </a:extLst>
        </xdr:cNvPr>
        <xdr:cNvSpPr/>
      </xdr:nvSpPr>
      <xdr:spPr>
        <a:xfrm>
          <a:off x="13887450" y="5952762"/>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5987</xdr:rowOff>
    </xdr:from>
    <xdr:to>
      <xdr:col>85</xdr:col>
      <xdr:colOff>127000</xdr:colOff>
      <xdr:row>37</xdr:row>
      <xdr:rowOff>68036</xdr:rowOff>
    </xdr:to>
    <xdr:cxnSp macro="">
      <xdr:nvCxnSpPr>
        <xdr:cNvPr id="528" name="直線コネクタ 527">
          <a:extLst>
            <a:ext uri="{FF2B5EF4-FFF2-40B4-BE49-F238E27FC236}">
              <a16:creationId xmlns:a16="http://schemas.microsoft.com/office/drawing/2014/main" id="{3C822303-7C9B-4D3C-8087-F7C9A8A40D03}"/>
            </a:ext>
          </a:extLst>
        </xdr:cNvPr>
        <xdr:cNvCxnSpPr/>
      </xdr:nvCxnSpPr>
      <xdr:spPr>
        <a:xfrm>
          <a:off x="13935075" y="6000387"/>
          <a:ext cx="762000" cy="55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90714</xdr:rowOff>
    </xdr:from>
    <xdr:to>
      <xdr:col>76</xdr:col>
      <xdr:colOff>165100</xdr:colOff>
      <xdr:row>37</xdr:row>
      <xdr:rowOff>20864</xdr:rowOff>
    </xdr:to>
    <xdr:sp macro="" textlink="">
      <xdr:nvSpPr>
        <xdr:cNvPr id="529" name="楕円 528">
          <a:extLst>
            <a:ext uri="{FF2B5EF4-FFF2-40B4-BE49-F238E27FC236}">
              <a16:creationId xmlns:a16="http://schemas.microsoft.com/office/drawing/2014/main" id="{4149D371-5514-469A-A9FB-544858191B8A}"/>
            </a:ext>
          </a:extLst>
        </xdr:cNvPr>
        <xdr:cNvSpPr/>
      </xdr:nvSpPr>
      <xdr:spPr>
        <a:xfrm>
          <a:off x="13096875" y="5916839"/>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41514</xdr:rowOff>
    </xdr:from>
    <xdr:to>
      <xdr:col>81</xdr:col>
      <xdr:colOff>50800</xdr:colOff>
      <xdr:row>37</xdr:row>
      <xdr:rowOff>5987</xdr:rowOff>
    </xdr:to>
    <xdr:cxnSp macro="">
      <xdr:nvCxnSpPr>
        <xdr:cNvPr id="530" name="直線コネクタ 529">
          <a:extLst>
            <a:ext uri="{FF2B5EF4-FFF2-40B4-BE49-F238E27FC236}">
              <a16:creationId xmlns:a16="http://schemas.microsoft.com/office/drawing/2014/main" id="{08AF78AF-3F89-45E3-92A5-95DC3467CD3C}"/>
            </a:ext>
          </a:extLst>
        </xdr:cNvPr>
        <xdr:cNvCxnSpPr/>
      </xdr:nvCxnSpPr>
      <xdr:spPr>
        <a:xfrm>
          <a:off x="13144500" y="5973989"/>
          <a:ext cx="790575" cy="26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70724</xdr:rowOff>
    </xdr:from>
    <xdr:to>
      <xdr:col>72</xdr:col>
      <xdr:colOff>38100</xdr:colOff>
      <xdr:row>36</xdr:row>
      <xdr:rowOff>100874</xdr:rowOff>
    </xdr:to>
    <xdr:sp macro="" textlink="">
      <xdr:nvSpPr>
        <xdr:cNvPr id="531" name="楕円 530">
          <a:extLst>
            <a:ext uri="{FF2B5EF4-FFF2-40B4-BE49-F238E27FC236}">
              <a16:creationId xmlns:a16="http://schemas.microsoft.com/office/drawing/2014/main" id="{146CD69D-06AC-4935-871C-859C659593F6}"/>
            </a:ext>
          </a:extLst>
        </xdr:cNvPr>
        <xdr:cNvSpPr/>
      </xdr:nvSpPr>
      <xdr:spPr>
        <a:xfrm>
          <a:off x="12296775" y="5828574"/>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50074</xdr:rowOff>
    </xdr:from>
    <xdr:to>
      <xdr:col>76</xdr:col>
      <xdr:colOff>114300</xdr:colOff>
      <xdr:row>36</xdr:row>
      <xdr:rowOff>141514</xdr:rowOff>
    </xdr:to>
    <xdr:cxnSp macro="">
      <xdr:nvCxnSpPr>
        <xdr:cNvPr id="532" name="直線コネクタ 531">
          <a:extLst>
            <a:ext uri="{FF2B5EF4-FFF2-40B4-BE49-F238E27FC236}">
              <a16:creationId xmlns:a16="http://schemas.microsoft.com/office/drawing/2014/main" id="{C642A624-0714-4A5A-8D39-827002947FE8}"/>
            </a:ext>
          </a:extLst>
        </xdr:cNvPr>
        <xdr:cNvCxnSpPr/>
      </xdr:nvCxnSpPr>
      <xdr:spPr>
        <a:xfrm>
          <a:off x="12344400" y="5876199"/>
          <a:ext cx="800100" cy="97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5</xdr:row>
      <xdr:rowOff>157661</xdr:rowOff>
    </xdr:from>
    <xdr:to>
      <xdr:col>67</xdr:col>
      <xdr:colOff>101600</xdr:colOff>
      <xdr:row>36</xdr:row>
      <xdr:rowOff>87811</xdr:rowOff>
    </xdr:to>
    <xdr:sp macro="" textlink="">
      <xdr:nvSpPr>
        <xdr:cNvPr id="533" name="楕円 532">
          <a:extLst>
            <a:ext uri="{FF2B5EF4-FFF2-40B4-BE49-F238E27FC236}">
              <a16:creationId xmlns:a16="http://schemas.microsoft.com/office/drawing/2014/main" id="{E19458F5-CF88-4782-8411-32C5279B3DB7}"/>
            </a:ext>
          </a:extLst>
        </xdr:cNvPr>
        <xdr:cNvSpPr/>
      </xdr:nvSpPr>
      <xdr:spPr>
        <a:xfrm>
          <a:off x="11487150" y="5828211"/>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37011</xdr:rowOff>
    </xdr:from>
    <xdr:to>
      <xdr:col>71</xdr:col>
      <xdr:colOff>177800</xdr:colOff>
      <xdr:row>36</xdr:row>
      <xdr:rowOff>50074</xdr:rowOff>
    </xdr:to>
    <xdr:cxnSp macro="">
      <xdr:nvCxnSpPr>
        <xdr:cNvPr id="534" name="直線コネクタ 533">
          <a:extLst>
            <a:ext uri="{FF2B5EF4-FFF2-40B4-BE49-F238E27FC236}">
              <a16:creationId xmlns:a16="http://schemas.microsoft.com/office/drawing/2014/main" id="{04AB1D2C-375A-4744-9B93-1E73E9CFDEDF}"/>
            </a:ext>
          </a:extLst>
        </xdr:cNvPr>
        <xdr:cNvCxnSpPr/>
      </xdr:nvCxnSpPr>
      <xdr:spPr>
        <a:xfrm>
          <a:off x="11534775" y="5866311"/>
          <a:ext cx="809625" cy="9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37721</xdr:rowOff>
    </xdr:from>
    <xdr:ext cx="405111" cy="259045"/>
    <xdr:sp macro="" textlink="">
      <xdr:nvSpPr>
        <xdr:cNvPr id="535" name="n_1aveValue【認定こども園・幼稚園・保育所】&#10;有形固定資産減価償却率">
          <a:extLst>
            <a:ext uri="{FF2B5EF4-FFF2-40B4-BE49-F238E27FC236}">
              <a16:creationId xmlns:a16="http://schemas.microsoft.com/office/drawing/2014/main" id="{3A25A361-CE1A-477E-A67D-3F068C53F997}"/>
            </a:ext>
          </a:extLst>
        </xdr:cNvPr>
        <xdr:cNvSpPr txBox="1"/>
      </xdr:nvSpPr>
      <xdr:spPr>
        <a:xfrm>
          <a:off x="13745219" y="6294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8523</xdr:rowOff>
    </xdr:from>
    <xdr:ext cx="405111" cy="259045"/>
    <xdr:sp macro="" textlink="">
      <xdr:nvSpPr>
        <xdr:cNvPr id="536" name="n_2aveValue【認定こども園・幼稚園・保育所】&#10;有形固定資産減価償却率">
          <a:extLst>
            <a:ext uri="{FF2B5EF4-FFF2-40B4-BE49-F238E27FC236}">
              <a16:creationId xmlns:a16="http://schemas.microsoft.com/office/drawing/2014/main" id="{7CE0FA7B-F4AE-4BC3-AB70-5E21B20AC328}"/>
            </a:ext>
          </a:extLst>
        </xdr:cNvPr>
        <xdr:cNvSpPr txBox="1"/>
      </xdr:nvSpPr>
      <xdr:spPr>
        <a:xfrm>
          <a:off x="12964169" y="6333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63847</xdr:rowOff>
    </xdr:from>
    <xdr:ext cx="405111" cy="259045"/>
    <xdr:sp macro="" textlink="">
      <xdr:nvSpPr>
        <xdr:cNvPr id="537" name="n_3aveValue【認定こども園・幼稚園・保育所】&#10;有形固定資産減価償却率">
          <a:extLst>
            <a:ext uri="{FF2B5EF4-FFF2-40B4-BE49-F238E27FC236}">
              <a16:creationId xmlns:a16="http://schemas.microsoft.com/office/drawing/2014/main" id="{7C3DA07B-C7AB-4888-A49A-6F98B47F0AD0}"/>
            </a:ext>
          </a:extLst>
        </xdr:cNvPr>
        <xdr:cNvSpPr txBox="1"/>
      </xdr:nvSpPr>
      <xdr:spPr>
        <a:xfrm>
          <a:off x="12164069" y="6313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37721</xdr:rowOff>
    </xdr:from>
    <xdr:ext cx="405111" cy="259045"/>
    <xdr:sp macro="" textlink="">
      <xdr:nvSpPr>
        <xdr:cNvPr id="538" name="n_4aveValue【認定こども園・幼稚園・保育所】&#10;有形固定資産減価償却率">
          <a:extLst>
            <a:ext uri="{FF2B5EF4-FFF2-40B4-BE49-F238E27FC236}">
              <a16:creationId xmlns:a16="http://schemas.microsoft.com/office/drawing/2014/main" id="{5B6595A9-C569-45C4-9D0F-A3C4B359F8EB}"/>
            </a:ext>
          </a:extLst>
        </xdr:cNvPr>
        <xdr:cNvSpPr txBox="1"/>
      </xdr:nvSpPr>
      <xdr:spPr>
        <a:xfrm>
          <a:off x="11354444" y="6294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73314</xdr:rowOff>
    </xdr:from>
    <xdr:ext cx="405111" cy="259045"/>
    <xdr:sp macro="" textlink="">
      <xdr:nvSpPr>
        <xdr:cNvPr id="539" name="n_1mainValue【認定こども園・幼稚園・保育所】&#10;有形固定資産減価償却率">
          <a:extLst>
            <a:ext uri="{FF2B5EF4-FFF2-40B4-BE49-F238E27FC236}">
              <a16:creationId xmlns:a16="http://schemas.microsoft.com/office/drawing/2014/main" id="{0177B59F-6A8D-4D6F-8752-73B8AC536892}"/>
            </a:ext>
          </a:extLst>
        </xdr:cNvPr>
        <xdr:cNvSpPr txBox="1"/>
      </xdr:nvSpPr>
      <xdr:spPr>
        <a:xfrm>
          <a:off x="13745219" y="5740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37391</xdr:rowOff>
    </xdr:from>
    <xdr:ext cx="405111" cy="259045"/>
    <xdr:sp macro="" textlink="">
      <xdr:nvSpPr>
        <xdr:cNvPr id="540" name="n_2mainValue【認定こども園・幼稚園・保育所】&#10;有形固定資産減価償却率">
          <a:extLst>
            <a:ext uri="{FF2B5EF4-FFF2-40B4-BE49-F238E27FC236}">
              <a16:creationId xmlns:a16="http://schemas.microsoft.com/office/drawing/2014/main" id="{A9097331-1997-4A28-93C3-7370CCD2CA7B}"/>
            </a:ext>
          </a:extLst>
        </xdr:cNvPr>
        <xdr:cNvSpPr txBox="1"/>
      </xdr:nvSpPr>
      <xdr:spPr>
        <a:xfrm>
          <a:off x="12964169" y="5704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17401</xdr:rowOff>
    </xdr:from>
    <xdr:ext cx="405111" cy="259045"/>
    <xdr:sp macro="" textlink="">
      <xdr:nvSpPr>
        <xdr:cNvPr id="541" name="n_3mainValue【認定こども園・幼稚園・保育所】&#10;有形固定資産減価償却率">
          <a:extLst>
            <a:ext uri="{FF2B5EF4-FFF2-40B4-BE49-F238E27FC236}">
              <a16:creationId xmlns:a16="http://schemas.microsoft.com/office/drawing/2014/main" id="{F07517F9-A44D-4A6C-BC03-0D843086605F}"/>
            </a:ext>
          </a:extLst>
        </xdr:cNvPr>
        <xdr:cNvSpPr txBox="1"/>
      </xdr:nvSpPr>
      <xdr:spPr>
        <a:xfrm>
          <a:off x="12164069" y="5622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104338</xdr:rowOff>
    </xdr:from>
    <xdr:ext cx="405111" cy="259045"/>
    <xdr:sp macro="" textlink="">
      <xdr:nvSpPr>
        <xdr:cNvPr id="542" name="n_4mainValue【認定こども園・幼稚園・保育所】&#10;有形固定資産減価償却率">
          <a:extLst>
            <a:ext uri="{FF2B5EF4-FFF2-40B4-BE49-F238E27FC236}">
              <a16:creationId xmlns:a16="http://schemas.microsoft.com/office/drawing/2014/main" id="{8506768B-DB6B-4389-AA12-5E181429AF49}"/>
            </a:ext>
          </a:extLst>
        </xdr:cNvPr>
        <xdr:cNvSpPr txBox="1"/>
      </xdr:nvSpPr>
      <xdr:spPr>
        <a:xfrm>
          <a:off x="11354444" y="5612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3" name="正方形/長方形 542">
          <a:extLst>
            <a:ext uri="{FF2B5EF4-FFF2-40B4-BE49-F238E27FC236}">
              <a16:creationId xmlns:a16="http://schemas.microsoft.com/office/drawing/2014/main" id="{E42319C6-4F29-4705-9639-2AF6191DFE02}"/>
            </a:ext>
          </a:extLst>
        </xdr:cNvPr>
        <xdr:cNvSpPr/>
      </xdr:nvSpPr>
      <xdr:spPr>
        <a:xfrm>
          <a:off x="16459200" y="39624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4" name="正方形/長方形 543">
          <a:extLst>
            <a:ext uri="{FF2B5EF4-FFF2-40B4-BE49-F238E27FC236}">
              <a16:creationId xmlns:a16="http://schemas.microsoft.com/office/drawing/2014/main" id="{4E13C51B-DBBF-4B41-A1DD-40CA8877C464}"/>
            </a:ext>
          </a:extLst>
        </xdr:cNvPr>
        <xdr:cNvSpPr/>
      </xdr:nvSpPr>
      <xdr:spPr>
        <a:xfrm>
          <a:off x="165830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5" name="正方形/長方形 544">
          <a:extLst>
            <a:ext uri="{FF2B5EF4-FFF2-40B4-BE49-F238E27FC236}">
              <a16:creationId xmlns:a16="http://schemas.microsoft.com/office/drawing/2014/main" id="{96BADC5A-CD09-4DAF-8AAB-AEAE71133D42}"/>
            </a:ext>
          </a:extLst>
        </xdr:cNvPr>
        <xdr:cNvSpPr/>
      </xdr:nvSpPr>
      <xdr:spPr>
        <a:xfrm>
          <a:off x="165830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6" name="正方形/長方形 545">
          <a:extLst>
            <a:ext uri="{FF2B5EF4-FFF2-40B4-BE49-F238E27FC236}">
              <a16:creationId xmlns:a16="http://schemas.microsoft.com/office/drawing/2014/main" id="{85798915-C18C-4C8B-A18C-F2E6BCB29E61}"/>
            </a:ext>
          </a:extLst>
        </xdr:cNvPr>
        <xdr:cNvSpPr/>
      </xdr:nvSpPr>
      <xdr:spPr>
        <a:xfrm>
          <a:off x="174879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7" name="正方形/長方形 546">
          <a:extLst>
            <a:ext uri="{FF2B5EF4-FFF2-40B4-BE49-F238E27FC236}">
              <a16:creationId xmlns:a16="http://schemas.microsoft.com/office/drawing/2014/main" id="{3AA03A90-68C9-4DA8-8B40-67349C244A68}"/>
            </a:ext>
          </a:extLst>
        </xdr:cNvPr>
        <xdr:cNvSpPr/>
      </xdr:nvSpPr>
      <xdr:spPr>
        <a:xfrm>
          <a:off x="174879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8" name="正方形/長方形 547">
          <a:extLst>
            <a:ext uri="{FF2B5EF4-FFF2-40B4-BE49-F238E27FC236}">
              <a16:creationId xmlns:a16="http://schemas.microsoft.com/office/drawing/2014/main" id="{EC1B69C6-6805-4874-A40A-EA8E8518D9DA}"/>
            </a:ext>
          </a:extLst>
        </xdr:cNvPr>
        <xdr:cNvSpPr/>
      </xdr:nvSpPr>
      <xdr:spPr>
        <a:xfrm>
          <a:off x="185166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9" name="正方形/長方形 548">
          <a:extLst>
            <a:ext uri="{FF2B5EF4-FFF2-40B4-BE49-F238E27FC236}">
              <a16:creationId xmlns:a16="http://schemas.microsoft.com/office/drawing/2014/main" id="{BE8F1265-17F6-40AC-9384-5AF84FE74BE1}"/>
            </a:ext>
          </a:extLst>
        </xdr:cNvPr>
        <xdr:cNvSpPr/>
      </xdr:nvSpPr>
      <xdr:spPr>
        <a:xfrm>
          <a:off x="185166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0" name="正方形/長方形 549">
          <a:extLst>
            <a:ext uri="{FF2B5EF4-FFF2-40B4-BE49-F238E27FC236}">
              <a16:creationId xmlns:a16="http://schemas.microsoft.com/office/drawing/2014/main" id="{A0940EA9-5FD0-4F46-A29D-9C67F185F398}"/>
            </a:ext>
          </a:extLst>
        </xdr:cNvPr>
        <xdr:cNvSpPr/>
      </xdr:nvSpPr>
      <xdr:spPr>
        <a:xfrm>
          <a:off x="16459200" y="50387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1" name="テキスト ボックス 550">
          <a:extLst>
            <a:ext uri="{FF2B5EF4-FFF2-40B4-BE49-F238E27FC236}">
              <a16:creationId xmlns:a16="http://schemas.microsoft.com/office/drawing/2014/main" id="{9B0B1660-C871-46F0-B91A-F08AADC74B7F}"/>
            </a:ext>
          </a:extLst>
        </xdr:cNvPr>
        <xdr:cNvSpPr txBox="1"/>
      </xdr:nvSpPr>
      <xdr:spPr>
        <a:xfrm>
          <a:off x="16440150" y="48577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2" name="直線コネクタ 551">
          <a:extLst>
            <a:ext uri="{FF2B5EF4-FFF2-40B4-BE49-F238E27FC236}">
              <a16:creationId xmlns:a16="http://schemas.microsoft.com/office/drawing/2014/main" id="{C34F716C-125E-43D3-B925-CDE25E8F3DA9}"/>
            </a:ext>
          </a:extLst>
        </xdr:cNvPr>
        <xdr:cNvCxnSpPr/>
      </xdr:nvCxnSpPr>
      <xdr:spPr>
        <a:xfrm>
          <a:off x="16459200" y="7200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3" name="直線コネクタ 552">
          <a:extLst>
            <a:ext uri="{FF2B5EF4-FFF2-40B4-BE49-F238E27FC236}">
              <a16:creationId xmlns:a16="http://schemas.microsoft.com/office/drawing/2014/main" id="{B1473FDF-28E2-4500-A445-67DFAC986BE2}"/>
            </a:ext>
          </a:extLst>
        </xdr:cNvPr>
        <xdr:cNvCxnSpPr/>
      </xdr:nvCxnSpPr>
      <xdr:spPr>
        <a:xfrm>
          <a:off x="16459200" y="67722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4" name="テキスト ボックス 553">
          <a:extLst>
            <a:ext uri="{FF2B5EF4-FFF2-40B4-BE49-F238E27FC236}">
              <a16:creationId xmlns:a16="http://schemas.microsoft.com/office/drawing/2014/main" id="{40E0ED8F-7594-493B-8DA7-A6A7F2228C4A}"/>
            </a:ext>
          </a:extLst>
        </xdr:cNvPr>
        <xdr:cNvSpPr txBox="1"/>
      </xdr:nvSpPr>
      <xdr:spPr>
        <a:xfrm>
          <a:off x="16052346" y="66364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55" name="直線コネクタ 554">
          <a:extLst>
            <a:ext uri="{FF2B5EF4-FFF2-40B4-BE49-F238E27FC236}">
              <a16:creationId xmlns:a16="http://schemas.microsoft.com/office/drawing/2014/main" id="{8A7573DD-7A10-4E57-9562-E81295D0D70E}"/>
            </a:ext>
          </a:extLst>
        </xdr:cNvPr>
        <xdr:cNvCxnSpPr/>
      </xdr:nvCxnSpPr>
      <xdr:spPr>
        <a:xfrm>
          <a:off x="16459200" y="63341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56" name="テキスト ボックス 555">
          <a:extLst>
            <a:ext uri="{FF2B5EF4-FFF2-40B4-BE49-F238E27FC236}">
              <a16:creationId xmlns:a16="http://schemas.microsoft.com/office/drawing/2014/main" id="{D92077F0-E176-4054-89D5-D52447671236}"/>
            </a:ext>
          </a:extLst>
        </xdr:cNvPr>
        <xdr:cNvSpPr txBox="1"/>
      </xdr:nvSpPr>
      <xdr:spPr>
        <a:xfrm>
          <a:off x="16052346" y="61982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57" name="直線コネクタ 556">
          <a:extLst>
            <a:ext uri="{FF2B5EF4-FFF2-40B4-BE49-F238E27FC236}">
              <a16:creationId xmlns:a16="http://schemas.microsoft.com/office/drawing/2014/main" id="{ED874DBE-241B-49E3-967E-0AD31A4ACA1A}"/>
            </a:ext>
          </a:extLst>
        </xdr:cNvPr>
        <xdr:cNvCxnSpPr/>
      </xdr:nvCxnSpPr>
      <xdr:spPr>
        <a:xfrm>
          <a:off x="16459200" y="590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58" name="テキスト ボックス 557">
          <a:extLst>
            <a:ext uri="{FF2B5EF4-FFF2-40B4-BE49-F238E27FC236}">
              <a16:creationId xmlns:a16="http://schemas.microsoft.com/office/drawing/2014/main" id="{964D3F14-0C97-4347-ACB5-52A51F632567}"/>
            </a:ext>
          </a:extLst>
        </xdr:cNvPr>
        <xdr:cNvSpPr txBox="1"/>
      </xdr:nvSpPr>
      <xdr:spPr>
        <a:xfrm>
          <a:off x="16052346" y="5769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59" name="直線コネクタ 558">
          <a:extLst>
            <a:ext uri="{FF2B5EF4-FFF2-40B4-BE49-F238E27FC236}">
              <a16:creationId xmlns:a16="http://schemas.microsoft.com/office/drawing/2014/main" id="{8BD5D7F9-3638-4E14-AF42-E14A9FEA3974}"/>
            </a:ext>
          </a:extLst>
        </xdr:cNvPr>
        <xdr:cNvCxnSpPr/>
      </xdr:nvCxnSpPr>
      <xdr:spPr>
        <a:xfrm>
          <a:off x="16459200" y="54768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0" name="テキスト ボックス 559">
          <a:extLst>
            <a:ext uri="{FF2B5EF4-FFF2-40B4-BE49-F238E27FC236}">
              <a16:creationId xmlns:a16="http://schemas.microsoft.com/office/drawing/2014/main" id="{EC4F84AE-4206-4CF4-A301-E59C252E9FB3}"/>
            </a:ext>
          </a:extLst>
        </xdr:cNvPr>
        <xdr:cNvSpPr txBox="1"/>
      </xdr:nvSpPr>
      <xdr:spPr>
        <a:xfrm>
          <a:off x="16052346" y="53410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1" name="直線コネクタ 560">
          <a:extLst>
            <a:ext uri="{FF2B5EF4-FFF2-40B4-BE49-F238E27FC236}">
              <a16:creationId xmlns:a16="http://schemas.microsoft.com/office/drawing/2014/main" id="{C954C8A9-695A-46AE-9729-D911F0DA368D}"/>
            </a:ext>
          </a:extLst>
        </xdr:cNvPr>
        <xdr:cNvCxnSpPr/>
      </xdr:nvCxnSpPr>
      <xdr:spPr>
        <a:xfrm>
          <a:off x="16459200" y="5038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2" name="テキスト ボックス 561">
          <a:extLst>
            <a:ext uri="{FF2B5EF4-FFF2-40B4-BE49-F238E27FC236}">
              <a16:creationId xmlns:a16="http://schemas.microsoft.com/office/drawing/2014/main" id="{C7905F3C-6EE7-41E9-823E-8B5DE42B3011}"/>
            </a:ext>
          </a:extLst>
        </xdr:cNvPr>
        <xdr:cNvSpPr txBox="1"/>
      </xdr:nvSpPr>
      <xdr:spPr>
        <a:xfrm>
          <a:off x="16052346" y="4902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3" name="【認定こども園・幼稚園・保育所】&#10;一人当たり面積グラフ枠">
          <a:extLst>
            <a:ext uri="{FF2B5EF4-FFF2-40B4-BE49-F238E27FC236}">
              <a16:creationId xmlns:a16="http://schemas.microsoft.com/office/drawing/2014/main" id="{BEDE2102-31C6-4D57-900D-5DE1D714FACF}"/>
            </a:ext>
          </a:extLst>
        </xdr:cNvPr>
        <xdr:cNvSpPr/>
      </xdr:nvSpPr>
      <xdr:spPr>
        <a:xfrm>
          <a:off x="16459200" y="50387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41910</xdr:rowOff>
    </xdr:from>
    <xdr:to>
      <xdr:col>116</xdr:col>
      <xdr:colOff>62864</xdr:colOff>
      <xdr:row>41</xdr:row>
      <xdr:rowOff>69342</xdr:rowOff>
    </xdr:to>
    <xdr:cxnSp macro="">
      <xdr:nvCxnSpPr>
        <xdr:cNvPr id="564" name="直線コネクタ 563">
          <a:extLst>
            <a:ext uri="{FF2B5EF4-FFF2-40B4-BE49-F238E27FC236}">
              <a16:creationId xmlns:a16="http://schemas.microsoft.com/office/drawing/2014/main" id="{5E46C81B-4045-48C3-A6E8-59B38FD58BD9}"/>
            </a:ext>
          </a:extLst>
        </xdr:cNvPr>
        <xdr:cNvCxnSpPr/>
      </xdr:nvCxnSpPr>
      <xdr:spPr>
        <a:xfrm flipV="1">
          <a:off x="19954239" y="5388610"/>
          <a:ext cx="0" cy="13164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73169</xdr:rowOff>
    </xdr:from>
    <xdr:ext cx="469744" cy="259045"/>
    <xdr:sp macro="" textlink="">
      <xdr:nvSpPr>
        <xdr:cNvPr id="565" name="【認定こども園・幼稚園・保育所】&#10;一人当たり面積最小値テキスト">
          <a:extLst>
            <a:ext uri="{FF2B5EF4-FFF2-40B4-BE49-F238E27FC236}">
              <a16:creationId xmlns:a16="http://schemas.microsoft.com/office/drawing/2014/main" id="{1E2B72A1-5617-4712-B7E8-A911E7466407}"/>
            </a:ext>
          </a:extLst>
        </xdr:cNvPr>
        <xdr:cNvSpPr txBox="1"/>
      </xdr:nvSpPr>
      <xdr:spPr>
        <a:xfrm>
          <a:off x="19992975" y="6712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69342</xdr:rowOff>
    </xdr:from>
    <xdr:to>
      <xdr:col>116</xdr:col>
      <xdr:colOff>152400</xdr:colOff>
      <xdr:row>41</xdr:row>
      <xdr:rowOff>69342</xdr:rowOff>
    </xdr:to>
    <xdr:cxnSp macro="">
      <xdr:nvCxnSpPr>
        <xdr:cNvPr id="566" name="直線コネクタ 565">
          <a:extLst>
            <a:ext uri="{FF2B5EF4-FFF2-40B4-BE49-F238E27FC236}">
              <a16:creationId xmlns:a16="http://schemas.microsoft.com/office/drawing/2014/main" id="{45F78F82-70BF-41FB-8135-1B091AFF7D7B}"/>
            </a:ext>
          </a:extLst>
        </xdr:cNvPr>
        <xdr:cNvCxnSpPr/>
      </xdr:nvCxnSpPr>
      <xdr:spPr>
        <a:xfrm>
          <a:off x="19878675" y="670509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60037</xdr:rowOff>
    </xdr:from>
    <xdr:ext cx="469744" cy="259045"/>
    <xdr:sp macro="" textlink="">
      <xdr:nvSpPr>
        <xdr:cNvPr id="567" name="【認定こども園・幼稚園・保育所】&#10;一人当たり面積最大値テキスト">
          <a:extLst>
            <a:ext uri="{FF2B5EF4-FFF2-40B4-BE49-F238E27FC236}">
              <a16:creationId xmlns:a16="http://schemas.microsoft.com/office/drawing/2014/main" id="{87D64FB5-3BAE-4177-8739-99FD5B10B0C1}"/>
            </a:ext>
          </a:extLst>
        </xdr:cNvPr>
        <xdr:cNvSpPr txBox="1"/>
      </xdr:nvSpPr>
      <xdr:spPr>
        <a:xfrm>
          <a:off x="19992975" y="5182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41910</xdr:rowOff>
    </xdr:from>
    <xdr:to>
      <xdr:col>116</xdr:col>
      <xdr:colOff>152400</xdr:colOff>
      <xdr:row>33</xdr:row>
      <xdr:rowOff>41910</xdr:rowOff>
    </xdr:to>
    <xdr:cxnSp macro="">
      <xdr:nvCxnSpPr>
        <xdr:cNvPr id="568" name="直線コネクタ 567">
          <a:extLst>
            <a:ext uri="{FF2B5EF4-FFF2-40B4-BE49-F238E27FC236}">
              <a16:creationId xmlns:a16="http://schemas.microsoft.com/office/drawing/2014/main" id="{A1B94E22-8C92-4BAD-866A-BC8DB16208C6}"/>
            </a:ext>
          </a:extLst>
        </xdr:cNvPr>
        <xdr:cNvCxnSpPr/>
      </xdr:nvCxnSpPr>
      <xdr:spPr>
        <a:xfrm>
          <a:off x="19878675" y="538861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569" name="【認定こども園・幼稚園・保育所】&#10;一人当たり面積平均値テキスト">
          <a:extLst>
            <a:ext uri="{FF2B5EF4-FFF2-40B4-BE49-F238E27FC236}">
              <a16:creationId xmlns:a16="http://schemas.microsoft.com/office/drawing/2014/main" id="{5B7AFFB7-954C-4210-88D6-CE163A39A410}"/>
            </a:ext>
          </a:extLst>
        </xdr:cNvPr>
        <xdr:cNvSpPr txBox="1"/>
      </xdr:nvSpPr>
      <xdr:spPr>
        <a:xfrm>
          <a:off x="19992975" y="62782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570" name="フローチャート: 判断 569">
          <a:extLst>
            <a:ext uri="{FF2B5EF4-FFF2-40B4-BE49-F238E27FC236}">
              <a16:creationId xmlns:a16="http://schemas.microsoft.com/office/drawing/2014/main" id="{857E577F-FC6C-469B-A503-881127DA7EA0}"/>
            </a:ext>
          </a:extLst>
        </xdr:cNvPr>
        <xdr:cNvSpPr/>
      </xdr:nvSpPr>
      <xdr:spPr>
        <a:xfrm>
          <a:off x="19897725" y="641731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571" name="フローチャート: 判断 570">
          <a:extLst>
            <a:ext uri="{FF2B5EF4-FFF2-40B4-BE49-F238E27FC236}">
              <a16:creationId xmlns:a16="http://schemas.microsoft.com/office/drawing/2014/main" id="{9EBB58E1-D1E3-4F4D-89E4-780F9A2B89BA}"/>
            </a:ext>
          </a:extLst>
        </xdr:cNvPr>
        <xdr:cNvSpPr/>
      </xdr:nvSpPr>
      <xdr:spPr>
        <a:xfrm>
          <a:off x="19154775" y="641731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96266</xdr:rowOff>
    </xdr:from>
    <xdr:to>
      <xdr:col>107</xdr:col>
      <xdr:colOff>101600</xdr:colOff>
      <xdr:row>40</xdr:row>
      <xdr:rowOff>26416</xdr:rowOff>
    </xdr:to>
    <xdr:sp macro="" textlink="">
      <xdr:nvSpPr>
        <xdr:cNvPr id="572" name="フローチャート: 判断 571">
          <a:extLst>
            <a:ext uri="{FF2B5EF4-FFF2-40B4-BE49-F238E27FC236}">
              <a16:creationId xmlns:a16="http://schemas.microsoft.com/office/drawing/2014/main" id="{F687CAEB-0DBC-495E-9BF7-1454A8FD5719}"/>
            </a:ext>
          </a:extLst>
        </xdr:cNvPr>
        <xdr:cNvSpPr/>
      </xdr:nvSpPr>
      <xdr:spPr>
        <a:xfrm>
          <a:off x="18345150" y="6411341"/>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87122</xdr:rowOff>
    </xdr:from>
    <xdr:to>
      <xdr:col>102</xdr:col>
      <xdr:colOff>165100</xdr:colOff>
      <xdr:row>40</xdr:row>
      <xdr:rowOff>17272</xdr:rowOff>
    </xdr:to>
    <xdr:sp macro="" textlink="">
      <xdr:nvSpPr>
        <xdr:cNvPr id="573" name="フローチャート: 判断 572">
          <a:extLst>
            <a:ext uri="{FF2B5EF4-FFF2-40B4-BE49-F238E27FC236}">
              <a16:creationId xmlns:a16="http://schemas.microsoft.com/office/drawing/2014/main" id="{E5FF7685-02CF-4BF2-8D0B-95FFEB3B2393}"/>
            </a:ext>
          </a:extLst>
        </xdr:cNvPr>
        <xdr:cNvSpPr/>
      </xdr:nvSpPr>
      <xdr:spPr>
        <a:xfrm>
          <a:off x="17554575" y="6399022"/>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87122</xdr:rowOff>
    </xdr:from>
    <xdr:to>
      <xdr:col>98</xdr:col>
      <xdr:colOff>38100</xdr:colOff>
      <xdr:row>40</xdr:row>
      <xdr:rowOff>17272</xdr:rowOff>
    </xdr:to>
    <xdr:sp macro="" textlink="">
      <xdr:nvSpPr>
        <xdr:cNvPr id="574" name="フローチャート: 判断 573">
          <a:extLst>
            <a:ext uri="{FF2B5EF4-FFF2-40B4-BE49-F238E27FC236}">
              <a16:creationId xmlns:a16="http://schemas.microsoft.com/office/drawing/2014/main" id="{88810878-2F34-4D93-A2E0-6D953932E8EA}"/>
            </a:ext>
          </a:extLst>
        </xdr:cNvPr>
        <xdr:cNvSpPr/>
      </xdr:nvSpPr>
      <xdr:spPr>
        <a:xfrm>
          <a:off x="16754475" y="6399022"/>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5" name="テキスト ボックス 574">
          <a:extLst>
            <a:ext uri="{FF2B5EF4-FFF2-40B4-BE49-F238E27FC236}">
              <a16:creationId xmlns:a16="http://schemas.microsoft.com/office/drawing/2014/main" id="{C1547F5E-21F1-4E98-8F4E-E1DC67C476A5}"/>
            </a:ext>
          </a:extLst>
        </xdr:cNvPr>
        <xdr:cNvSpPr txBox="1"/>
      </xdr:nvSpPr>
      <xdr:spPr>
        <a:xfrm>
          <a:off x="197834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6" name="テキスト ボックス 575">
          <a:extLst>
            <a:ext uri="{FF2B5EF4-FFF2-40B4-BE49-F238E27FC236}">
              <a16:creationId xmlns:a16="http://schemas.microsoft.com/office/drawing/2014/main" id="{FFC0DA0E-1AE4-45C2-AD84-4A97B2E2E782}"/>
            </a:ext>
          </a:extLst>
        </xdr:cNvPr>
        <xdr:cNvSpPr txBox="1"/>
      </xdr:nvSpPr>
      <xdr:spPr>
        <a:xfrm>
          <a:off x="190309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7" name="テキスト ボックス 576">
          <a:extLst>
            <a:ext uri="{FF2B5EF4-FFF2-40B4-BE49-F238E27FC236}">
              <a16:creationId xmlns:a16="http://schemas.microsoft.com/office/drawing/2014/main" id="{3012CEE1-F4BC-427E-A077-8948074A8DEA}"/>
            </a:ext>
          </a:extLst>
        </xdr:cNvPr>
        <xdr:cNvSpPr txBox="1"/>
      </xdr:nvSpPr>
      <xdr:spPr>
        <a:xfrm>
          <a:off x="182213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78" name="テキスト ボックス 577">
          <a:extLst>
            <a:ext uri="{FF2B5EF4-FFF2-40B4-BE49-F238E27FC236}">
              <a16:creationId xmlns:a16="http://schemas.microsoft.com/office/drawing/2014/main" id="{9375DDAB-CAF0-4AAB-87C6-4520D9A7E44F}"/>
            </a:ext>
          </a:extLst>
        </xdr:cNvPr>
        <xdr:cNvSpPr txBox="1"/>
      </xdr:nvSpPr>
      <xdr:spPr>
        <a:xfrm>
          <a:off x="174307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79" name="テキスト ボックス 578">
          <a:extLst>
            <a:ext uri="{FF2B5EF4-FFF2-40B4-BE49-F238E27FC236}">
              <a16:creationId xmlns:a16="http://schemas.microsoft.com/office/drawing/2014/main" id="{7C8B2CAF-3003-4A73-9A68-1794D92CED3E}"/>
            </a:ext>
          </a:extLst>
        </xdr:cNvPr>
        <xdr:cNvSpPr txBox="1"/>
      </xdr:nvSpPr>
      <xdr:spPr>
        <a:xfrm>
          <a:off x="166306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25984</xdr:rowOff>
    </xdr:from>
    <xdr:to>
      <xdr:col>116</xdr:col>
      <xdr:colOff>114300</xdr:colOff>
      <xdr:row>41</xdr:row>
      <xdr:rowOff>56134</xdr:rowOff>
    </xdr:to>
    <xdr:sp macro="" textlink="">
      <xdr:nvSpPr>
        <xdr:cNvPr id="580" name="楕円 579">
          <a:extLst>
            <a:ext uri="{FF2B5EF4-FFF2-40B4-BE49-F238E27FC236}">
              <a16:creationId xmlns:a16="http://schemas.microsoft.com/office/drawing/2014/main" id="{AFCF01EF-35AE-42B7-AE16-59022879A6B3}"/>
            </a:ext>
          </a:extLst>
        </xdr:cNvPr>
        <xdr:cNvSpPr/>
      </xdr:nvSpPr>
      <xdr:spPr>
        <a:xfrm>
          <a:off x="19897725" y="6599809"/>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40911</xdr:rowOff>
    </xdr:from>
    <xdr:ext cx="469744" cy="259045"/>
    <xdr:sp macro="" textlink="">
      <xdr:nvSpPr>
        <xdr:cNvPr id="581" name="【認定こども園・幼稚園・保育所】&#10;一人当たり面積該当値テキスト">
          <a:extLst>
            <a:ext uri="{FF2B5EF4-FFF2-40B4-BE49-F238E27FC236}">
              <a16:creationId xmlns:a16="http://schemas.microsoft.com/office/drawing/2014/main" id="{45E0E959-C276-4339-B679-93CE253728E0}"/>
            </a:ext>
          </a:extLst>
        </xdr:cNvPr>
        <xdr:cNvSpPr txBox="1"/>
      </xdr:nvSpPr>
      <xdr:spPr>
        <a:xfrm>
          <a:off x="19992975" y="6517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16840</xdr:rowOff>
    </xdr:from>
    <xdr:to>
      <xdr:col>112</xdr:col>
      <xdr:colOff>38100</xdr:colOff>
      <xdr:row>41</xdr:row>
      <xdr:rowOff>46990</xdr:rowOff>
    </xdr:to>
    <xdr:sp macro="" textlink="">
      <xdr:nvSpPr>
        <xdr:cNvPr id="582" name="楕円 581">
          <a:extLst>
            <a:ext uri="{FF2B5EF4-FFF2-40B4-BE49-F238E27FC236}">
              <a16:creationId xmlns:a16="http://schemas.microsoft.com/office/drawing/2014/main" id="{CCEA9FFE-44E0-49E2-A00C-3DACE2156D7A}"/>
            </a:ext>
          </a:extLst>
        </xdr:cNvPr>
        <xdr:cNvSpPr/>
      </xdr:nvSpPr>
      <xdr:spPr>
        <a:xfrm>
          <a:off x="19154775" y="659384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67640</xdr:rowOff>
    </xdr:from>
    <xdr:to>
      <xdr:col>116</xdr:col>
      <xdr:colOff>63500</xdr:colOff>
      <xdr:row>41</xdr:row>
      <xdr:rowOff>5334</xdr:rowOff>
    </xdr:to>
    <xdr:cxnSp macro="">
      <xdr:nvCxnSpPr>
        <xdr:cNvPr id="583" name="直線コネクタ 582">
          <a:extLst>
            <a:ext uri="{FF2B5EF4-FFF2-40B4-BE49-F238E27FC236}">
              <a16:creationId xmlns:a16="http://schemas.microsoft.com/office/drawing/2014/main" id="{8B901090-8210-463A-BA1A-027B01197FE5}"/>
            </a:ext>
          </a:extLst>
        </xdr:cNvPr>
        <xdr:cNvCxnSpPr/>
      </xdr:nvCxnSpPr>
      <xdr:spPr>
        <a:xfrm>
          <a:off x="19202400" y="6641465"/>
          <a:ext cx="752475" cy="5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07696</xdr:rowOff>
    </xdr:from>
    <xdr:to>
      <xdr:col>107</xdr:col>
      <xdr:colOff>101600</xdr:colOff>
      <xdr:row>41</xdr:row>
      <xdr:rowOff>37846</xdr:rowOff>
    </xdr:to>
    <xdr:sp macro="" textlink="">
      <xdr:nvSpPr>
        <xdr:cNvPr id="584" name="楕円 583">
          <a:extLst>
            <a:ext uri="{FF2B5EF4-FFF2-40B4-BE49-F238E27FC236}">
              <a16:creationId xmlns:a16="http://schemas.microsoft.com/office/drawing/2014/main" id="{97597192-4174-4376-8467-383305147BB6}"/>
            </a:ext>
          </a:extLst>
        </xdr:cNvPr>
        <xdr:cNvSpPr/>
      </xdr:nvSpPr>
      <xdr:spPr>
        <a:xfrm>
          <a:off x="18345150" y="6581521"/>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58496</xdr:rowOff>
    </xdr:from>
    <xdr:to>
      <xdr:col>111</xdr:col>
      <xdr:colOff>177800</xdr:colOff>
      <xdr:row>40</xdr:row>
      <xdr:rowOff>167640</xdr:rowOff>
    </xdr:to>
    <xdr:cxnSp macro="">
      <xdr:nvCxnSpPr>
        <xdr:cNvPr id="585" name="直線コネクタ 584">
          <a:extLst>
            <a:ext uri="{FF2B5EF4-FFF2-40B4-BE49-F238E27FC236}">
              <a16:creationId xmlns:a16="http://schemas.microsoft.com/office/drawing/2014/main" id="{ECD3F133-8AB8-41D7-86CB-FD17D2A1ED83}"/>
            </a:ext>
          </a:extLst>
        </xdr:cNvPr>
        <xdr:cNvCxnSpPr/>
      </xdr:nvCxnSpPr>
      <xdr:spPr>
        <a:xfrm>
          <a:off x="18392775" y="6638671"/>
          <a:ext cx="809625" cy="2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07696</xdr:rowOff>
    </xdr:from>
    <xdr:to>
      <xdr:col>102</xdr:col>
      <xdr:colOff>165100</xdr:colOff>
      <xdr:row>41</xdr:row>
      <xdr:rowOff>37846</xdr:rowOff>
    </xdr:to>
    <xdr:sp macro="" textlink="">
      <xdr:nvSpPr>
        <xdr:cNvPr id="586" name="楕円 585">
          <a:extLst>
            <a:ext uri="{FF2B5EF4-FFF2-40B4-BE49-F238E27FC236}">
              <a16:creationId xmlns:a16="http://schemas.microsoft.com/office/drawing/2014/main" id="{2A85DA8B-8A47-4B12-A40D-041B53950215}"/>
            </a:ext>
          </a:extLst>
        </xdr:cNvPr>
        <xdr:cNvSpPr/>
      </xdr:nvSpPr>
      <xdr:spPr>
        <a:xfrm>
          <a:off x="17554575" y="6581521"/>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58496</xdr:rowOff>
    </xdr:from>
    <xdr:to>
      <xdr:col>107</xdr:col>
      <xdr:colOff>50800</xdr:colOff>
      <xdr:row>40</xdr:row>
      <xdr:rowOff>158496</xdr:rowOff>
    </xdr:to>
    <xdr:cxnSp macro="">
      <xdr:nvCxnSpPr>
        <xdr:cNvPr id="587" name="直線コネクタ 586">
          <a:extLst>
            <a:ext uri="{FF2B5EF4-FFF2-40B4-BE49-F238E27FC236}">
              <a16:creationId xmlns:a16="http://schemas.microsoft.com/office/drawing/2014/main" id="{8BACD774-FFC2-44D6-9617-E76CC4360357}"/>
            </a:ext>
          </a:extLst>
        </xdr:cNvPr>
        <xdr:cNvCxnSpPr/>
      </xdr:nvCxnSpPr>
      <xdr:spPr>
        <a:xfrm>
          <a:off x="17602200" y="6638671"/>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07696</xdr:rowOff>
    </xdr:from>
    <xdr:to>
      <xdr:col>98</xdr:col>
      <xdr:colOff>38100</xdr:colOff>
      <xdr:row>41</xdr:row>
      <xdr:rowOff>37846</xdr:rowOff>
    </xdr:to>
    <xdr:sp macro="" textlink="">
      <xdr:nvSpPr>
        <xdr:cNvPr id="588" name="楕円 587">
          <a:extLst>
            <a:ext uri="{FF2B5EF4-FFF2-40B4-BE49-F238E27FC236}">
              <a16:creationId xmlns:a16="http://schemas.microsoft.com/office/drawing/2014/main" id="{B770A920-84CB-431F-8BEE-67C99452A904}"/>
            </a:ext>
          </a:extLst>
        </xdr:cNvPr>
        <xdr:cNvSpPr/>
      </xdr:nvSpPr>
      <xdr:spPr>
        <a:xfrm>
          <a:off x="16754475" y="6581521"/>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58496</xdr:rowOff>
    </xdr:from>
    <xdr:to>
      <xdr:col>102</xdr:col>
      <xdr:colOff>114300</xdr:colOff>
      <xdr:row>40</xdr:row>
      <xdr:rowOff>158496</xdr:rowOff>
    </xdr:to>
    <xdr:cxnSp macro="">
      <xdr:nvCxnSpPr>
        <xdr:cNvPr id="589" name="直線コネクタ 588">
          <a:extLst>
            <a:ext uri="{FF2B5EF4-FFF2-40B4-BE49-F238E27FC236}">
              <a16:creationId xmlns:a16="http://schemas.microsoft.com/office/drawing/2014/main" id="{3E11E436-BCBD-4A4B-AA69-0662E1AE6043}"/>
            </a:ext>
          </a:extLst>
        </xdr:cNvPr>
        <xdr:cNvCxnSpPr/>
      </xdr:nvCxnSpPr>
      <xdr:spPr>
        <a:xfrm>
          <a:off x="16802100" y="6638671"/>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2087</xdr:rowOff>
    </xdr:from>
    <xdr:ext cx="469744" cy="259045"/>
    <xdr:sp macro="" textlink="">
      <xdr:nvSpPr>
        <xdr:cNvPr id="590" name="n_1aveValue【認定こども園・幼稚園・保育所】&#10;一人当たり面積">
          <a:extLst>
            <a:ext uri="{FF2B5EF4-FFF2-40B4-BE49-F238E27FC236}">
              <a16:creationId xmlns:a16="http://schemas.microsoft.com/office/drawing/2014/main" id="{9AFB129D-E408-485D-896C-7E3908A33665}"/>
            </a:ext>
          </a:extLst>
        </xdr:cNvPr>
        <xdr:cNvSpPr txBox="1"/>
      </xdr:nvSpPr>
      <xdr:spPr>
        <a:xfrm>
          <a:off x="18983402" y="6202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42943</xdr:rowOff>
    </xdr:from>
    <xdr:ext cx="469744" cy="259045"/>
    <xdr:sp macro="" textlink="">
      <xdr:nvSpPr>
        <xdr:cNvPr id="591" name="n_2aveValue【認定こども園・幼稚園・保育所】&#10;一人当たり面積">
          <a:extLst>
            <a:ext uri="{FF2B5EF4-FFF2-40B4-BE49-F238E27FC236}">
              <a16:creationId xmlns:a16="http://schemas.microsoft.com/office/drawing/2014/main" id="{78C24706-121F-401F-84F5-435C991D26BD}"/>
            </a:ext>
          </a:extLst>
        </xdr:cNvPr>
        <xdr:cNvSpPr txBox="1"/>
      </xdr:nvSpPr>
      <xdr:spPr>
        <a:xfrm>
          <a:off x="18183302" y="6199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33799</xdr:rowOff>
    </xdr:from>
    <xdr:ext cx="469744" cy="259045"/>
    <xdr:sp macro="" textlink="">
      <xdr:nvSpPr>
        <xdr:cNvPr id="592" name="n_3aveValue【認定こども園・幼稚園・保育所】&#10;一人当たり面積">
          <a:extLst>
            <a:ext uri="{FF2B5EF4-FFF2-40B4-BE49-F238E27FC236}">
              <a16:creationId xmlns:a16="http://schemas.microsoft.com/office/drawing/2014/main" id="{268B3A04-9ADE-4C7B-ABFE-0EE985B62414}"/>
            </a:ext>
          </a:extLst>
        </xdr:cNvPr>
        <xdr:cNvSpPr txBox="1"/>
      </xdr:nvSpPr>
      <xdr:spPr>
        <a:xfrm>
          <a:off x="17383202" y="6183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33799</xdr:rowOff>
    </xdr:from>
    <xdr:ext cx="469744" cy="259045"/>
    <xdr:sp macro="" textlink="">
      <xdr:nvSpPr>
        <xdr:cNvPr id="593" name="n_4aveValue【認定こども園・幼稚園・保育所】&#10;一人当たり面積">
          <a:extLst>
            <a:ext uri="{FF2B5EF4-FFF2-40B4-BE49-F238E27FC236}">
              <a16:creationId xmlns:a16="http://schemas.microsoft.com/office/drawing/2014/main" id="{31CC9E1D-EA82-4637-BFC8-01933F700AA5}"/>
            </a:ext>
          </a:extLst>
        </xdr:cNvPr>
        <xdr:cNvSpPr txBox="1"/>
      </xdr:nvSpPr>
      <xdr:spPr>
        <a:xfrm>
          <a:off x="16592627" y="6183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38117</xdr:rowOff>
    </xdr:from>
    <xdr:ext cx="469744" cy="259045"/>
    <xdr:sp macro="" textlink="">
      <xdr:nvSpPr>
        <xdr:cNvPr id="594" name="n_1mainValue【認定こども園・幼稚園・保育所】&#10;一人当たり面積">
          <a:extLst>
            <a:ext uri="{FF2B5EF4-FFF2-40B4-BE49-F238E27FC236}">
              <a16:creationId xmlns:a16="http://schemas.microsoft.com/office/drawing/2014/main" id="{1ACCBC70-BDA6-4DFE-99C6-7B6372FDAA70}"/>
            </a:ext>
          </a:extLst>
        </xdr:cNvPr>
        <xdr:cNvSpPr txBox="1"/>
      </xdr:nvSpPr>
      <xdr:spPr>
        <a:xfrm>
          <a:off x="18983402" y="6677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28973</xdr:rowOff>
    </xdr:from>
    <xdr:ext cx="469744" cy="259045"/>
    <xdr:sp macro="" textlink="">
      <xdr:nvSpPr>
        <xdr:cNvPr id="595" name="n_2mainValue【認定こども園・幼稚園・保育所】&#10;一人当たり面積">
          <a:extLst>
            <a:ext uri="{FF2B5EF4-FFF2-40B4-BE49-F238E27FC236}">
              <a16:creationId xmlns:a16="http://schemas.microsoft.com/office/drawing/2014/main" id="{C7570CAD-1D9A-465C-9E58-562E46F398C1}"/>
            </a:ext>
          </a:extLst>
        </xdr:cNvPr>
        <xdr:cNvSpPr txBox="1"/>
      </xdr:nvSpPr>
      <xdr:spPr>
        <a:xfrm>
          <a:off x="18183302" y="6664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28973</xdr:rowOff>
    </xdr:from>
    <xdr:ext cx="469744" cy="259045"/>
    <xdr:sp macro="" textlink="">
      <xdr:nvSpPr>
        <xdr:cNvPr id="596" name="n_3mainValue【認定こども園・幼稚園・保育所】&#10;一人当たり面積">
          <a:extLst>
            <a:ext uri="{FF2B5EF4-FFF2-40B4-BE49-F238E27FC236}">
              <a16:creationId xmlns:a16="http://schemas.microsoft.com/office/drawing/2014/main" id="{A818A19D-0248-4F7B-A58A-BAED5F39410C}"/>
            </a:ext>
          </a:extLst>
        </xdr:cNvPr>
        <xdr:cNvSpPr txBox="1"/>
      </xdr:nvSpPr>
      <xdr:spPr>
        <a:xfrm>
          <a:off x="17383202" y="6664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28973</xdr:rowOff>
    </xdr:from>
    <xdr:ext cx="469744" cy="259045"/>
    <xdr:sp macro="" textlink="">
      <xdr:nvSpPr>
        <xdr:cNvPr id="597" name="n_4mainValue【認定こども園・幼稚園・保育所】&#10;一人当たり面積">
          <a:extLst>
            <a:ext uri="{FF2B5EF4-FFF2-40B4-BE49-F238E27FC236}">
              <a16:creationId xmlns:a16="http://schemas.microsoft.com/office/drawing/2014/main" id="{8723BD72-09B9-4FD6-AF19-E5CDEBB5007F}"/>
            </a:ext>
          </a:extLst>
        </xdr:cNvPr>
        <xdr:cNvSpPr txBox="1"/>
      </xdr:nvSpPr>
      <xdr:spPr>
        <a:xfrm>
          <a:off x="16592627" y="6664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8" name="正方形/長方形 597">
          <a:extLst>
            <a:ext uri="{FF2B5EF4-FFF2-40B4-BE49-F238E27FC236}">
              <a16:creationId xmlns:a16="http://schemas.microsoft.com/office/drawing/2014/main" id="{CA9F878C-E9CC-490A-AE6E-5CEC0B5262C3}"/>
            </a:ext>
          </a:extLst>
        </xdr:cNvPr>
        <xdr:cNvSpPr/>
      </xdr:nvSpPr>
      <xdr:spPr>
        <a:xfrm>
          <a:off x="11210925" y="756285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99" name="正方形/長方形 598">
          <a:extLst>
            <a:ext uri="{FF2B5EF4-FFF2-40B4-BE49-F238E27FC236}">
              <a16:creationId xmlns:a16="http://schemas.microsoft.com/office/drawing/2014/main" id="{7976C46B-CD9A-41BC-B0A0-6A1935DC61C5}"/>
            </a:ext>
          </a:extLst>
        </xdr:cNvPr>
        <xdr:cNvSpPr/>
      </xdr:nvSpPr>
      <xdr:spPr>
        <a:xfrm>
          <a:off x="113157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0" name="正方形/長方形 599">
          <a:extLst>
            <a:ext uri="{FF2B5EF4-FFF2-40B4-BE49-F238E27FC236}">
              <a16:creationId xmlns:a16="http://schemas.microsoft.com/office/drawing/2014/main" id="{EEB35A2B-E957-4B0B-B34A-013A8129A2A7}"/>
            </a:ext>
          </a:extLst>
        </xdr:cNvPr>
        <xdr:cNvSpPr/>
      </xdr:nvSpPr>
      <xdr:spPr>
        <a:xfrm>
          <a:off x="113157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1" name="正方形/長方形 600">
          <a:extLst>
            <a:ext uri="{FF2B5EF4-FFF2-40B4-BE49-F238E27FC236}">
              <a16:creationId xmlns:a16="http://schemas.microsoft.com/office/drawing/2014/main" id="{5550C16B-F3E5-46D1-84F4-8DC2E2815A80}"/>
            </a:ext>
          </a:extLst>
        </xdr:cNvPr>
        <xdr:cNvSpPr/>
      </xdr:nvSpPr>
      <xdr:spPr>
        <a:xfrm>
          <a:off x="122396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2" name="正方形/長方形 601">
          <a:extLst>
            <a:ext uri="{FF2B5EF4-FFF2-40B4-BE49-F238E27FC236}">
              <a16:creationId xmlns:a16="http://schemas.microsoft.com/office/drawing/2014/main" id="{A019DD31-94BF-4A52-9C03-DB6625F0F416}"/>
            </a:ext>
          </a:extLst>
        </xdr:cNvPr>
        <xdr:cNvSpPr/>
      </xdr:nvSpPr>
      <xdr:spPr>
        <a:xfrm>
          <a:off x="122396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3" name="正方形/長方形 602">
          <a:extLst>
            <a:ext uri="{FF2B5EF4-FFF2-40B4-BE49-F238E27FC236}">
              <a16:creationId xmlns:a16="http://schemas.microsoft.com/office/drawing/2014/main" id="{98E4F8D5-04EC-49D6-9B30-3A8C248006DB}"/>
            </a:ext>
          </a:extLst>
        </xdr:cNvPr>
        <xdr:cNvSpPr/>
      </xdr:nvSpPr>
      <xdr:spPr>
        <a:xfrm>
          <a:off x="132683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4" name="正方形/長方形 603">
          <a:extLst>
            <a:ext uri="{FF2B5EF4-FFF2-40B4-BE49-F238E27FC236}">
              <a16:creationId xmlns:a16="http://schemas.microsoft.com/office/drawing/2014/main" id="{A5F4CBB6-1D22-4A85-A476-1F46A06C5B63}"/>
            </a:ext>
          </a:extLst>
        </xdr:cNvPr>
        <xdr:cNvSpPr/>
      </xdr:nvSpPr>
      <xdr:spPr>
        <a:xfrm>
          <a:off x="132683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5" name="正方形/長方形 604">
          <a:extLst>
            <a:ext uri="{FF2B5EF4-FFF2-40B4-BE49-F238E27FC236}">
              <a16:creationId xmlns:a16="http://schemas.microsoft.com/office/drawing/2014/main" id="{F2AFC78C-3C77-4918-A88E-3705FAF89591}"/>
            </a:ext>
          </a:extLst>
        </xdr:cNvPr>
        <xdr:cNvSpPr/>
      </xdr:nvSpPr>
      <xdr:spPr>
        <a:xfrm>
          <a:off x="11210925" y="863917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6" name="テキスト ボックス 605">
          <a:extLst>
            <a:ext uri="{FF2B5EF4-FFF2-40B4-BE49-F238E27FC236}">
              <a16:creationId xmlns:a16="http://schemas.microsoft.com/office/drawing/2014/main" id="{05A9433E-CB88-4CEF-83F3-09BDD0A1E095}"/>
            </a:ext>
          </a:extLst>
        </xdr:cNvPr>
        <xdr:cNvSpPr txBox="1"/>
      </xdr:nvSpPr>
      <xdr:spPr>
        <a:xfrm>
          <a:off x="11172825" y="8458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7" name="直線コネクタ 606">
          <a:extLst>
            <a:ext uri="{FF2B5EF4-FFF2-40B4-BE49-F238E27FC236}">
              <a16:creationId xmlns:a16="http://schemas.microsoft.com/office/drawing/2014/main" id="{68DEDAAD-D039-45FB-A33A-0712DD935B43}"/>
            </a:ext>
          </a:extLst>
        </xdr:cNvPr>
        <xdr:cNvCxnSpPr/>
      </xdr:nvCxnSpPr>
      <xdr:spPr>
        <a:xfrm>
          <a:off x="11210925" y="108013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08" name="テキスト ボックス 607">
          <a:extLst>
            <a:ext uri="{FF2B5EF4-FFF2-40B4-BE49-F238E27FC236}">
              <a16:creationId xmlns:a16="http://schemas.microsoft.com/office/drawing/2014/main" id="{5CD5974B-1ABB-455B-8EE4-227DBB8EAC75}"/>
            </a:ext>
          </a:extLst>
        </xdr:cNvPr>
        <xdr:cNvSpPr txBox="1"/>
      </xdr:nvSpPr>
      <xdr:spPr>
        <a:xfrm>
          <a:off x="10845966" y="10665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09" name="直線コネクタ 608">
          <a:extLst>
            <a:ext uri="{FF2B5EF4-FFF2-40B4-BE49-F238E27FC236}">
              <a16:creationId xmlns:a16="http://schemas.microsoft.com/office/drawing/2014/main" id="{181B9D85-2BB5-4D83-93E9-33B146D30C18}"/>
            </a:ext>
          </a:extLst>
        </xdr:cNvPr>
        <xdr:cNvCxnSpPr/>
      </xdr:nvCxnSpPr>
      <xdr:spPr>
        <a:xfrm>
          <a:off x="11210925" y="103632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10" name="テキスト ボックス 609">
          <a:extLst>
            <a:ext uri="{FF2B5EF4-FFF2-40B4-BE49-F238E27FC236}">
              <a16:creationId xmlns:a16="http://schemas.microsoft.com/office/drawing/2014/main" id="{126D010A-8140-4ABB-BF4F-A248C883ED92}"/>
            </a:ext>
          </a:extLst>
        </xdr:cNvPr>
        <xdr:cNvSpPr txBox="1"/>
      </xdr:nvSpPr>
      <xdr:spPr>
        <a:xfrm>
          <a:off x="10845966" y="102273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1" name="直線コネクタ 610">
          <a:extLst>
            <a:ext uri="{FF2B5EF4-FFF2-40B4-BE49-F238E27FC236}">
              <a16:creationId xmlns:a16="http://schemas.microsoft.com/office/drawing/2014/main" id="{9ED25DD6-A2C8-4600-B220-D8453BC54414}"/>
            </a:ext>
          </a:extLst>
        </xdr:cNvPr>
        <xdr:cNvCxnSpPr/>
      </xdr:nvCxnSpPr>
      <xdr:spPr>
        <a:xfrm>
          <a:off x="11210925" y="99345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2" name="テキスト ボックス 611">
          <a:extLst>
            <a:ext uri="{FF2B5EF4-FFF2-40B4-BE49-F238E27FC236}">
              <a16:creationId xmlns:a16="http://schemas.microsoft.com/office/drawing/2014/main" id="{73EC5E20-BC5C-4783-AA00-C106F314688F}"/>
            </a:ext>
          </a:extLst>
        </xdr:cNvPr>
        <xdr:cNvSpPr txBox="1"/>
      </xdr:nvSpPr>
      <xdr:spPr>
        <a:xfrm>
          <a:off x="10845966" y="97987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3" name="直線コネクタ 612">
          <a:extLst>
            <a:ext uri="{FF2B5EF4-FFF2-40B4-BE49-F238E27FC236}">
              <a16:creationId xmlns:a16="http://schemas.microsoft.com/office/drawing/2014/main" id="{6202A84E-EC33-4983-8A1B-958205E89F5F}"/>
            </a:ext>
          </a:extLst>
        </xdr:cNvPr>
        <xdr:cNvCxnSpPr/>
      </xdr:nvCxnSpPr>
      <xdr:spPr>
        <a:xfrm>
          <a:off x="11210925" y="95059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4" name="テキスト ボックス 613">
          <a:extLst>
            <a:ext uri="{FF2B5EF4-FFF2-40B4-BE49-F238E27FC236}">
              <a16:creationId xmlns:a16="http://schemas.microsoft.com/office/drawing/2014/main" id="{DDE32387-AA8E-44CB-8503-9B0860E46A6A}"/>
            </a:ext>
          </a:extLst>
        </xdr:cNvPr>
        <xdr:cNvSpPr txBox="1"/>
      </xdr:nvSpPr>
      <xdr:spPr>
        <a:xfrm>
          <a:off x="10845966" y="9370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5" name="直線コネクタ 614">
          <a:extLst>
            <a:ext uri="{FF2B5EF4-FFF2-40B4-BE49-F238E27FC236}">
              <a16:creationId xmlns:a16="http://schemas.microsoft.com/office/drawing/2014/main" id="{B7E7B1BF-8E65-42FC-8243-203BBF788720}"/>
            </a:ext>
          </a:extLst>
        </xdr:cNvPr>
        <xdr:cNvCxnSpPr/>
      </xdr:nvCxnSpPr>
      <xdr:spPr>
        <a:xfrm>
          <a:off x="11210925" y="90678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16" name="テキスト ボックス 615">
          <a:extLst>
            <a:ext uri="{FF2B5EF4-FFF2-40B4-BE49-F238E27FC236}">
              <a16:creationId xmlns:a16="http://schemas.microsoft.com/office/drawing/2014/main" id="{FFF7E008-79DA-4956-82A4-364645543015}"/>
            </a:ext>
          </a:extLst>
        </xdr:cNvPr>
        <xdr:cNvSpPr txBox="1"/>
      </xdr:nvSpPr>
      <xdr:spPr>
        <a:xfrm>
          <a:off x="10845966" y="8931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17" name="直線コネクタ 616">
          <a:extLst>
            <a:ext uri="{FF2B5EF4-FFF2-40B4-BE49-F238E27FC236}">
              <a16:creationId xmlns:a16="http://schemas.microsoft.com/office/drawing/2014/main" id="{C9ABD345-F7B9-4F08-9EAA-4373610A78AC}"/>
            </a:ext>
          </a:extLst>
        </xdr:cNvPr>
        <xdr:cNvCxnSpPr/>
      </xdr:nvCxnSpPr>
      <xdr:spPr>
        <a:xfrm>
          <a:off x="11210925" y="86391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18" name="テキスト ボックス 617">
          <a:extLst>
            <a:ext uri="{FF2B5EF4-FFF2-40B4-BE49-F238E27FC236}">
              <a16:creationId xmlns:a16="http://schemas.microsoft.com/office/drawing/2014/main" id="{4E0455A5-C375-4054-9090-95C7BD95E578}"/>
            </a:ext>
          </a:extLst>
        </xdr:cNvPr>
        <xdr:cNvSpPr txBox="1"/>
      </xdr:nvSpPr>
      <xdr:spPr>
        <a:xfrm>
          <a:off x="10845966" y="85033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19" name="【学校施設】&#10;有形固定資産減価償却率グラフ枠">
          <a:extLst>
            <a:ext uri="{FF2B5EF4-FFF2-40B4-BE49-F238E27FC236}">
              <a16:creationId xmlns:a16="http://schemas.microsoft.com/office/drawing/2014/main" id="{31BB3C3C-579C-43C0-9376-7BE16CC82A0B}"/>
            </a:ext>
          </a:extLst>
        </xdr:cNvPr>
        <xdr:cNvSpPr/>
      </xdr:nvSpPr>
      <xdr:spPr>
        <a:xfrm>
          <a:off x="11210925" y="863917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50876</xdr:rowOff>
    </xdr:from>
    <xdr:to>
      <xdr:col>85</xdr:col>
      <xdr:colOff>126364</xdr:colOff>
      <xdr:row>63</xdr:row>
      <xdr:rowOff>98298</xdr:rowOff>
    </xdr:to>
    <xdr:cxnSp macro="">
      <xdr:nvCxnSpPr>
        <xdr:cNvPr id="620" name="直線コネクタ 619">
          <a:extLst>
            <a:ext uri="{FF2B5EF4-FFF2-40B4-BE49-F238E27FC236}">
              <a16:creationId xmlns:a16="http://schemas.microsoft.com/office/drawing/2014/main" id="{67D30F7D-BE99-455F-AA24-673873B2DC9B}"/>
            </a:ext>
          </a:extLst>
        </xdr:cNvPr>
        <xdr:cNvCxnSpPr/>
      </xdr:nvCxnSpPr>
      <xdr:spPr>
        <a:xfrm flipV="1">
          <a:off x="14696439" y="9218676"/>
          <a:ext cx="0" cy="1080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2125</xdr:rowOff>
    </xdr:from>
    <xdr:ext cx="405111" cy="259045"/>
    <xdr:sp macro="" textlink="">
      <xdr:nvSpPr>
        <xdr:cNvPr id="621" name="【学校施設】&#10;有形固定資産減価償却率最小値テキスト">
          <a:extLst>
            <a:ext uri="{FF2B5EF4-FFF2-40B4-BE49-F238E27FC236}">
              <a16:creationId xmlns:a16="http://schemas.microsoft.com/office/drawing/2014/main" id="{2D882BA5-063E-4383-BDAE-27518B896D32}"/>
            </a:ext>
          </a:extLst>
        </xdr:cNvPr>
        <xdr:cNvSpPr txBox="1"/>
      </xdr:nvSpPr>
      <xdr:spPr>
        <a:xfrm>
          <a:off x="14735175" y="10306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98298</xdr:rowOff>
    </xdr:from>
    <xdr:to>
      <xdr:col>86</xdr:col>
      <xdr:colOff>25400</xdr:colOff>
      <xdr:row>63</xdr:row>
      <xdr:rowOff>98298</xdr:rowOff>
    </xdr:to>
    <xdr:cxnSp macro="">
      <xdr:nvCxnSpPr>
        <xdr:cNvPr id="622" name="直線コネクタ 621">
          <a:extLst>
            <a:ext uri="{FF2B5EF4-FFF2-40B4-BE49-F238E27FC236}">
              <a16:creationId xmlns:a16="http://schemas.microsoft.com/office/drawing/2014/main" id="{5AC903FD-DB95-4340-8B15-AF3721BB50B8}"/>
            </a:ext>
          </a:extLst>
        </xdr:cNvPr>
        <xdr:cNvCxnSpPr/>
      </xdr:nvCxnSpPr>
      <xdr:spPr>
        <a:xfrm>
          <a:off x="14611350" y="10299573"/>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97553</xdr:rowOff>
    </xdr:from>
    <xdr:ext cx="405111" cy="259045"/>
    <xdr:sp macro="" textlink="">
      <xdr:nvSpPr>
        <xdr:cNvPr id="623" name="【学校施設】&#10;有形固定資産減価償却率最大値テキスト">
          <a:extLst>
            <a:ext uri="{FF2B5EF4-FFF2-40B4-BE49-F238E27FC236}">
              <a16:creationId xmlns:a16="http://schemas.microsoft.com/office/drawing/2014/main" id="{BF1C0C8D-9A8A-4539-BA8A-473C26339150}"/>
            </a:ext>
          </a:extLst>
        </xdr:cNvPr>
        <xdr:cNvSpPr txBox="1"/>
      </xdr:nvSpPr>
      <xdr:spPr>
        <a:xfrm>
          <a:off x="14735175" y="90034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50876</xdr:rowOff>
    </xdr:from>
    <xdr:to>
      <xdr:col>86</xdr:col>
      <xdr:colOff>25400</xdr:colOff>
      <xdr:row>56</xdr:row>
      <xdr:rowOff>150876</xdr:rowOff>
    </xdr:to>
    <xdr:cxnSp macro="">
      <xdr:nvCxnSpPr>
        <xdr:cNvPr id="624" name="直線コネクタ 623">
          <a:extLst>
            <a:ext uri="{FF2B5EF4-FFF2-40B4-BE49-F238E27FC236}">
              <a16:creationId xmlns:a16="http://schemas.microsoft.com/office/drawing/2014/main" id="{A752F2A7-7ECE-4F2E-9C9F-2A0F874E0E8A}"/>
            </a:ext>
          </a:extLst>
        </xdr:cNvPr>
        <xdr:cNvCxnSpPr/>
      </xdr:nvCxnSpPr>
      <xdr:spPr>
        <a:xfrm>
          <a:off x="14611350" y="9218676"/>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9067</xdr:rowOff>
    </xdr:from>
    <xdr:ext cx="405111" cy="259045"/>
    <xdr:sp macro="" textlink="">
      <xdr:nvSpPr>
        <xdr:cNvPr id="625" name="【学校施設】&#10;有形固定資産減価償却率平均値テキスト">
          <a:extLst>
            <a:ext uri="{FF2B5EF4-FFF2-40B4-BE49-F238E27FC236}">
              <a16:creationId xmlns:a16="http://schemas.microsoft.com/office/drawing/2014/main" id="{01A21EB5-9758-4C93-9605-CAA9E8F73BD7}"/>
            </a:ext>
          </a:extLst>
        </xdr:cNvPr>
        <xdr:cNvSpPr txBox="1"/>
      </xdr:nvSpPr>
      <xdr:spPr>
        <a:xfrm>
          <a:off x="14735175" y="97345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0</xdr:rowOff>
    </xdr:from>
    <xdr:to>
      <xdr:col>85</xdr:col>
      <xdr:colOff>177800</xdr:colOff>
      <xdr:row>60</xdr:row>
      <xdr:rowOff>142240</xdr:rowOff>
    </xdr:to>
    <xdr:sp macro="" textlink="">
      <xdr:nvSpPr>
        <xdr:cNvPr id="626" name="フローチャート: 判断 625">
          <a:extLst>
            <a:ext uri="{FF2B5EF4-FFF2-40B4-BE49-F238E27FC236}">
              <a16:creationId xmlns:a16="http://schemas.microsoft.com/office/drawing/2014/main" id="{3516E705-F73C-4735-884F-9366E627054A}"/>
            </a:ext>
          </a:extLst>
        </xdr:cNvPr>
        <xdr:cNvSpPr/>
      </xdr:nvSpPr>
      <xdr:spPr>
        <a:xfrm>
          <a:off x="14649450" y="9756140"/>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26924</xdr:rowOff>
    </xdr:from>
    <xdr:to>
      <xdr:col>81</xdr:col>
      <xdr:colOff>101600</xdr:colOff>
      <xdr:row>60</xdr:row>
      <xdr:rowOff>128524</xdr:rowOff>
    </xdr:to>
    <xdr:sp macro="" textlink="">
      <xdr:nvSpPr>
        <xdr:cNvPr id="627" name="フローチャート: 判断 626">
          <a:extLst>
            <a:ext uri="{FF2B5EF4-FFF2-40B4-BE49-F238E27FC236}">
              <a16:creationId xmlns:a16="http://schemas.microsoft.com/office/drawing/2014/main" id="{F3FD0520-C18B-4ED1-A093-014A9E306F7D}"/>
            </a:ext>
          </a:extLst>
        </xdr:cNvPr>
        <xdr:cNvSpPr/>
      </xdr:nvSpPr>
      <xdr:spPr>
        <a:xfrm>
          <a:off x="13887450" y="9745599"/>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70942</xdr:rowOff>
    </xdr:from>
    <xdr:to>
      <xdr:col>76</xdr:col>
      <xdr:colOff>165100</xdr:colOff>
      <xdr:row>60</xdr:row>
      <xdr:rowOff>101092</xdr:rowOff>
    </xdr:to>
    <xdr:sp macro="" textlink="">
      <xdr:nvSpPr>
        <xdr:cNvPr id="628" name="フローチャート: 判断 627">
          <a:extLst>
            <a:ext uri="{FF2B5EF4-FFF2-40B4-BE49-F238E27FC236}">
              <a16:creationId xmlns:a16="http://schemas.microsoft.com/office/drawing/2014/main" id="{3DE37B33-B328-4858-A16B-DBE9F975762A}"/>
            </a:ext>
          </a:extLst>
        </xdr:cNvPr>
        <xdr:cNvSpPr/>
      </xdr:nvSpPr>
      <xdr:spPr>
        <a:xfrm>
          <a:off x="13096875" y="9714992"/>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61798</xdr:rowOff>
    </xdr:from>
    <xdr:to>
      <xdr:col>72</xdr:col>
      <xdr:colOff>38100</xdr:colOff>
      <xdr:row>60</xdr:row>
      <xdr:rowOff>91948</xdr:rowOff>
    </xdr:to>
    <xdr:sp macro="" textlink="">
      <xdr:nvSpPr>
        <xdr:cNvPr id="629" name="フローチャート: 判断 628">
          <a:extLst>
            <a:ext uri="{FF2B5EF4-FFF2-40B4-BE49-F238E27FC236}">
              <a16:creationId xmlns:a16="http://schemas.microsoft.com/office/drawing/2014/main" id="{6D58ECBF-B0A0-4685-892B-1648739094FB}"/>
            </a:ext>
          </a:extLst>
        </xdr:cNvPr>
        <xdr:cNvSpPr/>
      </xdr:nvSpPr>
      <xdr:spPr>
        <a:xfrm>
          <a:off x="12296775" y="9718548"/>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3510</xdr:rowOff>
    </xdr:from>
    <xdr:to>
      <xdr:col>67</xdr:col>
      <xdr:colOff>101600</xdr:colOff>
      <xdr:row>60</xdr:row>
      <xdr:rowOff>73660</xdr:rowOff>
    </xdr:to>
    <xdr:sp macro="" textlink="">
      <xdr:nvSpPr>
        <xdr:cNvPr id="630" name="フローチャート: 判断 629">
          <a:extLst>
            <a:ext uri="{FF2B5EF4-FFF2-40B4-BE49-F238E27FC236}">
              <a16:creationId xmlns:a16="http://schemas.microsoft.com/office/drawing/2014/main" id="{B0A92B52-083B-40D9-8F40-BE6A13542C96}"/>
            </a:ext>
          </a:extLst>
        </xdr:cNvPr>
        <xdr:cNvSpPr/>
      </xdr:nvSpPr>
      <xdr:spPr>
        <a:xfrm>
          <a:off x="11487150" y="969391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1" name="テキスト ボックス 630">
          <a:extLst>
            <a:ext uri="{FF2B5EF4-FFF2-40B4-BE49-F238E27FC236}">
              <a16:creationId xmlns:a16="http://schemas.microsoft.com/office/drawing/2014/main" id="{02917216-6B2E-4DFA-8224-42DF8FFCA4DC}"/>
            </a:ext>
          </a:extLst>
        </xdr:cNvPr>
        <xdr:cNvSpPr txBox="1"/>
      </xdr:nvSpPr>
      <xdr:spPr>
        <a:xfrm>
          <a:off x="14525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2" name="テキスト ボックス 631">
          <a:extLst>
            <a:ext uri="{FF2B5EF4-FFF2-40B4-BE49-F238E27FC236}">
              <a16:creationId xmlns:a16="http://schemas.microsoft.com/office/drawing/2014/main" id="{71FF4EBF-715B-489E-B8EB-79D9F4E43177}"/>
            </a:ext>
          </a:extLst>
        </xdr:cNvPr>
        <xdr:cNvSpPr txBox="1"/>
      </xdr:nvSpPr>
      <xdr:spPr>
        <a:xfrm>
          <a:off x="13763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3" name="テキスト ボックス 632">
          <a:extLst>
            <a:ext uri="{FF2B5EF4-FFF2-40B4-BE49-F238E27FC236}">
              <a16:creationId xmlns:a16="http://schemas.microsoft.com/office/drawing/2014/main" id="{A9A90345-25B9-4247-A4FF-757C88ABC78A}"/>
            </a:ext>
          </a:extLst>
        </xdr:cNvPr>
        <xdr:cNvSpPr txBox="1"/>
      </xdr:nvSpPr>
      <xdr:spPr>
        <a:xfrm>
          <a:off x="129730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4" name="テキスト ボックス 633">
          <a:extLst>
            <a:ext uri="{FF2B5EF4-FFF2-40B4-BE49-F238E27FC236}">
              <a16:creationId xmlns:a16="http://schemas.microsoft.com/office/drawing/2014/main" id="{23F76E21-22CF-4F9C-BA5A-4ADEED755CC3}"/>
            </a:ext>
          </a:extLst>
        </xdr:cNvPr>
        <xdr:cNvSpPr txBox="1"/>
      </xdr:nvSpPr>
      <xdr:spPr>
        <a:xfrm>
          <a:off x="121729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5" name="テキスト ボックス 634">
          <a:extLst>
            <a:ext uri="{FF2B5EF4-FFF2-40B4-BE49-F238E27FC236}">
              <a16:creationId xmlns:a16="http://schemas.microsoft.com/office/drawing/2014/main" id="{D6507FB4-2BCD-4474-ACCA-3E6CF6E51B50}"/>
            </a:ext>
          </a:extLst>
        </xdr:cNvPr>
        <xdr:cNvSpPr txBox="1"/>
      </xdr:nvSpPr>
      <xdr:spPr>
        <a:xfrm>
          <a:off x="113633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93218</xdr:rowOff>
    </xdr:from>
    <xdr:to>
      <xdr:col>85</xdr:col>
      <xdr:colOff>177800</xdr:colOff>
      <xdr:row>60</xdr:row>
      <xdr:rowOff>23368</xdr:rowOff>
    </xdr:to>
    <xdr:sp macro="" textlink="">
      <xdr:nvSpPr>
        <xdr:cNvPr id="636" name="楕円 635">
          <a:extLst>
            <a:ext uri="{FF2B5EF4-FFF2-40B4-BE49-F238E27FC236}">
              <a16:creationId xmlns:a16="http://schemas.microsoft.com/office/drawing/2014/main" id="{3588899A-48FD-4088-AC00-2ED38757D15F}"/>
            </a:ext>
          </a:extLst>
        </xdr:cNvPr>
        <xdr:cNvSpPr/>
      </xdr:nvSpPr>
      <xdr:spPr>
        <a:xfrm>
          <a:off x="14649450" y="9646793"/>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16095</xdr:rowOff>
    </xdr:from>
    <xdr:ext cx="405111" cy="259045"/>
    <xdr:sp macro="" textlink="">
      <xdr:nvSpPr>
        <xdr:cNvPr id="637" name="【学校施設】&#10;有形固定資産減価償却率該当値テキスト">
          <a:extLst>
            <a:ext uri="{FF2B5EF4-FFF2-40B4-BE49-F238E27FC236}">
              <a16:creationId xmlns:a16="http://schemas.microsoft.com/office/drawing/2014/main" id="{1DFD8169-345F-4F6D-8DBC-0BF5CAC7EE99}"/>
            </a:ext>
          </a:extLst>
        </xdr:cNvPr>
        <xdr:cNvSpPr txBox="1"/>
      </xdr:nvSpPr>
      <xdr:spPr>
        <a:xfrm>
          <a:off x="14735175" y="950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70358</xdr:rowOff>
    </xdr:from>
    <xdr:to>
      <xdr:col>81</xdr:col>
      <xdr:colOff>101600</xdr:colOff>
      <xdr:row>60</xdr:row>
      <xdr:rowOff>508</xdr:rowOff>
    </xdr:to>
    <xdr:sp macro="" textlink="">
      <xdr:nvSpPr>
        <xdr:cNvPr id="638" name="楕円 637">
          <a:extLst>
            <a:ext uri="{FF2B5EF4-FFF2-40B4-BE49-F238E27FC236}">
              <a16:creationId xmlns:a16="http://schemas.microsoft.com/office/drawing/2014/main" id="{FAD7E4DA-C27D-4D9A-B64A-8E2BA1C6FC5C}"/>
            </a:ext>
          </a:extLst>
        </xdr:cNvPr>
        <xdr:cNvSpPr/>
      </xdr:nvSpPr>
      <xdr:spPr>
        <a:xfrm>
          <a:off x="13887450" y="9620758"/>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21158</xdr:rowOff>
    </xdr:from>
    <xdr:to>
      <xdr:col>85</xdr:col>
      <xdr:colOff>127000</xdr:colOff>
      <xdr:row>59</xdr:row>
      <xdr:rowOff>144018</xdr:rowOff>
    </xdr:to>
    <xdr:cxnSp macro="">
      <xdr:nvCxnSpPr>
        <xdr:cNvPr id="639" name="直線コネクタ 638">
          <a:extLst>
            <a:ext uri="{FF2B5EF4-FFF2-40B4-BE49-F238E27FC236}">
              <a16:creationId xmlns:a16="http://schemas.microsoft.com/office/drawing/2014/main" id="{332EE7E2-7680-4689-B379-2A75B218DCF7}"/>
            </a:ext>
          </a:extLst>
        </xdr:cNvPr>
        <xdr:cNvCxnSpPr/>
      </xdr:nvCxnSpPr>
      <xdr:spPr>
        <a:xfrm>
          <a:off x="13935075" y="9677908"/>
          <a:ext cx="7620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61214</xdr:rowOff>
    </xdr:from>
    <xdr:to>
      <xdr:col>76</xdr:col>
      <xdr:colOff>165100</xdr:colOff>
      <xdr:row>59</xdr:row>
      <xdr:rowOff>162814</xdr:rowOff>
    </xdr:to>
    <xdr:sp macro="" textlink="">
      <xdr:nvSpPr>
        <xdr:cNvPr id="640" name="楕円 639">
          <a:extLst>
            <a:ext uri="{FF2B5EF4-FFF2-40B4-BE49-F238E27FC236}">
              <a16:creationId xmlns:a16="http://schemas.microsoft.com/office/drawing/2014/main" id="{A903E337-6CC5-4CAD-BD07-7975EEFC72E3}"/>
            </a:ext>
          </a:extLst>
        </xdr:cNvPr>
        <xdr:cNvSpPr/>
      </xdr:nvSpPr>
      <xdr:spPr>
        <a:xfrm>
          <a:off x="13096875" y="9617964"/>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12014</xdr:rowOff>
    </xdr:from>
    <xdr:to>
      <xdr:col>81</xdr:col>
      <xdr:colOff>50800</xdr:colOff>
      <xdr:row>59</xdr:row>
      <xdr:rowOff>121158</xdr:rowOff>
    </xdr:to>
    <xdr:cxnSp macro="">
      <xdr:nvCxnSpPr>
        <xdr:cNvPr id="641" name="直線コネクタ 640">
          <a:extLst>
            <a:ext uri="{FF2B5EF4-FFF2-40B4-BE49-F238E27FC236}">
              <a16:creationId xmlns:a16="http://schemas.microsoft.com/office/drawing/2014/main" id="{D73ECE74-C049-4E8B-88B3-B727B2618D21}"/>
            </a:ext>
          </a:extLst>
        </xdr:cNvPr>
        <xdr:cNvCxnSpPr/>
      </xdr:nvCxnSpPr>
      <xdr:spPr>
        <a:xfrm>
          <a:off x="13144500" y="9665589"/>
          <a:ext cx="790575" cy="12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47498</xdr:rowOff>
    </xdr:from>
    <xdr:to>
      <xdr:col>72</xdr:col>
      <xdr:colOff>38100</xdr:colOff>
      <xdr:row>59</xdr:row>
      <xdr:rowOff>149098</xdr:rowOff>
    </xdr:to>
    <xdr:sp macro="" textlink="">
      <xdr:nvSpPr>
        <xdr:cNvPr id="642" name="楕円 641">
          <a:extLst>
            <a:ext uri="{FF2B5EF4-FFF2-40B4-BE49-F238E27FC236}">
              <a16:creationId xmlns:a16="http://schemas.microsoft.com/office/drawing/2014/main" id="{43008997-5E48-46B2-B63C-7B14B4AC8007}"/>
            </a:ext>
          </a:extLst>
        </xdr:cNvPr>
        <xdr:cNvSpPr/>
      </xdr:nvSpPr>
      <xdr:spPr>
        <a:xfrm>
          <a:off x="12296775" y="9604248"/>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98298</xdr:rowOff>
    </xdr:from>
    <xdr:to>
      <xdr:col>76</xdr:col>
      <xdr:colOff>114300</xdr:colOff>
      <xdr:row>59</xdr:row>
      <xdr:rowOff>112014</xdr:rowOff>
    </xdr:to>
    <xdr:cxnSp macro="">
      <xdr:nvCxnSpPr>
        <xdr:cNvPr id="643" name="直線コネクタ 642">
          <a:extLst>
            <a:ext uri="{FF2B5EF4-FFF2-40B4-BE49-F238E27FC236}">
              <a16:creationId xmlns:a16="http://schemas.microsoft.com/office/drawing/2014/main" id="{69796095-50BC-418C-85A0-97562F033D4A}"/>
            </a:ext>
          </a:extLst>
        </xdr:cNvPr>
        <xdr:cNvCxnSpPr/>
      </xdr:nvCxnSpPr>
      <xdr:spPr>
        <a:xfrm>
          <a:off x="12344400" y="9651873"/>
          <a:ext cx="8001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38354</xdr:rowOff>
    </xdr:from>
    <xdr:to>
      <xdr:col>67</xdr:col>
      <xdr:colOff>101600</xdr:colOff>
      <xdr:row>59</xdr:row>
      <xdr:rowOff>139954</xdr:rowOff>
    </xdr:to>
    <xdr:sp macro="" textlink="">
      <xdr:nvSpPr>
        <xdr:cNvPr id="644" name="楕円 643">
          <a:extLst>
            <a:ext uri="{FF2B5EF4-FFF2-40B4-BE49-F238E27FC236}">
              <a16:creationId xmlns:a16="http://schemas.microsoft.com/office/drawing/2014/main" id="{9F4E9B0B-AD2C-4430-9B5F-44D2A381CA1D}"/>
            </a:ext>
          </a:extLst>
        </xdr:cNvPr>
        <xdr:cNvSpPr/>
      </xdr:nvSpPr>
      <xdr:spPr>
        <a:xfrm>
          <a:off x="11487150" y="9591929"/>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89154</xdr:rowOff>
    </xdr:from>
    <xdr:to>
      <xdr:col>71</xdr:col>
      <xdr:colOff>177800</xdr:colOff>
      <xdr:row>59</xdr:row>
      <xdr:rowOff>98298</xdr:rowOff>
    </xdr:to>
    <xdr:cxnSp macro="">
      <xdr:nvCxnSpPr>
        <xdr:cNvPr id="645" name="直線コネクタ 644">
          <a:extLst>
            <a:ext uri="{FF2B5EF4-FFF2-40B4-BE49-F238E27FC236}">
              <a16:creationId xmlns:a16="http://schemas.microsoft.com/office/drawing/2014/main" id="{AAFF1C87-90E0-4535-8384-CA1C59510336}"/>
            </a:ext>
          </a:extLst>
        </xdr:cNvPr>
        <xdr:cNvCxnSpPr/>
      </xdr:nvCxnSpPr>
      <xdr:spPr>
        <a:xfrm>
          <a:off x="11534775" y="9639554"/>
          <a:ext cx="809625" cy="12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19651</xdr:rowOff>
    </xdr:from>
    <xdr:ext cx="405111" cy="259045"/>
    <xdr:sp macro="" textlink="">
      <xdr:nvSpPr>
        <xdr:cNvPr id="646" name="n_1aveValue【学校施設】&#10;有形固定資産減価償却率">
          <a:extLst>
            <a:ext uri="{FF2B5EF4-FFF2-40B4-BE49-F238E27FC236}">
              <a16:creationId xmlns:a16="http://schemas.microsoft.com/office/drawing/2014/main" id="{FE500131-FA45-449E-8E14-F9AB51D52601}"/>
            </a:ext>
          </a:extLst>
        </xdr:cNvPr>
        <xdr:cNvSpPr txBox="1"/>
      </xdr:nvSpPr>
      <xdr:spPr>
        <a:xfrm>
          <a:off x="13745219" y="98383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92219</xdr:rowOff>
    </xdr:from>
    <xdr:ext cx="405111" cy="259045"/>
    <xdr:sp macro="" textlink="">
      <xdr:nvSpPr>
        <xdr:cNvPr id="647" name="n_2aveValue【学校施設】&#10;有形固定資産減価償却率">
          <a:extLst>
            <a:ext uri="{FF2B5EF4-FFF2-40B4-BE49-F238E27FC236}">
              <a16:creationId xmlns:a16="http://schemas.microsoft.com/office/drawing/2014/main" id="{A856BDE2-BB6F-47E8-BB58-3AC05832F0FF}"/>
            </a:ext>
          </a:extLst>
        </xdr:cNvPr>
        <xdr:cNvSpPr txBox="1"/>
      </xdr:nvSpPr>
      <xdr:spPr>
        <a:xfrm>
          <a:off x="12964169" y="9807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83075</xdr:rowOff>
    </xdr:from>
    <xdr:ext cx="405111" cy="259045"/>
    <xdr:sp macro="" textlink="">
      <xdr:nvSpPr>
        <xdr:cNvPr id="648" name="n_3aveValue【学校施設】&#10;有形固定資産減価償却率">
          <a:extLst>
            <a:ext uri="{FF2B5EF4-FFF2-40B4-BE49-F238E27FC236}">
              <a16:creationId xmlns:a16="http://schemas.microsoft.com/office/drawing/2014/main" id="{4C6D15B0-292B-49ED-B3A2-A8994E9729BB}"/>
            </a:ext>
          </a:extLst>
        </xdr:cNvPr>
        <xdr:cNvSpPr txBox="1"/>
      </xdr:nvSpPr>
      <xdr:spPr>
        <a:xfrm>
          <a:off x="12164069" y="9801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64787</xdr:rowOff>
    </xdr:from>
    <xdr:ext cx="405111" cy="259045"/>
    <xdr:sp macro="" textlink="">
      <xdr:nvSpPr>
        <xdr:cNvPr id="649" name="n_4aveValue【学校施設】&#10;有形固定資産減価償却率">
          <a:extLst>
            <a:ext uri="{FF2B5EF4-FFF2-40B4-BE49-F238E27FC236}">
              <a16:creationId xmlns:a16="http://schemas.microsoft.com/office/drawing/2014/main" id="{4D2A4657-DCE2-48EC-904E-507DF834C01F}"/>
            </a:ext>
          </a:extLst>
        </xdr:cNvPr>
        <xdr:cNvSpPr txBox="1"/>
      </xdr:nvSpPr>
      <xdr:spPr>
        <a:xfrm>
          <a:off x="11354444" y="9783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17035</xdr:rowOff>
    </xdr:from>
    <xdr:ext cx="405111" cy="259045"/>
    <xdr:sp macro="" textlink="">
      <xdr:nvSpPr>
        <xdr:cNvPr id="650" name="n_1mainValue【学校施設】&#10;有形固定資産減価償却率">
          <a:extLst>
            <a:ext uri="{FF2B5EF4-FFF2-40B4-BE49-F238E27FC236}">
              <a16:creationId xmlns:a16="http://schemas.microsoft.com/office/drawing/2014/main" id="{A8C7A300-3A51-44C1-96F2-E316363C17AF}"/>
            </a:ext>
          </a:extLst>
        </xdr:cNvPr>
        <xdr:cNvSpPr txBox="1"/>
      </xdr:nvSpPr>
      <xdr:spPr>
        <a:xfrm>
          <a:off x="13745219" y="9408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891</xdr:rowOff>
    </xdr:from>
    <xdr:ext cx="405111" cy="259045"/>
    <xdr:sp macro="" textlink="">
      <xdr:nvSpPr>
        <xdr:cNvPr id="651" name="n_2mainValue【学校施設】&#10;有形固定資産減価償却率">
          <a:extLst>
            <a:ext uri="{FF2B5EF4-FFF2-40B4-BE49-F238E27FC236}">
              <a16:creationId xmlns:a16="http://schemas.microsoft.com/office/drawing/2014/main" id="{0C6C3787-583D-4612-955E-45178BA12BE3}"/>
            </a:ext>
          </a:extLst>
        </xdr:cNvPr>
        <xdr:cNvSpPr txBox="1"/>
      </xdr:nvSpPr>
      <xdr:spPr>
        <a:xfrm>
          <a:off x="12964169" y="9402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65625</xdr:rowOff>
    </xdr:from>
    <xdr:ext cx="405111" cy="259045"/>
    <xdr:sp macro="" textlink="">
      <xdr:nvSpPr>
        <xdr:cNvPr id="652" name="n_3mainValue【学校施設】&#10;有形固定資産減価償却率">
          <a:extLst>
            <a:ext uri="{FF2B5EF4-FFF2-40B4-BE49-F238E27FC236}">
              <a16:creationId xmlns:a16="http://schemas.microsoft.com/office/drawing/2014/main" id="{54AAB819-9153-4F47-94B0-BAF6989BC85C}"/>
            </a:ext>
          </a:extLst>
        </xdr:cNvPr>
        <xdr:cNvSpPr txBox="1"/>
      </xdr:nvSpPr>
      <xdr:spPr>
        <a:xfrm>
          <a:off x="12164069" y="93921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56481</xdr:rowOff>
    </xdr:from>
    <xdr:ext cx="405111" cy="259045"/>
    <xdr:sp macro="" textlink="">
      <xdr:nvSpPr>
        <xdr:cNvPr id="653" name="n_4mainValue【学校施設】&#10;有形固定資産減価償却率">
          <a:extLst>
            <a:ext uri="{FF2B5EF4-FFF2-40B4-BE49-F238E27FC236}">
              <a16:creationId xmlns:a16="http://schemas.microsoft.com/office/drawing/2014/main" id="{01F00D3D-ADE3-4939-AFE6-07BE04DF9C7B}"/>
            </a:ext>
          </a:extLst>
        </xdr:cNvPr>
        <xdr:cNvSpPr txBox="1"/>
      </xdr:nvSpPr>
      <xdr:spPr>
        <a:xfrm>
          <a:off x="11354444" y="9389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4" name="正方形/長方形 653">
          <a:extLst>
            <a:ext uri="{FF2B5EF4-FFF2-40B4-BE49-F238E27FC236}">
              <a16:creationId xmlns:a16="http://schemas.microsoft.com/office/drawing/2014/main" id="{913896B4-2253-4254-B3DA-C0D882F8EB64}"/>
            </a:ext>
          </a:extLst>
        </xdr:cNvPr>
        <xdr:cNvSpPr/>
      </xdr:nvSpPr>
      <xdr:spPr>
        <a:xfrm>
          <a:off x="16459200" y="756285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5" name="正方形/長方形 654">
          <a:extLst>
            <a:ext uri="{FF2B5EF4-FFF2-40B4-BE49-F238E27FC236}">
              <a16:creationId xmlns:a16="http://schemas.microsoft.com/office/drawing/2014/main" id="{ACA10E20-4B95-4D5C-A7AF-329ED4488F88}"/>
            </a:ext>
          </a:extLst>
        </xdr:cNvPr>
        <xdr:cNvSpPr/>
      </xdr:nvSpPr>
      <xdr:spPr>
        <a:xfrm>
          <a:off x="165830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6" name="正方形/長方形 655">
          <a:extLst>
            <a:ext uri="{FF2B5EF4-FFF2-40B4-BE49-F238E27FC236}">
              <a16:creationId xmlns:a16="http://schemas.microsoft.com/office/drawing/2014/main" id="{87F02770-2F36-4715-A135-673C4E9E083C}"/>
            </a:ext>
          </a:extLst>
        </xdr:cNvPr>
        <xdr:cNvSpPr/>
      </xdr:nvSpPr>
      <xdr:spPr>
        <a:xfrm>
          <a:off x="165830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57" name="正方形/長方形 656">
          <a:extLst>
            <a:ext uri="{FF2B5EF4-FFF2-40B4-BE49-F238E27FC236}">
              <a16:creationId xmlns:a16="http://schemas.microsoft.com/office/drawing/2014/main" id="{8D271AFF-DCAC-4831-9273-DB570A8AB1D8}"/>
            </a:ext>
          </a:extLst>
        </xdr:cNvPr>
        <xdr:cNvSpPr/>
      </xdr:nvSpPr>
      <xdr:spPr>
        <a:xfrm>
          <a:off x="174879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58" name="正方形/長方形 657">
          <a:extLst>
            <a:ext uri="{FF2B5EF4-FFF2-40B4-BE49-F238E27FC236}">
              <a16:creationId xmlns:a16="http://schemas.microsoft.com/office/drawing/2014/main" id="{2170BBF0-2997-4C24-ACFF-6469D9218E7F}"/>
            </a:ext>
          </a:extLst>
        </xdr:cNvPr>
        <xdr:cNvSpPr/>
      </xdr:nvSpPr>
      <xdr:spPr>
        <a:xfrm>
          <a:off x="174879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59" name="正方形/長方形 658">
          <a:extLst>
            <a:ext uri="{FF2B5EF4-FFF2-40B4-BE49-F238E27FC236}">
              <a16:creationId xmlns:a16="http://schemas.microsoft.com/office/drawing/2014/main" id="{16D6CAB1-55D7-4531-B482-3CA8B27C6A84}"/>
            </a:ext>
          </a:extLst>
        </xdr:cNvPr>
        <xdr:cNvSpPr/>
      </xdr:nvSpPr>
      <xdr:spPr>
        <a:xfrm>
          <a:off x="185166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0" name="正方形/長方形 659">
          <a:extLst>
            <a:ext uri="{FF2B5EF4-FFF2-40B4-BE49-F238E27FC236}">
              <a16:creationId xmlns:a16="http://schemas.microsoft.com/office/drawing/2014/main" id="{6D376AD3-D412-422B-A1CD-B59000584389}"/>
            </a:ext>
          </a:extLst>
        </xdr:cNvPr>
        <xdr:cNvSpPr/>
      </xdr:nvSpPr>
      <xdr:spPr>
        <a:xfrm>
          <a:off x="185166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1" name="正方形/長方形 660">
          <a:extLst>
            <a:ext uri="{FF2B5EF4-FFF2-40B4-BE49-F238E27FC236}">
              <a16:creationId xmlns:a16="http://schemas.microsoft.com/office/drawing/2014/main" id="{BF57F0E5-0D37-43E9-90F6-1F0C786A01B0}"/>
            </a:ext>
          </a:extLst>
        </xdr:cNvPr>
        <xdr:cNvSpPr/>
      </xdr:nvSpPr>
      <xdr:spPr>
        <a:xfrm>
          <a:off x="16459200" y="863917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2" name="テキスト ボックス 661">
          <a:extLst>
            <a:ext uri="{FF2B5EF4-FFF2-40B4-BE49-F238E27FC236}">
              <a16:creationId xmlns:a16="http://schemas.microsoft.com/office/drawing/2014/main" id="{5B821B9E-EAD0-435D-9B89-29CAC2903AF6}"/>
            </a:ext>
          </a:extLst>
        </xdr:cNvPr>
        <xdr:cNvSpPr txBox="1"/>
      </xdr:nvSpPr>
      <xdr:spPr>
        <a:xfrm>
          <a:off x="16440150" y="8458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3" name="直線コネクタ 662">
          <a:extLst>
            <a:ext uri="{FF2B5EF4-FFF2-40B4-BE49-F238E27FC236}">
              <a16:creationId xmlns:a16="http://schemas.microsoft.com/office/drawing/2014/main" id="{D4766C8C-71DE-4B8D-817C-22FE52526C90}"/>
            </a:ext>
          </a:extLst>
        </xdr:cNvPr>
        <xdr:cNvCxnSpPr/>
      </xdr:nvCxnSpPr>
      <xdr:spPr>
        <a:xfrm>
          <a:off x="16459200" y="10801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4" name="テキスト ボックス 663">
          <a:extLst>
            <a:ext uri="{FF2B5EF4-FFF2-40B4-BE49-F238E27FC236}">
              <a16:creationId xmlns:a16="http://schemas.microsoft.com/office/drawing/2014/main" id="{76F6032F-E289-4AAF-9EA7-5765A46C2905}"/>
            </a:ext>
          </a:extLst>
        </xdr:cNvPr>
        <xdr:cNvSpPr txBox="1"/>
      </xdr:nvSpPr>
      <xdr:spPr>
        <a:xfrm>
          <a:off x="16052346" y="10665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665" name="直線コネクタ 664">
          <a:extLst>
            <a:ext uri="{FF2B5EF4-FFF2-40B4-BE49-F238E27FC236}">
              <a16:creationId xmlns:a16="http://schemas.microsoft.com/office/drawing/2014/main" id="{E990A1B5-F0CE-4A54-80F5-32C75189CE09}"/>
            </a:ext>
          </a:extLst>
        </xdr:cNvPr>
        <xdr:cNvCxnSpPr/>
      </xdr:nvCxnSpPr>
      <xdr:spPr>
        <a:xfrm>
          <a:off x="16459200" y="103632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66" name="テキスト ボックス 665">
          <a:extLst>
            <a:ext uri="{FF2B5EF4-FFF2-40B4-BE49-F238E27FC236}">
              <a16:creationId xmlns:a16="http://schemas.microsoft.com/office/drawing/2014/main" id="{0C08F38E-8659-45B6-B7EA-C08FF3046901}"/>
            </a:ext>
          </a:extLst>
        </xdr:cNvPr>
        <xdr:cNvSpPr txBox="1"/>
      </xdr:nvSpPr>
      <xdr:spPr>
        <a:xfrm>
          <a:off x="16052346" y="10227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67" name="直線コネクタ 666">
          <a:extLst>
            <a:ext uri="{FF2B5EF4-FFF2-40B4-BE49-F238E27FC236}">
              <a16:creationId xmlns:a16="http://schemas.microsoft.com/office/drawing/2014/main" id="{A59952E1-6B18-4C17-9978-A4BBB33B0E07}"/>
            </a:ext>
          </a:extLst>
        </xdr:cNvPr>
        <xdr:cNvCxnSpPr/>
      </xdr:nvCxnSpPr>
      <xdr:spPr>
        <a:xfrm>
          <a:off x="16459200" y="99345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68" name="テキスト ボックス 667">
          <a:extLst>
            <a:ext uri="{FF2B5EF4-FFF2-40B4-BE49-F238E27FC236}">
              <a16:creationId xmlns:a16="http://schemas.microsoft.com/office/drawing/2014/main" id="{64A831B0-F52D-4521-AE37-0817E5DCD534}"/>
            </a:ext>
          </a:extLst>
        </xdr:cNvPr>
        <xdr:cNvSpPr txBox="1"/>
      </xdr:nvSpPr>
      <xdr:spPr>
        <a:xfrm>
          <a:off x="16052346" y="97987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69" name="直線コネクタ 668">
          <a:extLst>
            <a:ext uri="{FF2B5EF4-FFF2-40B4-BE49-F238E27FC236}">
              <a16:creationId xmlns:a16="http://schemas.microsoft.com/office/drawing/2014/main" id="{BA79C841-CCB5-4B65-87E3-2169FB627707}"/>
            </a:ext>
          </a:extLst>
        </xdr:cNvPr>
        <xdr:cNvCxnSpPr/>
      </xdr:nvCxnSpPr>
      <xdr:spPr>
        <a:xfrm>
          <a:off x="16459200" y="9505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70" name="テキスト ボックス 669">
          <a:extLst>
            <a:ext uri="{FF2B5EF4-FFF2-40B4-BE49-F238E27FC236}">
              <a16:creationId xmlns:a16="http://schemas.microsoft.com/office/drawing/2014/main" id="{CB4BE9B1-242C-40DA-BCE3-8DCEEFD1225E}"/>
            </a:ext>
          </a:extLst>
        </xdr:cNvPr>
        <xdr:cNvSpPr txBox="1"/>
      </xdr:nvSpPr>
      <xdr:spPr>
        <a:xfrm>
          <a:off x="16052346" y="9370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71" name="直線コネクタ 670">
          <a:extLst>
            <a:ext uri="{FF2B5EF4-FFF2-40B4-BE49-F238E27FC236}">
              <a16:creationId xmlns:a16="http://schemas.microsoft.com/office/drawing/2014/main" id="{F482541F-8B17-4836-9090-B51FF80BC052}"/>
            </a:ext>
          </a:extLst>
        </xdr:cNvPr>
        <xdr:cNvCxnSpPr/>
      </xdr:nvCxnSpPr>
      <xdr:spPr>
        <a:xfrm>
          <a:off x="16459200" y="9067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72" name="テキスト ボックス 671">
          <a:extLst>
            <a:ext uri="{FF2B5EF4-FFF2-40B4-BE49-F238E27FC236}">
              <a16:creationId xmlns:a16="http://schemas.microsoft.com/office/drawing/2014/main" id="{F4838992-93E3-40F6-B87A-45E7BC297341}"/>
            </a:ext>
          </a:extLst>
        </xdr:cNvPr>
        <xdr:cNvSpPr txBox="1"/>
      </xdr:nvSpPr>
      <xdr:spPr>
        <a:xfrm>
          <a:off x="16052346" y="8931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3" name="直線コネクタ 672">
          <a:extLst>
            <a:ext uri="{FF2B5EF4-FFF2-40B4-BE49-F238E27FC236}">
              <a16:creationId xmlns:a16="http://schemas.microsoft.com/office/drawing/2014/main" id="{14F79029-FD04-4F9F-BFB0-0EBD2AE40AAE}"/>
            </a:ext>
          </a:extLst>
        </xdr:cNvPr>
        <xdr:cNvCxnSpPr/>
      </xdr:nvCxnSpPr>
      <xdr:spPr>
        <a:xfrm>
          <a:off x="16459200" y="86391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4" name="テキスト ボックス 673">
          <a:extLst>
            <a:ext uri="{FF2B5EF4-FFF2-40B4-BE49-F238E27FC236}">
              <a16:creationId xmlns:a16="http://schemas.microsoft.com/office/drawing/2014/main" id="{0AA8DC12-4515-471E-818B-ABE54F4375B2}"/>
            </a:ext>
          </a:extLst>
        </xdr:cNvPr>
        <xdr:cNvSpPr txBox="1"/>
      </xdr:nvSpPr>
      <xdr:spPr>
        <a:xfrm>
          <a:off x="16052346" y="85033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5" name="【学校施設】&#10;一人当たり面積グラフ枠">
          <a:extLst>
            <a:ext uri="{FF2B5EF4-FFF2-40B4-BE49-F238E27FC236}">
              <a16:creationId xmlns:a16="http://schemas.microsoft.com/office/drawing/2014/main" id="{670A88B9-EEA8-4202-A78B-24A7860A5241}"/>
            </a:ext>
          </a:extLst>
        </xdr:cNvPr>
        <xdr:cNvSpPr/>
      </xdr:nvSpPr>
      <xdr:spPr>
        <a:xfrm>
          <a:off x="16459200" y="863917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21158</xdr:rowOff>
    </xdr:from>
    <xdr:to>
      <xdr:col>116</xdr:col>
      <xdr:colOff>62864</xdr:colOff>
      <xdr:row>64</xdr:row>
      <xdr:rowOff>96012</xdr:rowOff>
    </xdr:to>
    <xdr:cxnSp macro="">
      <xdr:nvCxnSpPr>
        <xdr:cNvPr id="676" name="直線コネクタ 675">
          <a:extLst>
            <a:ext uri="{FF2B5EF4-FFF2-40B4-BE49-F238E27FC236}">
              <a16:creationId xmlns:a16="http://schemas.microsoft.com/office/drawing/2014/main" id="{0F2D5144-B4E1-45B1-B649-2B6E3E49B7CC}"/>
            </a:ext>
          </a:extLst>
        </xdr:cNvPr>
        <xdr:cNvCxnSpPr/>
      </xdr:nvCxnSpPr>
      <xdr:spPr>
        <a:xfrm flipV="1">
          <a:off x="19954239" y="9354058"/>
          <a:ext cx="0" cy="11051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9839</xdr:rowOff>
    </xdr:from>
    <xdr:ext cx="469744" cy="259045"/>
    <xdr:sp macro="" textlink="">
      <xdr:nvSpPr>
        <xdr:cNvPr id="677" name="【学校施設】&#10;一人当たり面積最小値テキスト">
          <a:extLst>
            <a:ext uri="{FF2B5EF4-FFF2-40B4-BE49-F238E27FC236}">
              <a16:creationId xmlns:a16="http://schemas.microsoft.com/office/drawing/2014/main" id="{7F5F6DB0-02FA-4316-BD26-DFF7AAA6DD74}"/>
            </a:ext>
          </a:extLst>
        </xdr:cNvPr>
        <xdr:cNvSpPr txBox="1"/>
      </xdr:nvSpPr>
      <xdr:spPr>
        <a:xfrm>
          <a:off x="19992975" y="10466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96012</xdr:rowOff>
    </xdr:from>
    <xdr:to>
      <xdr:col>116</xdr:col>
      <xdr:colOff>152400</xdr:colOff>
      <xdr:row>64</xdr:row>
      <xdr:rowOff>96012</xdr:rowOff>
    </xdr:to>
    <xdr:cxnSp macro="">
      <xdr:nvCxnSpPr>
        <xdr:cNvPr id="678" name="直線コネクタ 677">
          <a:extLst>
            <a:ext uri="{FF2B5EF4-FFF2-40B4-BE49-F238E27FC236}">
              <a16:creationId xmlns:a16="http://schemas.microsoft.com/office/drawing/2014/main" id="{7F121590-7D62-4584-A6B9-2847947B2303}"/>
            </a:ext>
          </a:extLst>
        </xdr:cNvPr>
        <xdr:cNvCxnSpPr/>
      </xdr:nvCxnSpPr>
      <xdr:spPr>
        <a:xfrm>
          <a:off x="19878675" y="1045921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67835</xdr:rowOff>
    </xdr:from>
    <xdr:ext cx="469744" cy="259045"/>
    <xdr:sp macro="" textlink="">
      <xdr:nvSpPr>
        <xdr:cNvPr id="679" name="【学校施設】&#10;一人当たり面積最大値テキスト">
          <a:extLst>
            <a:ext uri="{FF2B5EF4-FFF2-40B4-BE49-F238E27FC236}">
              <a16:creationId xmlns:a16="http://schemas.microsoft.com/office/drawing/2014/main" id="{73FD8E9B-DB97-4605-8720-A449F79D5F53}"/>
            </a:ext>
          </a:extLst>
        </xdr:cNvPr>
        <xdr:cNvSpPr txBox="1"/>
      </xdr:nvSpPr>
      <xdr:spPr>
        <a:xfrm>
          <a:off x="19992975" y="9132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21158</xdr:rowOff>
    </xdr:from>
    <xdr:to>
      <xdr:col>116</xdr:col>
      <xdr:colOff>152400</xdr:colOff>
      <xdr:row>57</xdr:row>
      <xdr:rowOff>121158</xdr:rowOff>
    </xdr:to>
    <xdr:cxnSp macro="">
      <xdr:nvCxnSpPr>
        <xdr:cNvPr id="680" name="直線コネクタ 679">
          <a:extLst>
            <a:ext uri="{FF2B5EF4-FFF2-40B4-BE49-F238E27FC236}">
              <a16:creationId xmlns:a16="http://schemas.microsoft.com/office/drawing/2014/main" id="{D70FC178-59E5-43AF-AFAB-E59A17264257}"/>
            </a:ext>
          </a:extLst>
        </xdr:cNvPr>
        <xdr:cNvCxnSpPr/>
      </xdr:nvCxnSpPr>
      <xdr:spPr>
        <a:xfrm>
          <a:off x="19878675" y="935405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79519</xdr:rowOff>
    </xdr:from>
    <xdr:ext cx="469744" cy="259045"/>
    <xdr:sp macro="" textlink="">
      <xdr:nvSpPr>
        <xdr:cNvPr id="681" name="【学校施設】&#10;一人当たり面積平均値テキスト">
          <a:extLst>
            <a:ext uri="{FF2B5EF4-FFF2-40B4-BE49-F238E27FC236}">
              <a16:creationId xmlns:a16="http://schemas.microsoft.com/office/drawing/2014/main" id="{BC9C4F45-2F8B-4A84-913C-014D6EAE7EBE}"/>
            </a:ext>
          </a:extLst>
        </xdr:cNvPr>
        <xdr:cNvSpPr txBox="1"/>
      </xdr:nvSpPr>
      <xdr:spPr>
        <a:xfrm>
          <a:off x="19992975" y="97981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56642</xdr:rowOff>
    </xdr:from>
    <xdr:to>
      <xdr:col>116</xdr:col>
      <xdr:colOff>114300</xdr:colOff>
      <xdr:row>61</xdr:row>
      <xdr:rowOff>158242</xdr:rowOff>
    </xdr:to>
    <xdr:sp macro="" textlink="">
      <xdr:nvSpPr>
        <xdr:cNvPr id="682" name="フローチャート: 判断 681">
          <a:extLst>
            <a:ext uri="{FF2B5EF4-FFF2-40B4-BE49-F238E27FC236}">
              <a16:creationId xmlns:a16="http://schemas.microsoft.com/office/drawing/2014/main" id="{977DCE58-F714-4B8D-BF4A-4E47E4B21633}"/>
            </a:ext>
          </a:extLst>
        </xdr:cNvPr>
        <xdr:cNvSpPr/>
      </xdr:nvSpPr>
      <xdr:spPr>
        <a:xfrm>
          <a:off x="19897725" y="9934067"/>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59512</xdr:rowOff>
    </xdr:from>
    <xdr:to>
      <xdr:col>112</xdr:col>
      <xdr:colOff>38100</xdr:colOff>
      <xdr:row>61</xdr:row>
      <xdr:rowOff>89662</xdr:rowOff>
    </xdr:to>
    <xdr:sp macro="" textlink="">
      <xdr:nvSpPr>
        <xdr:cNvPr id="683" name="フローチャート: 判断 682">
          <a:extLst>
            <a:ext uri="{FF2B5EF4-FFF2-40B4-BE49-F238E27FC236}">
              <a16:creationId xmlns:a16="http://schemas.microsoft.com/office/drawing/2014/main" id="{6211906F-C1DF-48FC-921E-ED3A106A5E1C}"/>
            </a:ext>
          </a:extLst>
        </xdr:cNvPr>
        <xdr:cNvSpPr/>
      </xdr:nvSpPr>
      <xdr:spPr>
        <a:xfrm>
          <a:off x="19154775" y="9878187"/>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70942</xdr:rowOff>
    </xdr:from>
    <xdr:to>
      <xdr:col>107</xdr:col>
      <xdr:colOff>101600</xdr:colOff>
      <xdr:row>61</xdr:row>
      <xdr:rowOff>101092</xdr:rowOff>
    </xdr:to>
    <xdr:sp macro="" textlink="">
      <xdr:nvSpPr>
        <xdr:cNvPr id="684" name="フローチャート: 判断 683">
          <a:extLst>
            <a:ext uri="{FF2B5EF4-FFF2-40B4-BE49-F238E27FC236}">
              <a16:creationId xmlns:a16="http://schemas.microsoft.com/office/drawing/2014/main" id="{BC271155-F032-4466-8689-985F6863EA63}"/>
            </a:ext>
          </a:extLst>
        </xdr:cNvPr>
        <xdr:cNvSpPr/>
      </xdr:nvSpPr>
      <xdr:spPr>
        <a:xfrm>
          <a:off x="18345150" y="9876917"/>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33782</xdr:rowOff>
    </xdr:from>
    <xdr:to>
      <xdr:col>102</xdr:col>
      <xdr:colOff>165100</xdr:colOff>
      <xdr:row>61</xdr:row>
      <xdr:rowOff>135382</xdr:rowOff>
    </xdr:to>
    <xdr:sp macro="" textlink="">
      <xdr:nvSpPr>
        <xdr:cNvPr id="685" name="フローチャート: 判断 684">
          <a:extLst>
            <a:ext uri="{FF2B5EF4-FFF2-40B4-BE49-F238E27FC236}">
              <a16:creationId xmlns:a16="http://schemas.microsoft.com/office/drawing/2014/main" id="{A9C91D76-8C45-4066-B529-DC1F52E210DD}"/>
            </a:ext>
          </a:extLst>
        </xdr:cNvPr>
        <xdr:cNvSpPr/>
      </xdr:nvSpPr>
      <xdr:spPr>
        <a:xfrm>
          <a:off x="17554575" y="9908032"/>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3782</xdr:rowOff>
    </xdr:from>
    <xdr:to>
      <xdr:col>98</xdr:col>
      <xdr:colOff>38100</xdr:colOff>
      <xdr:row>61</xdr:row>
      <xdr:rowOff>135382</xdr:rowOff>
    </xdr:to>
    <xdr:sp macro="" textlink="">
      <xdr:nvSpPr>
        <xdr:cNvPr id="686" name="フローチャート: 判断 685">
          <a:extLst>
            <a:ext uri="{FF2B5EF4-FFF2-40B4-BE49-F238E27FC236}">
              <a16:creationId xmlns:a16="http://schemas.microsoft.com/office/drawing/2014/main" id="{28B7B8A3-DDFA-466C-9BAD-807E2B22D785}"/>
            </a:ext>
          </a:extLst>
        </xdr:cNvPr>
        <xdr:cNvSpPr/>
      </xdr:nvSpPr>
      <xdr:spPr>
        <a:xfrm>
          <a:off x="16754475" y="9908032"/>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87" name="テキスト ボックス 686">
          <a:extLst>
            <a:ext uri="{FF2B5EF4-FFF2-40B4-BE49-F238E27FC236}">
              <a16:creationId xmlns:a16="http://schemas.microsoft.com/office/drawing/2014/main" id="{7CB4EAAB-8B86-4649-9DC6-12328FFCEEA8}"/>
            </a:ext>
          </a:extLst>
        </xdr:cNvPr>
        <xdr:cNvSpPr txBox="1"/>
      </xdr:nvSpPr>
      <xdr:spPr>
        <a:xfrm>
          <a:off x="197834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88" name="テキスト ボックス 687">
          <a:extLst>
            <a:ext uri="{FF2B5EF4-FFF2-40B4-BE49-F238E27FC236}">
              <a16:creationId xmlns:a16="http://schemas.microsoft.com/office/drawing/2014/main" id="{F4F628BB-B2C6-4272-A071-5183C44EA48F}"/>
            </a:ext>
          </a:extLst>
        </xdr:cNvPr>
        <xdr:cNvSpPr txBox="1"/>
      </xdr:nvSpPr>
      <xdr:spPr>
        <a:xfrm>
          <a:off x="190309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89" name="テキスト ボックス 688">
          <a:extLst>
            <a:ext uri="{FF2B5EF4-FFF2-40B4-BE49-F238E27FC236}">
              <a16:creationId xmlns:a16="http://schemas.microsoft.com/office/drawing/2014/main" id="{8A92816F-7F07-46F1-A2A7-D487FA3CE07F}"/>
            </a:ext>
          </a:extLst>
        </xdr:cNvPr>
        <xdr:cNvSpPr txBox="1"/>
      </xdr:nvSpPr>
      <xdr:spPr>
        <a:xfrm>
          <a:off x="182213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0" name="テキスト ボックス 689">
          <a:extLst>
            <a:ext uri="{FF2B5EF4-FFF2-40B4-BE49-F238E27FC236}">
              <a16:creationId xmlns:a16="http://schemas.microsoft.com/office/drawing/2014/main" id="{B18507DC-B447-44C3-A9BF-A9EEEAE542EC}"/>
            </a:ext>
          </a:extLst>
        </xdr:cNvPr>
        <xdr:cNvSpPr txBox="1"/>
      </xdr:nvSpPr>
      <xdr:spPr>
        <a:xfrm>
          <a:off x="174307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1" name="テキスト ボックス 690">
          <a:extLst>
            <a:ext uri="{FF2B5EF4-FFF2-40B4-BE49-F238E27FC236}">
              <a16:creationId xmlns:a16="http://schemas.microsoft.com/office/drawing/2014/main" id="{31C46122-22B5-4D40-A0F8-6C386451D55C}"/>
            </a:ext>
          </a:extLst>
        </xdr:cNvPr>
        <xdr:cNvSpPr txBox="1"/>
      </xdr:nvSpPr>
      <xdr:spPr>
        <a:xfrm>
          <a:off x="166306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0368</xdr:rowOff>
    </xdr:from>
    <xdr:to>
      <xdr:col>116</xdr:col>
      <xdr:colOff>114300</xdr:colOff>
      <xdr:row>63</xdr:row>
      <xdr:rowOff>80518</xdr:rowOff>
    </xdr:to>
    <xdr:sp macro="" textlink="">
      <xdr:nvSpPr>
        <xdr:cNvPr id="692" name="楕円 691">
          <a:extLst>
            <a:ext uri="{FF2B5EF4-FFF2-40B4-BE49-F238E27FC236}">
              <a16:creationId xmlns:a16="http://schemas.microsoft.com/office/drawing/2014/main" id="{E305C047-574E-4E9E-90C3-E88701A46B65}"/>
            </a:ext>
          </a:extLst>
        </xdr:cNvPr>
        <xdr:cNvSpPr/>
      </xdr:nvSpPr>
      <xdr:spPr>
        <a:xfrm>
          <a:off x="19897725" y="10189718"/>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28795</xdr:rowOff>
    </xdr:from>
    <xdr:ext cx="469744" cy="259045"/>
    <xdr:sp macro="" textlink="">
      <xdr:nvSpPr>
        <xdr:cNvPr id="693" name="【学校施設】&#10;一人当たり面積該当値テキスト">
          <a:extLst>
            <a:ext uri="{FF2B5EF4-FFF2-40B4-BE49-F238E27FC236}">
              <a16:creationId xmlns:a16="http://schemas.microsoft.com/office/drawing/2014/main" id="{17F85222-503F-49B0-A1FC-73C41D01B4F4}"/>
            </a:ext>
          </a:extLst>
        </xdr:cNvPr>
        <xdr:cNvSpPr txBox="1"/>
      </xdr:nvSpPr>
      <xdr:spPr>
        <a:xfrm>
          <a:off x="19992975" y="10164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54940</xdr:rowOff>
    </xdr:from>
    <xdr:to>
      <xdr:col>112</xdr:col>
      <xdr:colOff>38100</xdr:colOff>
      <xdr:row>63</xdr:row>
      <xdr:rowOff>85090</xdr:rowOff>
    </xdr:to>
    <xdr:sp macro="" textlink="">
      <xdr:nvSpPr>
        <xdr:cNvPr id="694" name="楕円 693">
          <a:extLst>
            <a:ext uri="{FF2B5EF4-FFF2-40B4-BE49-F238E27FC236}">
              <a16:creationId xmlns:a16="http://schemas.microsoft.com/office/drawing/2014/main" id="{F3EBBDB9-6565-48EC-A888-5874B736C052}"/>
            </a:ext>
          </a:extLst>
        </xdr:cNvPr>
        <xdr:cNvSpPr/>
      </xdr:nvSpPr>
      <xdr:spPr>
        <a:xfrm>
          <a:off x="19154775" y="1019429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29718</xdr:rowOff>
    </xdr:from>
    <xdr:to>
      <xdr:col>116</xdr:col>
      <xdr:colOff>63500</xdr:colOff>
      <xdr:row>63</xdr:row>
      <xdr:rowOff>34290</xdr:rowOff>
    </xdr:to>
    <xdr:cxnSp macro="">
      <xdr:nvCxnSpPr>
        <xdr:cNvPr id="695" name="直線コネクタ 694">
          <a:extLst>
            <a:ext uri="{FF2B5EF4-FFF2-40B4-BE49-F238E27FC236}">
              <a16:creationId xmlns:a16="http://schemas.microsoft.com/office/drawing/2014/main" id="{3A04A1B7-C976-4044-AB41-45FCDFD05FD2}"/>
            </a:ext>
          </a:extLst>
        </xdr:cNvPr>
        <xdr:cNvCxnSpPr/>
      </xdr:nvCxnSpPr>
      <xdr:spPr>
        <a:xfrm flipV="1">
          <a:off x="19202400" y="10227818"/>
          <a:ext cx="752475"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5494</xdr:rowOff>
    </xdr:from>
    <xdr:to>
      <xdr:col>107</xdr:col>
      <xdr:colOff>101600</xdr:colOff>
      <xdr:row>63</xdr:row>
      <xdr:rowOff>117094</xdr:rowOff>
    </xdr:to>
    <xdr:sp macro="" textlink="">
      <xdr:nvSpPr>
        <xdr:cNvPr id="696" name="楕円 695">
          <a:extLst>
            <a:ext uri="{FF2B5EF4-FFF2-40B4-BE49-F238E27FC236}">
              <a16:creationId xmlns:a16="http://schemas.microsoft.com/office/drawing/2014/main" id="{36D9245B-ED88-4452-9F9E-924F88D2DDB2}"/>
            </a:ext>
          </a:extLst>
        </xdr:cNvPr>
        <xdr:cNvSpPr/>
      </xdr:nvSpPr>
      <xdr:spPr>
        <a:xfrm>
          <a:off x="18345150" y="10213594"/>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34290</xdr:rowOff>
    </xdr:from>
    <xdr:to>
      <xdr:col>111</xdr:col>
      <xdr:colOff>177800</xdr:colOff>
      <xdr:row>63</xdr:row>
      <xdr:rowOff>66294</xdr:rowOff>
    </xdr:to>
    <xdr:cxnSp macro="">
      <xdr:nvCxnSpPr>
        <xdr:cNvPr id="697" name="直線コネクタ 696">
          <a:extLst>
            <a:ext uri="{FF2B5EF4-FFF2-40B4-BE49-F238E27FC236}">
              <a16:creationId xmlns:a16="http://schemas.microsoft.com/office/drawing/2014/main" id="{01A5268D-4F6D-4355-9840-7F5B5259BDDF}"/>
            </a:ext>
          </a:extLst>
        </xdr:cNvPr>
        <xdr:cNvCxnSpPr/>
      </xdr:nvCxnSpPr>
      <xdr:spPr>
        <a:xfrm flipV="1">
          <a:off x="18392775" y="10232390"/>
          <a:ext cx="809625" cy="38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7780</xdr:rowOff>
    </xdr:from>
    <xdr:to>
      <xdr:col>102</xdr:col>
      <xdr:colOff>165100</xdr:colOff>
      <xdr:row>63</xdr:row>
      <xdr:rowOff>119380</xdr:rowOff>
    </xdr:to>
    <xdr:sp macro="" textlink="">
      <xdr:nvSpPr>
        <xdr:cNvPr id="698" name="楕円 697">
          <a:extLst>
            <a:ext uri="{FF2B5EF4-FFF2-40B4-BE49-F238E27FC236}">
              <a16:creationId xmlns:a16="http://schemas.microsoft.com/office/drawing/2014/main" id="{A88E0E6D-7494-4B5D-81E3-100C3555DF8A}"/>
            </a:ext>
          </a:extLst>
        </xdr:cNvPr>
        <xdr:cNvSpPr/>
      </xdr:nvSpPr>
      <xdr:spPr>
        <a:xfrm>
          <a:off x="17554575" y="10219055"/>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66294</xdr:rowOff>
    </xdr:from>
    <xdr:to>
      <xdr:col>107</xdr:col>
      <xdr:colOff>50800</xdr:colOff>
      <xdr:row>63</xdr:row>
      <xdr:rowOff>68580</xdr:rowOff>
    </xdr:to>
    <xdr:cxnSp macro="">
      <xdr:nvCxnSpPr>
        <xdr:cNvPr id="699" name="直線コネクタ 698">
          <a:extLst>
            <a:ext uri="{FF2B5EF4-FFF2-40B4-BE49-F238E27FC236}">
              <a16:creationId xmlns:a16="http://schemas.microsoft.com/office/drawing/2014/main" id="{0284D373-5968-46C7-AF96-CEFDD9613CBB}"/>
            </a:ext>
          </a:extLst>
        </xdr:cNvPr>
        <xdr:cNvCxnSpPr/>
      </xdr:nvCxnSpPr>
      <xdr:spPr>
        <a:xfrm flipV="1">
          <a:off x="17602200" y="10270744"/>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8636</xdr:rowOff>
    </xdr:from>
    <xdr:to>
      <xdr:col>98</xdr:col>
      <xdr:colOff>38100</xdr:colOff>
      <xdr:row>63</xdr:row>
      <xdr:rowOff>110236</xdr:rowOff>
    </xdr:to>
    <xdr:sp macro="" textlink="">
      <xdr:nvSpPr>
        <xdr:cNvPr id="700" name="楕円 699">
          <a:extLst>
            <a:ext uri="{FF2B5EF4-FFF2-40B4-BE49-F238E27FC236}">
              <a16:creationId xmlns:a16="http://schemas.microsoft.com/office/drawing/2014/main" id="{44C5CD8F-4802-4C7F-BBD2-F879310893CC}"/>
            </a:ext>
          </a:extLst>
        </xdr:cNvPr>
        <xdr:cNvSpPr/>
      </xdr:nvSpPr>
      <xdr:spPr>
        <a:xfrm>
          <a:off x="16754475" y="10213086"/>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59436</xdr:rowOff>
    </xdr:from>
    <xdr:to>
      <xdr:col>102</xdr:col>
      <xdr:colOff>114300</xdr:colOff>
      <xdr:row>63</xdr:row>
      <xdr:rowOff>68580</xdr:rowOff>
    </xdr:to>
    <xdr:cxnSp macro="">
      <xdr:nvCxnSpPr>
        <xdr:cNvPr id="701" name="直線コネクタ 700">
          <a:extLst>
            <a:ext uri="{FF2B5EF4-FFF2-40B4-BE49-F238E27FC236}">
              <a16:creationId xmlns:a16="http://schemas.microsoft.com/office/drawing/2014/main" id="{C932C49B-A2CE-499D-B06B-19D549E33BEC}"/>
            </a:ext>
          </a:extLst>
        </xdr:cNvPr>
        <xdr:cNvCxnSpPr/>
      </xdr:nvCxnSpPr>
      <xdr:spPr>
        <a:xfrm>
          <a:off x="16802100" y="10260711"/>
          <a:ext cx="800100" cy="5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06189</xdr:rowOff>
    </xdr:from>
    <xdr:ext cx="469744" cy="259045"/>
    <xdr:sp macro="" textlink="">
      <xdr:nvSpPr>
        <xdr:cNvPr id="702" name="n_1aveValue【学校施設】&#10;一人当たり面積">
          <a:extLst>
            <a:ext uri="{FF2B5EF4-FFF2-40B4-BE49-F238E27FC236}">
              <a16:creationId xmlns:a16="http://schemas.microsoft.com/office/drawing/2014/main" id="{CB8682A6-0104-43A2-AEA2-12FE9160AC29}"/>
            </a:ext>
          </a:extLst>
        </xdr:cNvPr>
        <xdr:cNvSpPr txBox="1"/>
      </xdr:nvSpPr>
      <xdr:spPr>
        <a:xfrm>
          <a:off x="18983402" y="9656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17619</xdr:rowOff>
    </xdr:from>
    <xdr:ext cx="469744" cy="259045"/>
    <xdr:sp macro="" textlink="">
      <xdr:nvSpPr>
        <xdr:cNvPr id="703" name="n_2aveValue【学校施設】&#10;一人当たり面積">
          <a:extLst>
            <a:ext uri="{FF2B5EF4-FFF2-40B4-BE49-F238E27FC236}">
              <a16:creationId xmlns:a16="http://schemas.microsoft.com/office/drawing/2014/main" id="{513767E0-A618-487E-B7FD-CFEFA787E4E0}"/>
            </a:ext>
          </a:extLst>
        </xdr:cNvPr>
        <xdr:cNvSpPr txBox="1"/>
      </xdr:nvSpPr>
      <xdr:spPr>
        <a:xfrm>
          <a:off x="18183302" y="9674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1909</xdr:rowOff>
    </xdr:from>
    <xdr:ext cx="469744" cy="259045"/>
    <xdr:sp macro="" textlink="">
      <xdr:nvSpPr>
        <xdr:cNvPr id="704" name="n_3aveValue【学校施設】&#10;一人当たり面積">
          <a:extLst>
            <a:ext uri="{FF2B5EF4-FFF2-40B4-BE49-F238E27FC236}">
              <a16:creationId xmlns:a16="http://schemas.microsoft.com/office/drawing/2014/main" id="{9E7F3D13-D454-4100-9522-3D4F0FA42796}"/>
            </a:ext>
          </a:extLst>
        </xdr:cNvPr>
        <xdr:cNvSpPr txBox="1"/>
      </xdr:nvSpPr>
      <xdr:spPr>
        <a:xfrm>
          <a:off x="17383202" y="970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1909</xdr:rowOff>
    </xdr:from>
    <xdr:ext cx="469744" cy="259045"/>
    <xdr:sp macro="" textlink="">
      <xdr:nvSpPr>
        <xdr:cNvPr id="705" name="n_4aveValue【学校施設】&#10;一人当たり面積">
          <a:extLst>
            <a:ext uri="{FF2B5EF4-FFF2-40B4-BE49-F238E27FC236}">
              <a16:creationId xmlns:a16="http://schemas.microsoft.com/office/drawing/2014/main" id="{63001177-3DD1-4A7F-8089-16FA2ADB8EEE}"/>
            </a:ext>
          </a:extLst>
        </xdr:cNvPr>
        <xdr:cNvSpPr txBox="1"/>
      </xdr:nvSpPr>
      <xdr:spPr>
        <a:xfrm>
          <a:off x="16592627" y="970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76217</xdr:rowOff>
    </xdr:from>
    <xdr:ext cx="469744" cy="259045"/>
    <xdr:sp macro="" textlink="">
      <xdr:nvSpPr>
        <xdr:cNvPr id="706" name="n_1mainValue【学校施設】&#10;一人当たり面積">
          <a:extLst>
            <a:ext uri="{FF2B5EF4-FFF2-40B4-BE49-F238E27FC236}">
              <a16:creationId xmlns:a16="http://schemas.microsoft.com/office/drawing/2014/main" id="{21D2A424-CC7B-4D1E-AB89-239C77514878}"/>
            </a:ext>
          </a:extLst>
        </xdr:cNvPr>
        <xdr:cNvSpPr txBox="1"/>
      </xdr:nvSpPr>
      <xdr:spPr>
        <a:xfrm>
          <a:off x="18983402" y="10277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08221</xdr:rowOff>
    </xdr:from>
    <xdr:ext cx="469744" cy="259045"/>
    <xdr:sp macro="" textlink="">
      <xdr:nvSpPr>
        <xdr:cNvPr id="707" name="n_2mainValue【学校施設】&#10;一人当たり面積">
          <a:extLst>
            <a:ext uri="{FF2B5EF4-FFF2-40B4-BE49-F238E27FC236}">
              <a16:creationId xmlns:a16="http://schemas.microsoft.com/office/drawing/2014/main" id="{3543AF0A-16ED-4FCB-B76D-CCF4B1E9C6BC}"/>
            </a:ext>
          </a:extLst>
        </xdr:cNvPr>
        <xdr:cNvSpPr txBox="1"/>
      </xdr:nvSpPr>
      <xdr:spPr>
        <a:xfrm>
          <a:off x="18183302" y="10306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10507</xdr:rowOff>
    </xdr:from>
    <xdr:ext cx="469744" cy="259045"/>
    <xdr:sp macro="" textlink="">
      <xdr:nvSpPr>
        <xdr:cNvPr id="708" name="n_3mainValue【学校施設】&#10;一人当たり面積">
          <a:extLst>
            <a:ext uri="{FF2B5EF4-FFF2-40B4-BE49-F238E27FC236}">
              <a16:creationId xmlns:a16="http://schemas.microsoft.com/office/drawing/2014/main" id="{B4433BAC-DAC4-4415-95B6-4D6CB6589EDC}"/>
            </a:ext>
          </a:extLst>
        </xdr:cNvPr>
        <xdr:cNvSpPr txBox="1"/>
      </xdr:nvSpPr>
      <xdr:spPr>
        <a:xfrm>
          <a:off x="17383202"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01363</xdr:rowOff>
    </xdr:from>
    <xdr:ext cx="469744" cy="259045"/>
    <xdr:sp macro="" textlink="">
      <xdr:nvSpPr>
        <xdr:cNvPr id="709" name="n_4mainValue【学校施設】&#10;一人当たり面積">
          <a:extLst>
            <a:ext uri="{FF2B5EF4-FFF2-40B4-BE49-F238E27FC236}">
              <a16:creationId xmlns:a16="http://schemas.microsoft.com/office/drawing/2014/main" id="{834E7F59-ECA9-4EAA-B832-E7A605496FBB}"/>
            </a:ext>
          </a:extLst>
        </xdr:cNvPr>
        <xdr:cNvSpPr txBox="1"/>
      </xdr:nvSpPr>
      <xdr:spPr>
        <a:xfrm>
          <a:off x="16592627" y="10305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0" name="正方形/長方形 709">
          <a:extLst>
            <a:ext uri="{FF2B5EF4-FFF2-40B4-BE49-F238E27FC236}">
              <a16:creationId xmlns:a16="http://schemas.microsoft.com/office/drawing/2014/main" id="{32D86249-3153-4E16-8700-BD7B8ED73A19}"/>
            </a:ext>
          </a:extLst>
        </xdr:cNvPr>
        <xdr:cNvSpPr/>
      </xdr:nvSpPr>
      <xdr:spPr>
        <a:xfrm>
          <a:off x="11210925" y="111633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1" name="正方形/長方形 710">
          <a:extLst>
            <a:ext uri="{FF2B5EF4-FFF2-40B4-BE49-F238E27FC236}">
              <a16:creationId xmlns:a16="http://schemas.microsoft.com/office/drawing/2014/main" id="{A9B99E38-FFE4-4690-92AD-40EA3C42F046}"/>
            </a:ext>
          </a:extLst>
        </xdr:cNvPr>
        <xdr:cNvSpPr/>
      </xdr:nvSpPr>
      <xdr:spPr>
        <a:xfrm>
          <a:off x="113157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2" name="正方形/長方形 711">
          <a:extLst>
            <a:ext uri="{FF2B5EF4-FFF2-40B4-BE49-F238E27FC236}">
              <a16:creationId xmlns:a16="http://schemas.microsoft.com/office/drawing/2014/main" id="{0570AB4D-5A7D-4FC9-A648-8926A70B7E5A}"/>
            </a:ext>
          </a:extLst>
        </xdr:cNvPr>
        <xdr:cNvSpPr/>
      </xdr:nvSpPr>
      <xdr:spPr>
        <a:xfrm>
          <a:off x="113157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3" name="正方形/長方形 712">
          <a:extLst>
            <a:ext uri="{FF2B5EF4-FFF2-40B4-BE49-F238E27FC236}">
              <a16:creationId xmlns:a16="http://schemas.microsoft.com/office/drawing/2014/main" id="{33AEBD7C-C2E6-4DC6-A8B4-7B5AC78A3FB0}"/>
            </a:ext>
          </a:extLst>
        </xdr:cNvPr>
        <xdr:cNvSpPr/>
      </xdr:nvSpPr>
      <xdr:spPr>
        <a:xfrm>
          <a:off x="122396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4" name="正方形/長方形 713">
          <a:extLst>
            <a:ext uri="{FF2B5EF4-FFF2-40B4-BE49-F238E27FC236}">
              <a16:creationId xmlns:a16="http://schemas.microsoft.com/office/drawing/2014/main" id="{8249AB23-E5FC-4EEE-92BE-B7C89E40B156}"/>
            </a:ext>
          </a:extLst>
        </xdr:cNvPr>
        <xdr:cNvSpPr/>
      </xdr:nvSpPr>
      <xdr:spPr>
        <a:xfrm>
          <a:off x="122396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5" name="正方形/長方形 714">
          <a:extLst>
            <a:ext uri="{FF2B5EF4-FFF2-40B4-BE49-F238E27FC236}">
              <a16:creationId xmlns:a16="http://schemas.microsoft.com/office/drawing/2014/main" id="{5C52F4D3-7083-446A-8066-85120EDEB612}"/>
            </a:ext>
          </a:extLst>
        </xdr:cNvPr>
        <xdr:cNvSpPr/>
      </xdr:nvSpPr>
      <xdr:spPr>
        <a:xfrm>
          <a:off x="132683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6" name="正方形/長方形 715">
          <a:extLst>
            <a:ext uri="{FF2B5EF4-FFF2-40B4-BE49-F238E27FC236}">
              <a16:creationId xmlns:a16="http://schemas.microsoft.com/office/drawing/2014/main" id="{5E623B9A-B53F-4D72-A544-35EDEBBBF33C}"/>
            </a:ext>
          </a:extLst>
        </xdr:cNvPr>
        <xdr:cNvSpPr/>
      </xdr:nvSpPr>
      <xdr:spPr>
        <a:xfrm>
          <a:off x="132683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7" name="正方形/長方形 716">
          <a:extLst>
            <a:ext uri="{FF2B5EF4-FFF2-40B4-BE49-F238E27FC236}">
              <a16:creationId xmlns:a16="http://schemas.microsoft.com/office/drawing/2014/main" id="{1B5F7B1C-DAE8-416A-A04A-4B6960F8D615}"/>
            </a:ext>
          </a:extLst>
        </xdr:cNvPr>
        <xdr:cNvSpPr/>
      </xdr:nvSpPr>
      <xdr:spPr>
        <a:xfrm>
          <a:off x="11210925" y="12239625"/>
          <a:ext cx="424815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18" name="正方形/長方形 717">
          <a:extLst>
            <a:ext uri="{FF2B5EF4-FFF2-40B4-BE49-F238E27FC236}">
              <a16:creationId xmlns:a16="http://schemas.microsoft.com/office/drawing/2014/main" id="{ED34269C-888F-4BCE-9B72-E819E154A429}"/>
            </a:ext>
          </a:extLst>
        </xdr:cNvPr>
        <xdr:cNvSpPr/>
      </xdr:nvSpPr>
      <xdr:spPr>
        <a:xfrm>
          <a:off x="16459200" y="111633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19" name="正方形/長方形 718">
          <a:extLst>
            <a:ext uri="{FF2B5EF4-FFF2-40B4-BE49-F238E27FC236}">
              <a16:creationId xmlns:a16="http://schemas.microsoft.com/office/drawing/2014/main" id="{336467F3-92A9-4AB0-A1CE-983D4AB60B94}"/>
            </a:ext>
          </a:extLst>
        </xdr:cNvPr>
        <xdr:cNvSpPr/>
      </xdr:nvSpPr>
      <xdr:spPr>
        <a:xfrm>
          <a:off x="165830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20" name="正方形/長方形 719">
          <a:extLst>
            <a:ext uri="{FF2B5EF4-FFF2-40B4-BE49-F238E27FC236}">
              <a16:creationId xmlns:a16="http://schemas.microsoft.com/office/drawing/2014/main" id="{DE275834-570B-45F1-8ED0-9A11A8F4E69A}"/>
            </a:ext>
          </a:extLst>
        </xdr:cNvPr>
        <xdr:cNvSpPr/>
      </xdr:nvSpPr>
      <xdr:spPr>
        <a:xfrm>
          <a:off x="165830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21" name="正方形/長方形 720">
          <a:extLst>
            <a:ext uri="{FF2B5EF4-FFF2-40B4-BE49-F238E27FC236}">
              <a16:creationId xmlns:a16="http://schemas.microsoft.com/office/drawing/2014/main" id="{60D0D711-54D4-45FE-AE1D-6BC7DB25CC23}"/>
            </a:ext>
          </a:extLst>
        </xdr:cNvPr>
        <xdr:cNvSpPr/>
      </xdr:nvSpPr>
      <xdr:spPr>
        <a:xfrm>
          <a:off x="174879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22" name="正方形/長方形 721">
          <a:extLst>
            <a:ext uri="{FF2B5EF4-FFF2-40B4-BE49-F238E27FC236}">
              <a16:creationId xmlns:a16="http://schemas.microsoft.com/office/drawing/2014/main" id="{1B06A0DF-39C1-4C21-A328-954B17900A94}"/>
            </a:ext>
          </a:extLst>
        </xdr:cNvPr>
        <xdr:cNvSpPr/>
      </xdr:nvSpPr>
      <xdr:spPr>
        <a:xfrm>
          <a:off x="174879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23" name="正方形/長方形 722">
          <a:extLst>
            <a:ext uri="{FF2B5EF4-FFF2-40B4-BE49-F238E27FC236}">
              <a16:creationId xmlns:a16="http://schemas.microsoft.com/office/drawing/2014/main" id="{4DAD2A8E-EA76-4808-B5A6-81A57FB98B5C}"/>
            </a:ext>
          </a:extLst>
        </xdr:cNvPr>
        <xdr:cNvSpPr/>
      </xdr:nvSpPr>
      <xdr:spPr>
        <a:xfrm>
          <a:off x="185166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24" name="正方形/長方形 723">
          <a:extLst>
            <a:ext uri="{FF2B5EF4-FFF2-40B4-BE49-F238E27FC236}">
              <a16:creationId xmlns:a16="http://schemas.microsoft.com/office/drawing/2014/main" id="{694702BC-670E-4577-8A3E-7B393C1352FC}"/>
            </a:ext>
          </a:extLst>
        </xdr:cNvPr>
        <xdr:cNvSpPr/>
      </xdr:nvSpPr>
      <xdr:spPr>
        <a:xfrm>
          <a:off x="185166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25" name="正方形/長方形 724">
          <a:extLst>
            <a:ext uri="{FF2B5EF4-FFF2-40B4-BE49-F238E27FC236}">
              <a16:creationId xmlns:a16="http://schemas.microsoft.com/office/drawing/2014/main" id="{1E4EA922-BF97-4EBB-A3A5-F530EE94B3A7}"/>
            </a:ext>
          </a:extLst>
        </xdr:cNvPr>
        <xdr:cNvSpPr/>
      </xdr:nvSpPr>
      <xdr:spPr>
        <a:xfrm>
          <a:off x="16459200" y="12239625"/>
          <a:ext cx="426720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26" name="正方形/長方形 725">
          <a:extLst>
            <a:ext uri="{FF2B5EF4-FFF2-40B4-BE49-F238E27FC236}">
              <a16:creationId xmlns:a16="http://schemas.microsoft.com/office/drawing/2014/main" id="{5278C413-565F-4540-A243-5D0055A2070D}"/>
            </a:ext>
          </a:extLst>
        </xdr:cNvPr>
        <xdr:cNvSpPr/>
      </xdr:nvSpPr>
      <xdr:spPr>
        <a:xfrm>
          <a:off x="11210925" y="14754225"/>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27" name="正方形/長方形 726">
          <a:extLst>
            <a:ext uri="{FF2B5EF4-FFF2-40B4-BE49-F238E27FC236}">
              <a16:creationId xmlns:a16="http://schemas.microsoft.com/office/drawing/2014/main" id="{72DE4F30-43E3-487F-9318-3CD4B7B2FD44}"/>
            </a:ext>
          </a:extLst>
        </xdr:cNvPr>
        <xdr:cNvSpPr/>
      </xdr:nvSpPr>
      <xdr:spPr>
        <a:xfrm>
          <a:off x="113157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28" name="正方形/長方形 727">
          <a:extLst>
            <a:ext uri="{FF2B5EF4-FFF2-40B4-BE49-F238E27FC236}">
              <a16:creationId xmlns:a16="http://schemas.microsoft.com/office/drawing/2014/main" id="{134A27B1-8B85-43A9-8DF3-44EB2763CCCC}"/>
            </a:ext>
          </a:extLst>
        </xdr:cNvPr>
        <xdr:cNvSpPr/>
      </xdr:nvSpPr>
      <xdr:spPr>
        <a:xfrm>
          <a:off x="113157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29" name="正方形/長方形 728">
          <a:extLst>
            <a:ext uri="{FF2B5EF4-FFF2-40B4-BE49-F238E27FC236}">
              <a16:creationId xmlns:a16="http://schemas.microsoft.com/office/drawing/2014/main" id="{3B94C6EB-33A9-455D-B118-38C2A98B5A23}"/>
            </a:ext>
          </a:extLst>
        </xdr:cNvPr>
        <xdr:cNvSpPr/>
      </xdr:nvSpPr>
      <xdr:spPr>
        <a:xfrm>
          <a:off x="122396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0" name="正方形/長方形 729">
          <a:extLst>
            <a:ext uri="{FF2B5EF4-FFF2-40B4-BE49-F238E27FC236}">
              <a16:creationId xmlns:a16="http://schemas.microsoft.com/office/drawing/2014/main" id="{0D43D3E0-6F2D-497B-A13F-1F90C0182779}"/>
            </a:ext>
          </a:extLst>
        </xdr:cNvPr>
        <xdr:cNvSpPr/>
      </xdr:nvSpPr>
      <xdr:spPr>
        <a:xfrm>
          <a:off x="122396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1" name="正方形/長方形 730">
          <a:extLst>
            <a:ext uri="{FF2B5EF4-FFF2-40B4-BE49-F238E27FC236}">
              <a16:creationId xmlns:a16="http://schemas.microsoft.com/office/drawing/2014/main" id="{76DFDFB7-7D5F-4386-BA83-303EE4EFAB13}"/>
            </a:ext>
          </a:extLst>
        </xdr:cNvPr>
        <xdr:cNvSpPr/>
      </xdr:nvSpPr>
      <xdr:spPr>
        <a:xfrm>
          <a:off x="132683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2" name="正方形/長方形 731">
          <a:extLst>
            <a:ext uri="{FF2B5EF4-FFF2-40B4-BE49-F238E27FC236}">
              <a16:creationId xmlns:a16="http://schemas.microsoft.com/office/drawing/2014/main" id="{27FB4101-D905-4A30-A306-55229595702C}"/>
            </a:ext>
          </a:extLst>
        </xdr:cNvPr>
        <xdr:cNvSpPr/>
      </xdr:nvSpPr>
      <xdr:spPr>
        <a:xfrm>
          <a:off x="132683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3" name="正方形/長方形 732">
          <a:extLst>
            <a:ext uri="{FF2B5EF4-FFF2-40B4-BE49-F238E27FC236}">
              <a16:creationId xmlns:a16="http://schemas.microsoft.com/office/drawing/2014/main" id="{63B87AB1-6E89-42D6-A10E-D0EEDC37F2E8}"/>
            </a:ext>
          </a:extLst>
        </xdr:cNvPr>
        <xdr:cNvSpPr/>
      </xdr:nvSpPr>
      <xdr:spPr>
        <a:xfrm>
          <a:off x="11210925" y="15840075"/>
          <a:ext cx="4248150" cy="21526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34" name="正方形/長方形 733">
          <a:extLst>
            <a:ext uri="{FF2B5EF4-FFF2-40B4-BE49-F238E27FC236}">
              <a16:creationId xmlns:a16="http://schemas.microsoft.com/office/drawing/2014/main" id="{AA110109-1457-4B51-B7DF-1CA836299562}"/>
            </a:ext>
          </a:extLst>
        </xdr:cNvPr>
        <xdr:cNvSpPr/>
      </xdr:nvSpPr>
      <xdr:spPr>
        <a:xfrm>
          <a:off x="16459200" y="14754225"/>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35" name="正方形/長方形 734">
          <a:extLst>
            <a:ext uri="{FF2B5EF4-FFF2-40B4-BE49-F238E27FC236}">
              <a16:creationId xmlns:a16="http://schemas.microsoft.com/office/drawing/2014/main" id="{DFA927CB-B09D-4519-B0BA-6F12B2E7CC53}"/>
            </a:ext>
          </a:extLst>
        </xdr:cNvPr>
        <xdr:cNvSpPr/>
      </xdr:nvSpPr>
      <xdr:spPr>
        <a:xfrm>
          <a:off x="165830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36" name="正方形/長方形 735">
          <a:extLst>
            <a:ext uri="{FF2B5EF4-FFF2-40B4-BE49-F238E27FC236}">
              <a16:creationId xmlns:a16="http://schemas.microsoft.com/office/drawing/2014/main" id="{C774D4D9-4622-4769-8E41-7C83BDB2F1E6}"/>
            </a:ext>
          </a:extLst>
        </xdr:cNvPr>
        <xdr:cNvSpPr/>
      </xdr:nvSpPr>
      <xdr:spPr>
        <a:xfrm>
          <a:off x="165830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37" name="正方形/長方形 736">
          <a:extLst>
            <a:ext uri="{FF2B5EF4-FFF2-40B4-BE49-F238E27FC236}">
              <a16:creationId xmlns:a16="http://schemas.microsoft.com/office/drawing/2014/main" id="{25858AF6-D587-4D62-BFE3-7B5100B41B5B}"/>
            </a:ext>
          </a:extLst>
        </xdr:cNvPr>
        <xdr:cNvSpPr/>
      </xdr:nvSpPr>
      <xdr:spPr>
        <a:xfrm>
          <a:off x="174879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8" name="正方形/長方形 737">
          <a:extLst>
            <a:ext uri="{FF2B5EF4-FFF2-40B4-BE49-F238E27FC236}">
              <a16:creationId xmlns:a16="http://schemas.microsoft.com/office/drawing/2014/main" id="{C3A79892-A517-41F4-A886-8731B606B748}"/>
            </a:ext>
          </a:extLst>
        </xdr:cNvPr>
        <xdr:cNvSpPr/>
      </xdr:nvSpPr>
      <xdr:spPr>
        <a:xfrm>
          <a:off x="174879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9" name="正方形/長方形 738">
          <a:extLst>
            <a:ext uri="{FF2B5EF4-FFF2-40B4-BE49-F238E27FC236}">
              <a16:creationId xmlns:a16="http://schemas.microsoft.com/office/drawing/2014/main" id="{576101CF-0FD4-42AB-8BB0-F8638EB0920D}"/>
            </a:ext>
          </a:extLst>
        </xdr:cNvPr>
        <xdr:cNvSpPr/>
      </xdr:nvSpPr>
      <xdr:spPr>
        <a:xfrm>
          <a:off x="185166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40" name="正方形/長方形 739">
          <a:extLst>
            <a:ext uri="{FF2B5EF4-FFF2-40B4-BE49-F238E27FC236}">
              <a16:creationId xmlns:a16="http://schemas.microsoft.com/office/drawing/2014/main" id="{AB7C054F-B984-4123-8D7B-69979A589646}"/>
            </a:ext>
          </a:extLst>
        </xdr:cNvPr>
        <xdr:cNvSpPr/>
      </xdr:nvSpPr>
      <xdr:spPr>
        <a:xfrm>
          <a:off x="185166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41" name="正方形/長方形 740">
          <a:extLst>
            <a:ext uri="{FF2B5EF4-FFF2-40B4-BE49-F238E27FC236}">
              <a16:creationId xmlns:a16="http://schemas.microsoft.com/office/drawing/2014/main" id="{BDE983F3-2C75-4EC4-9E37-D5DC274D5F65}"/>
            </a:ext>
          </a:extLst>
        </xdr:cNvPr>
        <xdr:cNvSpPr/>
      </xdr:nvSpPr>
      <xdr:spPr>
        <a:xfrm>
          <a:off x="16459200" y="15840075"/>
          <a:ext cx="4267200" cy="21526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42" name="正方形/長方形 741">
          <a:extLst>
            <a:ext uri="{FF2B5EF4-FFF2-40B4-BE49-F238E27FC236}">
              <a16:creationId xmlns:a16="http://schemas.microsoft.com/office/drawing/2014/main" id="{D1AC7B37-935A-4E19-8C40-7B41A9A4E5A2}"/>
            </a:ext>
          </a:extLst>
        </xdr:cNvPr>
        <xdr:cNvSpPr/>
      </xdr:nvSpPr>
      <xdr:spPr>
        <a:xfrm>
          <a:off x="685800" y="18354675"/>
          <a:ext cx="20040600" cy="18002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3" name="正方形/長方形 742">
          <a:extLst>
            <a:ext uri="{FF2B5EF4-FFF2-40B4-BE49-F238E27FC236}">
              <a16:creationId xmlns:a16="http://schemas.microsoft.com/office/drawing/2014/main" id="{A1AF6177-6C71-4743-BA63-024FC7E4517C}"/>
            </a:ext>
          </a:extLst>
        </xdr:cNvPr>
        <xdr:cNvSpPr/>
      </xdr:nvSpPr>
      <xdr:spPr>
        <a:xfrm>
          <a:off x="685800" y="18421350"/>
          <a:ext cx="34671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4" name="テキスト ボックス 743">
          <a:extLst>
            <a:ext uri="{FF2B5EF4-FFF2-40B4-BE49-F238E27FC236}">
              <a16:creationId xmlns:a16="http://schemas.microsoft.com/office/drawing/2014/main" id="{A5F16423-ACAB-46FA-A1F2-7B167733F1A9}"/>
            </a:ext>
          </a:extLst>
        </xdr:cNvPr>
        <xdr:cNvSpPr txBox="1"/>
      </xdr:nvSpPr>
      <xdr:spPr>
        <a:xfrm>
          <a:off x="762000" y="18649950"/>
          <a:ext cx="19878675" cy="14097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本市の有形固定資産減価償却率は類似団体と比較して、低い水準となっています。</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類似団体と比較して有形固定資産減価償却率が低くなっている施設として</a:t>
          </a:r>
          <a:r>
            <a:rPr kumimoji="1" lang="en-US" altLang="ja-JP"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道路</a:t>
          </a:r>
          <a:r>
            <a:rPr kumimoji="1" lang="en-US" altLang="ja-JP"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がありますが、これは、横浜北西線など近年整備した道路の取得価格が全体に占める割合が大きいことによるものです。</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本市では、施設の老朽化の進行に対しては、「公共施設等総合管理計画」や、施設ごとの「個別施設計画」に沿って、長寿命化を基本とした計画的かつ効果的な保全更新を着実に進めていきます。　</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また、公共施設が提供する機能・サービスの持続的な維持・向上のため、施設の規模・数量、質、コスト</a:t>
          </a:r>
          <a:r>
            <a:rPr kumimoji="1" lang="ja-JP" altLang="ja-JP" sz="1100" b="0" i="0" strike="sngStrike" baseline="0">
              <a:solidFill>
                <a:schemeClr val="dk1"/>
              </a:solidFill>
              <a:effectLst/>
              <a:latin typeface="+mn-lt"/>
              <a:ea typeface="+mn-ea"/>
              <a:cs typeface="+mn-cs"/>
            </a:rPr>
            <a:t>等</a:t>
          </a:r>
          <a:r>
            <a:rPr kumimoji="1" lang="ja-JP" altLang="ja-JP" sz="1100" b="0" i="0" baseline="0">
              <a:solidFill>
                <a:schemeClr val="dk1"/>
              </a:solidFill>
              <a:effectLst/>
              <a:latin typeface="+mn-lt"/>
              <a:ea typeface="+mn-ea"/>
              <a:cs typeface="+mn-cs"/>
            </a:rPr>
            <a:t>の適正化を進めていきます。</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6CA43F6F-1239-4620-BBC2-6235ED4F2EF6}"/>
            </a:ext>
          </a:extLst>
        </xdr:cNvPr>
        <xdr:cNvSpPr/>
      </xdr:nvSpPr>
      <xdr:spPr>
        <a:xfrm>
          <a:off x="581025" y="123825"/>
          <a:ext cx="1142047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AFADCF34-737B-46CB-96F0-58247F7951A1}"/>
            </a:ext>
          </a:extLst>
        </xdr:cNvPr>
        <xdr:cNvSpPr/>
      </xdr:nvSpPr>
      <xdr:spPr>
        <a:xfrm>
          <a:off x="17145000" y="180975"/>
          <a:ext cx="3581400"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7AE6EBC1-B024-446C-9824-2030E8FBD175}"/>
            </a:ext>
          </a:extLst>
        </xdr:cNvPr>
        <xdr:cNvSpPr/>
      </xdr:nvSpPr>
      <xdr:spPr>
        <a:xfrm>
          <a:off x="17164050" y="209550"/>
          <a:ext cx="35337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B6652D78-D556-447B-8A38-29038E55906D}"/>
            </a:ext>
          </a:extLst>
        </xdr:cNvPr>
        <xdr:cNvSpPr/>
      </xdr:nvSpPr>
      <xdr:spPr>
        <a:xfrm>
          <a:off x="17192625" y="228600"/>
          <a:ext cx="3476625" cy="4191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1075A8B5-ACFC-4914-B3D6-5766C9BB9026}"/>
            </a:ext>
          </a:extLst>
        </xdr:cNvPr>
        <xdr:cNvSpPr/>
      </xdr:nvSpPr>
      <xdr:spPr>
        <a:xfrm>
          <a:off x="14639925" y="180975"/>
          <a:ext cx="2390775"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ADBF0FDA-0C96-41AF-8BAC-05302029C323}"/>
            </a:ext>
          </a:extLst>
        </xdr:cNvPr>
        <xdr:cNvSpPr/>
      </xdr:nvSpPr>
      <xdr:spPr>
        <a:xfrm>
          <a:off x="14658975" y="209550"/>
          <a:ext cx="23526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DCA2316-4DC5-4EFD-8BC2-B570AF34D813}"/>
            </a:ext>
          </a:extLst>
        </xdr:cNvPr>
        <xdr:cNvSpPr/>
      </xdr:nvSpPr>
      <xdr:spPr>
        <a:xfrm>
          <a:off x="14687550" y="228600"/>
          <a:ext cx="2295525" cy="4286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31E9FF05-7C8B-4FD6-8477-3CC65B3CEFC9}"/>
            </a:ext>
          </a:extLst>
        </xdr:cNvPr>
        <xdr:cNvSpPr/>
      </xdr:nvSpPr>
      <xdr:spPr>
        <a:xfrm>
          <a:off x="685800" y="838200"/>
          <a:ext cx="9086850" cy="16859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EEF33B8F-562F-4AA8-A867-AA72B54C4ABE}"/>
            </a:ext>
          </a:extLst>
        </xdr:cNvPr>
        <xdr:cNvSpPr/>
      </xdr:nvSpPr>
      <xdr:spPr>
        <a:xfrm>
          <a:off x="809625" y="876300"/>
          <a:ext cx="1247775"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81B6BEF5-F0A6-4780-AAAF-70BAECAE852D}"/>
            </a:ext>
          </a:extLst>
        </xdr:cNvPr>
        <xdr:cNvSpPr/>
      </xdr:nvSpPr>
      <xdr:spPr>
        <a:xfrm>
          <a:off x="2009775" y="876300"/>
          <a:ext cx="120015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5,793
3,656,564
437.78
2,230,290,510
2,202,642,428
13,996,572
999,814,703
2,384,424,6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FD717284-6D79-45C2-9CF3-DF7DD0D97BCD}"/>
            </a:ext>
          </a:extLst>
        </xdr:cNvPr>
        <xdr:cNvSpPr/>
      </xdr:nvSpPr>
      <xdr:spPr>
        <a:xfrm>
          <a:off x="3209925" y="876300"/>
          <a:ext cx="137160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EF7073D7-FC78-4C72-8C58-D3536732B7C3}"/>
            </a:ext>
          </a:extLst>
        </xdr:cNvPr>
        <xdr:cNvSpPr/>
      </xdr:nvSpPr>
      <xdr:spPr>
        <a:xfrm>
          <a:off x="4581525" y="895350"/>
          <a:ext cx="18288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B007984D-7086-466F-A467-994A870244D1}"/>
            </a:ext>
          </a:extLst>
        </xdr:cNvPr>
        <xdr:cNvSpPr/>
      </xdr:nvSpPr>
      <xdr:spPr>
        <a:xfrm>
          <a:off x="6410325" y="895350"/>
          <a:ext cx="1133475"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6
12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C861DEFC-B15D-42C6-8DB0-39A70380A465}"/>
            </a:ext>
          </a:extLst>
        </xdr:cNvPr>
        <xdr:cNvSpPr/>
      </xdr:nvSpPr>
      <xdr:spPr>
        <a:xfrm>
          <a:off x="7610475" y="904875"/>
          <a:ext cx="5715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F5B28B14-742B-42C6-8AB4-26FF5CE8FB7C}"/>
            </a:ext>
          </a:extLst>
        </xdr:cNvPr>
        <xdr:cNvSpPr/>
      </xdr:nvSpPr>
      <xdr:spPr>
        <a:xfrm>
          <a:off x="4581525" y="1619250"/>
          <a:ext cx="18288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672AFC87-3B39-4A83-AF5C-67DD773CFC10}"/>
            </a:ext>
          </a:extLst>
        </xdr:cNvPr>
        <xdr:cNvSpPr/>
      </xdr:nvSpPr>
      <xdr:spPr>
        <a:xfrm>
          <a:off x="6467475" y="1619250"/>
          <a:ext cx="30861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8207DA26-BA22-455B-83FF-459ECEC52D44}"/>
            </a:ext>
          </a:extLst>
        </xdr:cNvPr>
        <xdr:cNvSpPr/>
      </xdr:nvSpPr>
      <xdr:spPr>
        <a:xfrm>
          <a:off x="9972675" y="838200"/>
          <a:ext cx="1371600" cy="120967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AF36C24-262B-4B66-BB27-F3D05C27E902}"/>
            </a:ext>
          </a:extLst>
        </xdr:cNvPr>
        <xdr:cNvSpPr/>
      </xdr:nvSpPr>
      <xdr:spPr>
        <a:xfrm>
          <a:off x="10210800" y="904875"/>
          <a:ext cx="12001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994D2858-378C-43A8-9D3E-68DB334F9C05}"/>
            </a:ext>
          </a:extLst>
        </xdr:cNvPr>
        <xdr:cNvSpPr/>
      </xdr:nvSpPr>
      <xdr:spPr>
        <a:xfrm>
          <a:off x="10210800" y="1152525"/>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CDBA8343-516D-4AC0-8154-A00645FF2310}"/>
            </a:ext>
          </a:extLst>
        </xdr:cNvPr>
        <xdr:cNvSpPr/>
      </xdr:nvSpPr>
      <xdr:spPr>
        <a:xfrm>
          <a:off x="10210800" y="1466850"/>
          <a:ext cx="130492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7517F76B-4A7C-4BEC-BA69-513986713508}"/>
            </a:ext>
          </a:extLst>
        </xdr:cNvPr>
        <xdr:cNvCxnSpPr/>
      </xdr:nvCxnSpPr>
      <xdr:spPr>
        <a:xfrm flipH="1">
          <a:off x="10048875" y="98107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1EAE9C30-F2C8-441E-8DD6-A23E3741D307}"/>
            </a:ext>
          </a:extLst>
        </xdr:cNvPr>
        <xdr:cNvSpPr/>
      </xdr:nvSpPr>
      <xdr:spPr>
        <a:xfrm>
          <a:off x="10102850" y="94297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6A49B464-C718-498C-BDCB-4DDBFD134C63}"/>
            </a:ext>
          </a:extLst>
        </xdr:cNvPr>
        <xdr:cNvSpPr/>
      </xdr:nvSpPr>
      <xdr:spPr>
        <a:xfrm>
          <a:off x="10102850" y="119062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192A9353-C09C-4D55-A14E-5772BE370BB2}"/>
            </a:ext>
          </a:extLst>
        </xdr:cNvPr>
        <xdr:cNvCxnSpPr/>
      </xdr:nvCxnSpPr>
      <xdr:spPr>
        <a:xfrm>
          <a:off x="10131425" y="14478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86B8FBF-7DD8-4A67-B606-65F4939829B2}"/>
            </a:ext>
          </a:extLst>
        </xdr:cNvPr>
        <xdr:cNvCxnSpPr/>
      </xdr:nvCxnSpPr>
      <xdr:spPr>
        <a:xfrm>
          <a:off x="10067925" y="14478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368BA686-A2A0-488E-9449-2564670089DF}"/>
            </a:ext>
          </a:extLst>
        </xdr:cNvPr>
        <xdr:cNvCxnSpPr/>
      </xdr:nvCxnSpPr>
      <xdr:spPr>
        <a:xfrm flipV="1">
          <a:off x="10131425" y="16637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0062D77-48AB-4BD7-A62D-B4ED0B8B4A4E}"/>
            </a:ext>
          </a:extLst>
        </xdr:cNvPr>
        <xdr:cNvCxnSpPr/>
      </xdr:nvCxnSpPr>
      <xdr:spPr>
        <a:xfrm>
          <a:off x="10067925" y="1800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67DBBF29-059E-462B-9E65-ED5809EAB77E}"/>
            </a:ext>
          </a:extLst>
        </xdr:cNvPr>
        <xdr:cNvSpPr txBox="1"/>
      </xdr:nvSpPr>
      <xdr:spPr>
        <a:xfrm>
          <a:off x="638175" y="26384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1F69875A-5E06-4187-A475-AFD8A3BFF9F8}"/>
            </a:ext>
          </a:extLst>
        </xdr:cNvPr>
        <xdr:cNvSpPr txBox="1"/>
      </xdr:nvSpPr>
      <xdr:spPr>
        <a:xfrm>
          <a:off x="638175"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5A719077-1CBC-4CC0-A950-3DA8B6867C2E}"/>
            </a:ext>
          </a:extLst>
        </xdr:cNvPr>
        <xdr:cNvSpPr txBox="1"/>
      </xdr:nvSpPr>
      <xdr:spPr>
        <a:xfrm>
          <a:off x="638175" y="3238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AB99E5FD-0A3C-475E-AF50-586C491FB345}"/>
            </a:ext>
          </a:extLst>
        </xdr:cNvPr>
        <xdr:cNvSpPr txBox="1"/>
      </xdr:nvSpPr>
      <xdr:spPr>
        <a:xfrm>
          <a:off x="638175" y="35433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D343A55A-7B3C-4ABD-A0BD-4B29BDCFF145}"/>
            </a:ext>
          </a:extLst>
        </xdr:cNvPr>
        <xdr:cNvSpPr/>
      </xdr:nvSpPr>
      <xdr:spPr>
        <a:xfrm>
          <a:off x="685800" y="39624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514F9F86-9D53-4BCC-A822-79F4539CC63F}"/>
            </a:ext>
          </a:extLst>
        </xdr:cNvPr>
        <xdr:cNvSpPr/>
      </xdr:nvSpPr>
      <xdr:spPr>
        <a:xfrm>
          <a:off x="8096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4C4A9F55-CCA7-427D-98DC-0BAB71007254}"/>
            </a:ext>
          </a:extLst>
        </xdr:cNvPr>
        <xdr:cNvSpPr/>
      </xdr:nvSpPr>
      <xdr:spPr>
        <a:xfrm>
          <a:off x="8096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B06FFF95-BD9A-4D33-8D01-24FC5ED8C64E}"/>
            </a:ext>
          </a:extLst>
        </xdr:cNvPr>
        <xdr:cNvSpPr/>
      </xdr:nvSpPr>
      <xdr:spPr>
        <a:xfrm>
          <a:off x="17145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6AB45D1-478E-4EE4-91B8-2B1E085B6BB0}"/>
            </a:ext>
          </a:extLst>
        </xdr:cNvPr>
        <xdr:cNvSpPr/>
      </xdr:nvSpPr>
      <xdr:spPr>
        <a:xfrm>
          <a:off x="17145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14D3D10-7A26-4B88-8BF9-FCB59AE214B3}"/>
            </a:ext>
          </a:extLst>
        </xdr:cNvPr>
        <xdr:cNvSpPr/>
      </xdr:nvSpPr>
      <xdr:spPr>
        <a:xfrm>
          <a:off x="27432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5F49F568-DF69-42AB-A3DD-16F04F46792B}"/>
            </a:ext>
          </a:extLst>
        </xdr:cNvPr>
        <xdr:cNvSpPr/>
      </xdr:nvSpPr>
      <xdr:spPr>
        <a:xfrm>
          <a:off x="27432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CFF3C72F-8B76-426E-8D4B-DF359968F894}"/>
            </a:ext>
          </a:extLst>
        </xdr:cNvPr>
        <xdr:cNvSpPr/>
      </xdr:nvSpPr>
      <xdr:spPr>
        <a:xfrm>
          <a:off x="685800" y="50387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15B8D0C9-738B-4360-B2BD-AF18594B2EED}"/>
            </a:ext>
          </a:extLst>
        </xdr:cNvPr>
        <xdr:cNvSpPr txBox="1"/>
      </xdr:nvSpPr>
      <xdr:spPr>
        <a:xfrm>
          <a:off x="666750" y="48577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B2E1C7D0-89F0-4BDE-B10F-F33858556B6F}"/>
            </a:ext>
          </a:extLst>
        </xdr:cNvPr>
        <xdr:cNvCxnSpPr/>
      </xdr:nvCxnSpPr>
      <xdr:spPr>
        <a:xfrm>
          <a:off x="685800" y="7200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a:extLst>
            <a:ext uri="{FF2B5EF4-FFF2-40B4-BE49-F238E27FC236}">
              <a16:creationId xmlns:a16="http://schemas.microsoft.com/office/drawing/2014/main" id="{3417E98C-2F66-457E-A8D2-A8B049292D76}"/>
            </a:ext>
          </a:extLst>
        </xdr:cNvPr>
        <xdr:cNvSpPr txBox="1"/>
      </xdr:nvSpPr>
      <xdr:spPr>
        <a:xfrm>
          <a:off x="339891" y="7065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5C870508-2D7A-4630-AFC3-D6A65DA7E07D}"/>
            </a:ext>
          </a:extLst>
        </xdr:cNvPr>
        <xdr:cNvCxnSpPr/>
      </xdr:nvCxnSpPr>
      <xdr:spPr>
        <a:xfrm>
          <a:off x="685800" y="6838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5" name="テキスト ボックス 44">
          <a:extLst>
            <a:ext uri="{FF2B5EF4-FFF2-40B4-BE49-F238E27FC236}">
              <a16:creationId xmlns:a16="http://schemas.microsoft.com/office/drawing/2014/main" id="{8E17FD11-4EFB-4FD0-AA2E-ED67B0B7CA5F}"/>
            </a:ext>
          </a:extLst>
        </xdr:cNvPr>
        <xdr:cNvSpPr txBox="1"/>
      </xdr:nvSpPr>
      <xdr:spPr>
        <a:xfrm>
          <a:off x="339891" y="6703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2FA8747F-8A44-47F3-AD38-5FB0E71B8010}"/>
            </a:ext>
          </a:extLst>
        </xdr:cNvPr>
        <xdr:cNvCxnSpPr/>
      </xdr:nvCxnSpPr>
      <xdr:spPr>
        <a:xfrm>
          <a:off x="685800" y="6477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E1DD593B-7E62-400F-95FD-DCB6841EAEA7}"/>
            </a:ext>
          </a:extLst>
        </xdr:cNvPr>
        <xdr:cNvSpPr txBox="1"/>
      </xdr:nvSpPr>
      <xdr:spPr>
        <a:xfrm>
          <a:off x="339891" y="6341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1F43C287-6F4F-4D2E-9CB3-ED229DF3A17E}"/>
            </a:ext>
          </a:extLst>
        </xdr:cNvPr>
        <xdr:cNvCxnSpPr/>
      </xdr:nvCxnSpPr>
      <xdr:spPr>
        <a:xfrm>
          <a:off x="685800" y="61245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B30159C8-5D7F-43BB-979A-3FC3EA30CD4E}"/>
            </a:ext>
          </a:extLst>
        </xdr:cNvPr>
        <xdr:cNvSpPr txBox="1"/>
      </xdr:nvSpPr>
      <xdr:spPr>
        <a:xfrm>
          <a:off x="339891" y="59887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CA3AFAB9-D908-4533-941A-84188049B1A2}"/>
            </a:ext>
          </a:extLst>
        </xdr:cNvPr>
        <xdr:cNvCxnSpPr/>
      </xdr:nvCxnSpPr>
      <xdr:spPr>
        <a:xfrm>
          <a:off x="685800" y="57626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D5526E9E-0189-4251-991F-BC513556BBCE}"/>
            </a:ext>
          </a:extLst>
        </xdr:cNvPr>
        <xdr:cNvSpPr txBox="1"/>
      </xdr:nvSpPr>
      <xdr:spPr>
        <a:xfrm>
          <a:off x="339891" y="56267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CEFD8D30-7BEA-475A-8E83-4E7CFD2D7ED1}"/>
            </a:ext>
          </a:extLst>
        </xdr:cNvPr>
        <xdr:cNvCxnSpPr/>
      </xdr:nvCxnSpPr>
      <xdr:spPr>
        <a:xfrm>
          <a:off x="685800" y="54006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F6390E73-CF65-4669-ABBA-9F7634739883}"/>
            </a:ext>
          </a:extLst>
        </xdr:cNvPr>
        <xdr:cNvSpPr txBox="1"/>
      </xdr:nvSpPr>
      <xdr:spPr>
        <a:xfrm>
          <a:off x="339891" y="52648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8A9C6411-BE8C-4216-8BC2-17E7EB9F3176}"/>
            </a:ext>
          </a:extLst>
        </xdr:cNvPr>
        <xdr:cNvCxnSpPr/>
      </xdr:nvCxnSpPr>
      <xdr:spPr>
        <a:xfrm>
          <a:off x="685800" y="5038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5" name="テキスト ボックス 54">
          <a:extLst>
            <a:ext uri="{FF2B5EF4-FFF2-40B4-BE49-F238E27FC236}">
              <a16:creationId xmlns:a16="http://schemas.microsoft.com/office/drawing/2014/main" id="{C7BE55AE-6C2B-41D1-A92C-4EA3297EF444}"/>
            </a:ext>
          </a:extLst>
        </xdr:cNvPr>
        <xdr:cNvSpPr txBox="1"/>
      </xdr:nvSpPr>
      <xdr:spPr>
        <a:xfrm>
          <a:off x="339891" y="49028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id="{133128E3-C6D1-41B5-A160-FDA62F2B6F1A}"/>
            </a:ext>
          </a:extLst>
        </xdr:cNvPr>
        <xdr:cNvSpPr/>
      </xdr:nvSpPr>
      <xdr:spPr>
        <a:xfrm>
          <a:off x="685800" y="50387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33350</xdr:rowOff>
    </xdr:from>
    <xdr:to>
      <xdr:col>24</xdr:col>
      <xdr:colOff>62865</xdr:colOff>
      <xdr:row>40</xdr:row>
      <xdr:rowOff>144780</xdr:rowOff>
    </xdr:to>
    <xdr:cxnSp macro="">
      <xdr:nvCxnSpPr>
        <xdr:cNvPr id="57" name="直線コネクタ 56">
          <a:extLst>
            <a:ext uri="{FF2B5EF4-FFF2-40B4-BE49-F238E27FC236}">
              <a16:creationId xmlns:a16="http://schemas.microsoft.com/office/drawing/2014/main" id="{BB97F168-DDDE-44E6-8C0C-D14548BC6A9E}"/>
            </a:ext>
          </a:extLst>
        </xdr:cNvPr>
        <xdr:cNvCxnSpPr/>
      </xdr:nvCxnSpPr>
      <xdr:spPr>
        <a:xfrm flipV="1">
          <a:off x="4180840" y="5314950"/>
          <a:ext cx="0" cy="1303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48607</xdr:rowOff>
    </xdr:from>
    <xdr:ext cx="405111" cy="259045"/>
    <xdr:sp macro="" textlink="">
      <xdr:nvSpPr>
        <xdr:cNvPr id="58" name="【図書館】&#10;有形固定資産減価償却率最小値テキスト">
          <a:extLst>
            <a:ext uri="{FF2B5EF4-FFF2-40B4-BE49-F238E27FC236}">
              <a16:creationId xmlns:a16="http://schemas.microsoft.com/office/drawing/2014/main" id="{17FE4224-92BB-465D-88C1-D0F6348B7B13}"/>
            </a:ext>
          </a:extLst>
        </xdr:cNvPr>
        <xdr:cNvSpPr txBox="1"/>
      </xdr:nvSpPr>
      <xdr:spPr>
        <a:xfrm>
          <a:off x="4219575" y="6622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44780</xdr:rowOff>
    </xdr:from>
    <xdr:to>
      <xdr:col>24</xdr:col>
      <xdr:colOff>152400</xdr:colOff>
      <xdr:row>40</xdr:row>
      <xdr:rowOff>144780</xdr:rowOff>
    </xdr:to>
    <xdr:cxnSp macro="">
      <xdr:nvCxnSpPr>
        <xdr:cNvPr id="59" name="直線コネクタ 58">
          <a:extLst>
            <a:ext uri="{FF2B5EF4-FFF2-40B4-BE49-F238E27FC236}">
              <a16:creationId xmlns:a16="http://schemas.microsoft.com/office/drawing/2014/main" id="{55EAC67F-0A89-41D9-9EAB-E437253AAD9C}"/>
            </a:ext>
          </a:extLst>
        </xdr:cNvPr>
        <xdr:cNvCxnSpPr/>
      </xdr:nvCxnSpPr>
      <xdr:spPr>
        <a:xfrm>
          <a:off x="4105275" y="661860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80027</xdr:rowOff>
    </xdr:from>
    <xdr:ext cx="405111" cy="259045"/>
    <xdr:sp macro="" textlink="">
      <xdr:nvSpPr>
        <xdr:cNvPr id="60" name="【図書館】&#10;有形固定資産減価償却率最大値テキスト">
          <a:extLst>
            <a:ext uri="{FF2B5EF4-FFF2-40B4-BE49-F238E27FC236}">
              <a16:creationId xmlns:a16="http://schemas.microsoft.com/office/drawing/2014/main" id="{38FC2702-70FC-4727-A5BD-0C180803E011}"/>
            </a:ext>
          </a:extLst>
        </xdr:cNvPr>
        <xdr:cNvSpPr txBox="1"/>
      </xdr:nvSpPr>
      <xdr:spPr>
        <a:xfrm>
          <a:off x="4219575" y="510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33350</xdr:rowOff>
    </xdr:from>
    <xdr:to>
      <xdr:col>24</xdr:col>
      <xdr:colOff>152400</xdr:colOff>
      <xdr:row>32</xdr:row>
      <xdr:rowOff>133350</xdr:rowOff>
    </xdr:to>
    <xdr:cxnSp macro="">
      <xdr:nvCxnSpPr>
        <xdr:cNvPr id="61" name="直線コネクタ 60">
          <a:extLst>
            <a:ext uri="{FF2B5EF4-FFF2-40B4-BE49-F238E27FC236}">
              <a16:creationId xmlns:a16="http://schemas.microsoft.com/office/drawing/2014/main" id="{2F334381-8013-4B59-B1A0-C16A52E68734}"/>
            </a:ext>
          </a:extLst>
        </xdr:cNvPr>
        <xdr:cNvCxnSpPr/>
      </xdr:nvCxnSpPr>
      <xdr:spPr>
        <a:xfrm>
          <a:off x="4105275" y="531495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4</xdr:row>
      <xdr:rowOff>120667</xdr:rowOff>
    </xdr:from>
    <xdr:ext cx="405111" cy="259045"/>
    <xdr:sp macro="" textlink="">
      <xdr:nvSpPr>
        <xdr:cNvPr id="62" name="【図書館】&#10;有形固定資産減価償却率平均値テキスト">
          <a:extLst>
            <a:ext uri="{FF2B5EF4-FFF2-40B4-BE49-F238E27FC236}">
              <a16:creationId xmlns:a16="http://schemas.microsoft.com/office/drawing/2014/main" id="{DF399E30-D64E-4991-8D24-54D15F1F2D02}"/>
            </a:ext>
          </a:extLst>
        </xdr:cNvPr>
        <xdr:cNvSpPr txBox="1"/>
      </xdr:nvSpPr>
      <xdr:spPr>
        <a:xfrm>
          <a:off x="4219575" y="56292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7790</xdr:rowOff>
    </xdr:from>
    <xdr:to>
      <xdr:col>24</xdr:col>
      <xdr:colOff>114300</xdr:colOff>
      <xdr:row>36</xdr:row>
      <xdr:rowOff>27940</xdr:rowOff>
    </xdr:to>
    <xdr:sp macro="" textlink="">
      <xdr:nvSpPr>
        <xdr:cNvPr id="63" name="フローチャート: 判断 62">
          <a:extLst>
            <a:ext uri="{FF2B5EF4-FFF2-40B4-BE49-F238E27FC236}">
              <a16:creationId xmlns:a16="http://schemas.microsoft.com/office/drawing/2014/main" id="{FF0AFBD1-7E78-49D0-91DF-1D6B11A07C58}"/>
            </a:ext>
          </a:extLst>
        </xdr:cNvPr>
        <xdr:cNvSpPr/>
      </xdr:nvSpPr>
      <xdr:spPr>
        <a:xfrm>
          <a:off x="4124325" y="576516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5</xdr:row>
      <xdr:rowOff>48260</xdr:rowOff>
    </xdr:from>
    <xdr:to>
      <xdr:col>20</xdr:col>
      <xdr:colOff>38100</xdr:colOff>
      <xdr:row>35</xdr:row>
      <xdr:rowOff>149860</xdr:rowOff>
    </xdr:to>
    <xdr:sp macro="" textlink="">
      <xdr:nvSpPr>
        <xdr:cNvPr id="64" name="フローチャート: 判断 63">
          <a:extLst>
            <a:ext uri="{FF2B5EF4-FFF2-40B4-BE49-F238E27FC236}">
              <a16:creationId xmlns:a16="http://schemas.microsoft.com/office/drawing/2014/main" id="{F116B4E1-4962-4A26-8722-5C73056ADFC9}"/>
            </a:ext>
          </a:extLst>
        </xdr:cNvPr>
        <xdr:cNvSpPr/>
      </xdr:nvSpPr>
      <xdr:spPr>
        <a:xfrm>
          <a:off x="3381375" y="5712460"/>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4</xdr:row>
      <xdr:rowOff>124460</xdr:rowOff>
    </xdr:from>
    <xdr:to>
      <xdr:col>15</xdr:col>
      <xdr:colOff>101600</xdr:colOff>
      <xdr:row>35</xdr:row>
      <xdr:rowOff>54610</xdr:rowOff>
    </xdr:to>
    <xdr:sp macro="" textlink="">
      <xdr:nvSpPr>
        <xdr:cNvPr id="65" name="フローチャート: 判断 64">
          <a:extLst>
            <a:ext uri="{FF2B5EF4-FFF2-40B4-BE49-F238E27FC236}">
              <a16:creationId xmlns:a16="http://schemas.microsoft.com/office/drawing/2014/main" id="{D6010103-C0AA-4F5E-9D3D-E7B0D3D3ACCA}"/>
            </a:ext>
          </a:extLst>
        </xdr:cNvPr>
        <xdr:cNvSpPr/>
      </xdr:nvSpPr>
      <xdr:spPr>
        <a:xfrm>
          <a:off x="2571750" y="562673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4</xdr:row>
      <xdr:rowOff>67310</xdr:rowOff>
    </xdr:from>
    <xdr:to>
      <xdr:col>10</xdr:col>
      <xdr:colOff>165100</xdr:colOff>
      <xdr:row>34</xdr:row>
      <xdr:rowOff>168910</xdr:rowOff>
    </xdr:to>
    <xdr:sp macro="" textlink="">
      <xdr:nvSpPr>
        <xdr:cNvPr id="66" name="フローチャート: 判断 65">
          <a:extLst>
            <a:ext uri="{FF2B5EF4-FFF2-40B4-BE49-F238E27FC236}">
              <a16:creationId xmlns:a16="http://schemas.microsoft.com/office/drawing/2014/main" id="{671A9A67-C876-41BA-9815-2E9A1E656A55}"/>
            </a:ext>
          </a:extLst>
        </xdr:cNvPr>
        <xdr:cNvSpPr/>
      </xdr:nvSpPr>
      <xdr:spPr>
        <a:xfrm>
          <a:off x="1781175" y="556958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4</xdr:row>
      <xdr:rowOff>33020</xdr:rowOff>
    </xdr:from>
    <xdr:to>
      <xdr:col>6</xdr:col>
      <xdr:colOff>38100</xdr:colOff>
      <xdr:row>34</xdr:row>
      <xdr:rowOff>134620</xdr:rowOff>
    </xdr:to>
    <xdr:sp macro="" textlink="">
      <xdr:nvSpPr>
        <xdr:cNvPr id="67" name="フローチャート: 判断 66">
          <a:extLst>
            <a:ext uri="{FF2B5EF4-FFF2-40B4-BE49-F238E27FC236}">
              <a16:creationId xmlns:a16="http://schemas.microsoft.com/office/drawing/2014/main" id="{152D5A3D-5A63-4394-93E0-6C6B36CD846F}"/>
            </a:ext>
          </a:extLst>
        </xdr:cNvPr>
        <xdr:cNvSpPr/>
      </xdr:nvSpPr>
      <xdr:spPr>
        <a:xfrm>
          <a:off x="981075" y="553529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D87B1AD4-D0E3-4D78-9C37-A374548C9213}"/>
            </a:ext>
          </a:extLst>
        </xdr:cNvPr>
        <xdr:cNvSpPr txBox="1"/>
      </xdr:nvSpPr>
      <xdr:spPr>
        <a:xfrm>
          <a:off x="40100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B8E2AD8E-BA0F-4D5B-BEC1-62F78D87D9F9}"/>
            </a:ext>
          </a:extLst>
        </xdr:cNvPr>
        <xdr:cNvSpPr txBox="1"/>
      </xdr:nvSpPr>
      <xdr:spPr>
        <a:xfrm>
          <a:off x="32575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553A9828-F891-4F1F-A63B-C2856BAE2603}"/>
            </a:ext>
          </a:extLst>
        </xdr:cNvPr>
        <xdr:cNvSpPr txBox="1"/>
      </xdr:nvSpPr>
      <xdr:spPr>
        <a:xfrm>
          <a:off x="24479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04719FF-9DD6-40EB-A39C-B8424BFAA02B}"/>
            </a:ext>
          </a:extLst>
        </xdr:cNvPr>
        <xdr:cNvSpPr txBox="1"/>
      </xdr:nvSpPr>
      <xdr:spPr>
        <a:xfrm>
          <a:off x="16573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DB21776C-9763-4163-8F08-F69D4D2AC3B6}"/>
            </a:ext>
          </a:extLst>
        </xdr:cNvPr>
        <xdr:cNvSpPr txBox="1"/>
      </xdr:nvSpPr>
      <xdr:spPr>
        <a:xfrm>
          <a:off x="8572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0</xdr:rowOff>
    </xdr:from>
    <xdr:to>
      <xdr:col>24</xdr:col>
      <xdr:colOff>114300</xdr:colOff>
      <xdr:row>37</xdr:row>
      <xdr:rowOff>127000</xdr:rowOff>
    </xdr:to>
    <xdr:sp macro="" textlink="">
      <xdr:nvSpPr>
        <xdr:cNvPr id="73" name="楕円 72">
          <a:extLst>
            <a:ext uri="{FF2B5EF4-FFF2-40B4-BE49-F238E27FC236}">
              <a16:creationId xmlns:a16="http://schemas.microsoft.com/office/drawing/2014/main" id="{D1B5A160-7380-4B18-8AF8-AB661ACAA8D2}"/>
            </a:ext>
          </a:extLst>
        </xdr:cNvPr>
        <xdr:cNvSpPr/>
      </xdr:nvSpPr>
      <xdr:spPr>
        <a:xfrm>
          <a:off x="4124325" y="6019800"/>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3827</xdr:rowOff>
    </xdr:from>
    <xdr:ext cx="405111" cy="259045"/>
    <xdr:sp macro="" textlink="">
      <xdr:nvSpPr>
        <xdr:cNvPr id="74" name="【図書館】&#10;有形固定資産減価償却率該当値テキスト">
          <a:extLst>
            <a:ext uri="{FF2B5EF4-FFF2-40B4-BE49-F238E27FC236}">
              <a16:creationId xmlns:a16="http://schemas.microsoft.com/office/drawing/2014/main" id="{D7704A09-F530-4001-A965-950CF606440B}"/>
            </a:ext>
          </a:extLst>
        </xdr:cNvPr>
        <xdr:cNvSpPr txBox="1"/>
      </xdr:nvSpPr>
      <xdr:spPr>
        <a:xfrm>
          <a:off x="4219575" y="5998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4460</xdr:rowOff>
    </xdr:from>
    <xdr:to>
      <xdr:col>20</xdr:col>
      <xdr:colOff>38100</xdr:colOff>
      <xdr:row>37</xdr:row>
      <xdr:rowOff>54610</xdr:rowOff>
    </xdr:to>
    <xdr:sp macro="" textlink="">
      <xdr:nvSpPr>
        <xdr:cNvPr id="75" name="楕円 74">
          <a:extLst>
            <a:ext uri="{FF2B5EF4-FFF2-40B4-BE49-F238E27FC236}">
              <a16:creationId xmlns:a16="http://schemas.microsoft.com/office/drawing/2014/main" id="{CFE0ACA8-54B6-4375-848B-9FEDA2F8B21E}"/>
            </a:ext>
          </a:extLst>
        </xdr:cNvPr>
        <xdr:cNvSpPr/>
      </xdr:nvSpPr>
      <xdr:spPr>
        <a:xfrm>
          <a:off x="3381375" y="595058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3810</xdr:rowOff>
    </xdr:from>
    <xdr:to>
      <xdr:col>24</xdr:col>
      <xdr:colOff>63500</xdr:colOff>
      <xdr:row>37</xdr:row>
      <xdr:rowOff>76200</xdr:rowOff>
    </xdr:to>
    <xdr:cxnSp macro="">
      <xdr:nvCxnSpPr>
        <xdr:cNvPr id="76" name="直線コネクタ 75">
          <a:extLst>
            <a:ext uri="{FF2B5EF4-FFF2-40B4-BE49-F238E27FC236}">
              <a16:creationId xmlns:a16="http://schemas.microsoft.com/office/drawing/2014/main" id="{CC2BEA67-7686-4DBC-B43D-565651AABFB0}"/>
            </a:ext>
          </a:extLst>
        </xdr:cNvPr>
        <xdr:cNvCxnSpPr/>
      </xdr:nvCxnSpPr>
      <xdr:spPr>
        <a:xfrm>
          <a:off x="3429000" y="5998210"/>
          <a:ext cx="752475" cy="69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44450</xdr:rowOff>
    </xdr:from>
    <xdr:to>
      <xdr:col>15</xdr:col>
      <xdr:colOff>101600</xdr:colOff>
      <xdr:row>36</xdr:row>
      <xdr:rowOff>146050</xdr:rowOff>
    </xdr:to>
    <xdr:sp macro="" textlink="">
      <xdr:nvSpPr>
        <xdr:cNvPr id="77" name="楕円 76">
          <a:extLst>
            <a:ext uri="{FF2B5EF4-FFF2-40B4-BE49-F238E27FC236}">
              <a16:creationId xmlns:a16="http://schemas.microsoft.com/office/drawing/2014/main" id="{1BF0E04E-919B-4533-B5A2-19C34BA741D6}"/>
            </a:ext>
          </a:extLst>
        </xdr:cNvPr>
        <xdr:cNvSpPr/>
      </xdr:nvSpPr>
      <xdr:spPr>
        <a:xfrm>
          <a:off x="2571750" y="587692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95250</xdr:rowOff>
    </xdr:from>
    <xdr:to>
      <xdr:col>19</xdr:col>
      <xdr:colOff>177800</xdr:colOff>
      <xdr:row>37</xdr:row>
      <xdr:rowOff>3810</xdr:rowOff>
    </xdr:to>
    <xdr:cxnSp macro="">
      <xdr:nvCxnSpPr>
        <xdr:cNvPr id="78" name="直線コネクタ 77">
          <a:extLst>
            <a:ext uri="{FF2B5EF4-FFF2-40B4-BE49-F238E27FC236}">
              <a16:creationId xmlns:a16="http://schemas.microsoft.com/office/drawing/2014/main" id="{EC69ED23-BF71-4345-9FF4-ACE4B465E75B}"/>
            </a:ext>
          </a:extLst>
        </xdr:cNvPr>
        <xdr:cNvCxnSpPr/>
      </xdr:nvCxnSpPr>
      <xdr:spPr>
        <a:xfrm>
          <a:off x="2619375" y="5924550"/>
          <a:ext cx="809625" cy="73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32080</xdr:rowOff>
    </xdr:from>
    <xdr:to>
      <xdr:col>10</xdr:col>
      <xdr:colOff>165100</xdr:colOff>
      <xdr:row>36</xdr:row>
      <xdr:rowOff>62230</xdr:rowOff>
    </xdr:to>
    <xdr:sp macro="" textlink="">
      <xdr:nvSpPr>
        <xdr:cNvPr id="79" name="楕円 78">
          <a:extLst>
            <a:ext uri="{FF2B5EF4-FFF2-40B4-BE49-F238E27FC236}">
              <a16:creationId xmlns:a16="http://schemas.microsoft.com/office/drawing/2014/main" id="{6AA297E9-ACA9-4777-B977-CCF3AB7C1037}"/>
            </a:ext>
          </a:extLst>
        </xdr:cNvPr>
        <xdr:cNvSpPr/>
      </xdr:nvSpPr>
      <xdr:spPr>
        <a:xfrm>
          <a:off x="1781175" y="579945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1430</xdr:rowOff>
    </xdr:from>
    <xdr:to>
      <xdr:col>15</xdr:col>
      <xdr:colOff>50800</xdr:colOff>
      <xdr:row>36</xdr:row>
      <xdr:rowOff>95250</xdr:rowOff>
    </xdr:to>
    <xdr:cxnSp macro="">
      <xdr:nvCxnSpPr>
        <xdr:cNvPr id="80" name="直線コネクタ 79">
          <a:extLst>
            <a:ext uri="{FF2B5EF4-FFF2-40B4-BE49-F238E27FC236}">
              <a16:creationId xmlns:a16="http://schemas.microsoft.com/office/drawing/2014/main" id="{4D041C79-D576-4248-8481-4EBF7A3420D9}"/>
            </a:ext>
          </a:extLst>
        </xdr:cNvPr>
        <xdr:cNvCxnSpPr/>
      </xdr:nvCxnSpPr>
      <xdr:spPr>
        <a:xfrm>
          <a:off x="1828800" y="5837555"/>
          <a:ext cx="790575" cy="8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93980</xdr:rowOff>
    </xdr:from>
    <xdr:to>
      <xdr:col>6</xdr:col>
      <xdr:colOff>38100</xdr:colOff>
      <xdr:row>36</xdr:row>
      <xdr:rowOff>24130</xdr:rowOff>
    </xdr:to>
    <xdr:sp macro="" textlink="">
      <xdr:nvSpPr>
        <xdr:cNvPr id="81" name="楕円 80">
          <a:extLst>
            <a:ext uri="{FF2B5EF4-FFF2-40B4-BE49-F238E27FC236}">
              <a16:creationId xmlns:a16="http://schemas.microsoft.com/office/drawing/2014/main" id="{52A61338-2BCC-44CC-AE94-895EE758C4AE}"/>
            </a:ext>
          </a:extLst>
        </xdr:cNvPr>
        <xdr:cNvSpPr/>
      </xdr:nvSpPr>
      <xdr:spPr>
        <a:xfrm>
          <a:off x="981075" y="576135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44780</xdr:rowOff>
    </xdr:from>
    <xdr:to>
      <xdr:col>10</xdr:col>
      <xdr:colOff>114300</xdr:colOff>
      <xdr:row>36</xdr:row>
      <xdr:rowOff>11430</xdr:rowOff>
    </xdr:to>
    <xdr:cxnSp macro="">
      <xdr:nvCxnSpPr>
        <xdr:cNvPr id="82" name="直線コネクタ 81">
          <a:extLst>
            <a:ext uri="{FF2B5EF4-FFF2-40B4-BE49-F238E27FC236}">
              <a16:creationId xmlns:a16="http://schemas.microsoft.com/office/drawing/2014/main" id="{C89B7F46-C240-4704-8013-B5AE11120857}"/>
            </a:ext>
          </a:extLst>
        </xdr:cNvPr>
        <xdr:cNvCxnSpPr/>
      </xdr:nvCxnSpPr>
      <xdr:spPr>
        <a:xfrm>
          <a:off x="1028700" y="5808980"/>
          <a:ext cx="8001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3</xdr:row>
      <xdr:rowOff>166387</xdr:rowOff>
    </xdr:from>
    <xdr:ext cx="405111" cy="259045"/>
    <xdr:sp macro="" textlink="">
      <xdr:nvSpPr>
        <xdr:cNvPr id="83" name="n_1aveValue【図書館】&#10;有形固定資産減価償却率">
          <a:extLst>
            <a:ext uri="{FF2B5EF4-FFF2-40B4-BE49-F238E27FC236}">
              <a16:creationId xmlns:a16="http://schemas.microsoft.com/office/drawing/2014/main" id="{F4E244D2-3386-47F8-A36A-4065D3E4C057}"/>
            </a:ext>
          </a:extLst>
        </xdr:cNvPr>
        <xdr:cNvSpPr txBox="1"/>
      </xdr:nvSpPr>
      <xdr:spPr>
        <a:xfrm>
          <a:off x="3239144" y="5506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71137</xdr:rowOff>
    </xdr:from>
    <xdr:ext cx="405111" cy="259045"/>
    <xdr:sp macro="" textlink="">
      <xdr:nvSpPr>
        <xdr:cNvPr id="84" name="n_2aveValue【図書館】&#10;有形固定資産減価償却率">
          <a:extLst>
            <a:ext uri="{FF2B5EF4-FFF2-40B4-BE49-F238E27FC236}">
              <a16:creationId xmlns:a16="http://schemas.microsoft.com/office/drawing/2014/main" id="{AA63F800-03DF-4444-A307-B64D8AA88EA6}"/>
            </a:ext>
          </a:extLst>
        </xdr:cNvPr>
        <xdr:cNvSpPr txBox="1"/>
      </xdr:nvSpPr>
      <xdr:spPr>
        <a:xfrm>
          <a:off x="2439044" y="5411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13987</xdr:rowOff>
    </xdr:from>
    <xdr:ext cx="405111" cy="259045"/>
    <xdr:sp macro="" textlink="">
      <xdr:nvSpPr>
        <xdr:cNvPr id="85" name="n_3aveValue【図書館】&#10;有形固定資産減価償却率">
          <a:extLst>
            <a:ext uri="{FF2B5EF4-FFF2-40B4-BE49-F238E27FC236}">
              <a16:creationId xmlns:a16="http://schemas.microsoft.com/office/drawing/2014/main" id="{4A6522D9-2C0A-4F34-9B30-69A6124DF30A}"/>
            </a:ext>
          </a:extLst>
        </xdr:cNvPr>
        <xdr:cNvSpPr txBox="1"/>
      </xdr:nvSpPr>
      <xdr:spPr>
        <a:xfrm>
          <a:off x="1648469" y="5354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2</xdr:row>
      <xdr:rowOff>151147</xdr:rowOff>
    </xdr:from>
    <xdr:ext cx="405111" cy="259045"/>
    <xdr:sp macro="" textlink="">
      <xdr:nvSpPr>
        <xdr:cNvPr id="86" name="n_4aveValue【図書館】&#10;有形固定資産減価償却率">
          <a:extLst>
            <a:ext uri="{FF2B5EF4-FFF2-40B4-BE49-F238E27FC236}">
              <a16:creationId xmlns:a16="http://schemas.microsoft.com/office/drawing/2014/main" id="{476D1276-8457-4EBE-8E9B-92153F3CE1E7}"/>
            </a:ext>
          </a:extLst>
        </xdr:cNvPr>
        <xdr:cNvSpPr txBox="1"/>
      </xdr:nvSpPr>
      <xdr:spPr>
        <a:xfrm>
          <a:off x="848369" y="533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45737</xdr:rowOff>
    </xdr:from>
    <xdr:ext cx="405111" cy="259045"/>
    <xdr:sp macro="" textlink="">
      <xdr:nvSpPr>
        <xdr:cNvPr id="87" name="n_1mainValue【図書館】&#10;有形固定資産減価償却率">
          <a:extLst>
            <a:ext uri="{FF2B5EF4-FFF2-40B4-BE49-F238E27FC236}">
              <a16:creationId xmlns:a16="http://schemas.microsoft.com/office/drawing/2014/main" id="{E79C9566-043D-4EA0-97CE-9261D64B3360}"/>
            </a:ext>
          </a:extLst>
        </xdr:cNvPr>
        <xdr:cNvSpPr txBox="1"/>
      </xdr:nvSpPr>
      <xdr:spPr>
        <a:xfrm>
          <a:off x="3239144" y="6040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37177</xdr:rowOff>
    </xdr:from>
    <xdr:ext cx="405111" cy="259045"/>
    <xdr:sp macro="" textlink="">
      <xdr:nvSpPr>
        <xdr:cNvPr id="88" name="n_2mainValue【図書館】&#10;有形固定資産減価償却率">
          <a:extLst>
            <a:ext uri="{FF2B5EF4-FFF2-40B4-BE49-F238E27FC236}">
              <a16:creationId xmlns:a16="http://schemas.microsoft.com/office/drawing/2014/main" id="{232E8256-2E0F-4024-AED6-008EDA796831}"/>
            </a:ext>
          </a:extLst>
        </xdr:cNvPr>
        <xdr:cNvSpPr txBox="1"/>
      </xdr:nvSpPr>
      <xdr:spPr>
        <a:xfrm>
          <a:off x="2439044" y="5969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3357</xdr:rowOff>
    </xdr:from>
    <xdr:ext cx="405111" cy="259045"/>
    <xdr:sp macro="" textlink="">
      <xdr:nvSpPr>
        <xdr:cNvPr id="89" name="n_3mainValue【図書館】&#10;有形固定資産減価償却率">
          <a:extLst>
            <a:ext uri="{FF2B5EF4-FFF2-40B4-BE49-F238E27FC236}">
              <a16:creationId xmlns:a16="http://schemas.microsoft.com/office/drawing/2014/main" id="{462D1813-0FB9-434E-A100-03EEE6FFEDE4}"/>
            </a:ext>
          </a:extLst>
        </xdr:cNvPr>
        <xdr:cNvSpPr txBox="1"/>
      </xdr:nvSpPr>
      <xdr:spPr>
        <a:xfrm>
          <a:off x="1648469" y="587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5257</xdr:rowOff>
    </xdr:from>
    <xdr:ext cx="405111" cy="259045"/>
    <xdr:sp macro="" textlink="">
      <xdr:nvSpPr>
        <xdr:cNvPr id="90" name="n_4mainValue【図書館】&#10;有形固定資産減価償却率">
          <a:extLst>
            <a:ext uri="{FF2B5EF4-FFF2-40B4-BE49-F238E27FC236}">
              <a16:creationId xmlns:a16="http://schemas.microsoft.com/office/drawing/2014/main" id="{8B2016A1-DC44-41B8-91DF-4D34A53B639A}"/>
            </a:ext>
          </a:extLst>
        </xdr:cNvPr>
        <xdr:cNvSpPr txBox="1"/>
      </xdr:nvSpPr>
      <xdr:spPr>
        <a:xfrm>
          <a:off x="848369" y="584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1E90B93A-9972-49C8-80ED-E9B604BE6D26}"/>
            </a:ext>
          </a:extLst>
        </xdr:cNvPr>
        <xdr:cNvSpPr/>
      </xdr:nvSpPr>
      <xdr:spPr>
        <a:xfrm>
          <a:off x="5953125" y="39624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5991BC00-E1EB-497C-81FA-CF9D6741D36C}"/>
            </a:ext>
          </a:extLst>
        </xdr:cNvPr>
        <xdr:cNvSpPr/>
      </xdr:nvSpPr>
      <xdr:spPr>
        <a:xfrm>
          <a:off x="60674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D52C03AA-C36C-4B08-BDF4-DB97DC494EF9}"/>
            </a:ext>
          </a:extLst>
        </xdr:cNvPr>
        <xdr:cNvSpPr/>
      </xdr:nvSpPr>
      <xdr:spPr>
        <a:xfrm>
          <a:off x="60674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1595D027-E23D-47E4-871D-63195FF7727A}"/>
            </a:ext>
          </a:extLst>
        </xdr:cNvPr>
        <xdr:cNvSpPr/>
      </xdr:nvSpPr>
      <xdr:spPr>
        <a:xfrm>
          <a:off x="69818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D8A0B5FB-AC53-4224-955B-8AB58D35AFD4}"/>
            </a:ext>
          </a:extLst>
        </xdr:cNvPr>
        <xdr:cNvSpPr/>
      </xdr:nvSpPr>
      <xdr:spPr>
        <a:xfrm>
          <a:off x="69818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12091282-C863-405A-B05E-8515FBB5CF4B}"/>
            </a:ext>
          </a:extLst>
        </xdr:cNvPr>
        <xdr:cNvSpPr/>
      </xdr:nvSpPr>
      <xdr:spPr>
        <a:xfrm>
          <a:off x="80105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282E31D8-DDAD-43E7-9012-B3782DAB1831}"/>
            </a:ext>
          </a:extLst>
        </xdr:cNvPr>
        <xdr:cNvSpPr/>
      </xdr:nvSpPr>
      <xdr:spPr>
        <a:xfrm>
          <a:off x="80105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1AE177A3-790F-4F76-860B-EC1966C2C9E3}"/>
            </a:ext>
          </a:extLst>
        </xdr:cNvPr>
        <xdr:cNvSpPr/>
      </xdr:nvSpPr>
      <xdr:spPr>
        <a:xfrm>
          <a:off x="5953125" y="50387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a:extLst>
            <a:ext uri="{FF2B5EF4-FFF2-40B4-BE49-F238E27FC236}">
              <a16:creationId xmlns:a16="http://schemas.microsoft.com/office/drawing/2014/main" id="{862CB5AE-C14F-4DE4-AAC2-0F987EE42E62}"/>
            </a:ext>
          </a:extLst>
        </xdr:cNvPr>
        <xdr:cNvSpPr txBox="1"/>
      </xdr:nvSpPr>
      <xdr:spPr>
        <a:xfrm>
          <a:off x="5915025" y="48577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AE714F98-4949-4CD3-B30B-06B539113C1F}"/>
            </a:ext>
          </a:extLst>
        </xdr:cNvPr>
        <xdr:cNvCxnSpPr/>
      </xdr:nvCxnSpPr>
      <xdr:spPr>
        <a:xfrm>
          <a:off x="5953125" y="7200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101" name="テキスト ボックス 100">
          <a:extLst>
            <a:ext uri="{FF2B5EF4-FFF2-40B4-BE49-F238E27FC236}">
              <a16:creationId xmlns:a16="http://schemas.microsoft.com/office/drawing/2014/main" id="{5898C9FE-90A9-4338-BCDA-4F24122176EF}"/>
            </a:ext>
          </a:extLst>
        </xdr:cNvPr>
        <xdr:cNvSpPr txBox="1"/>
      </xdr:nvSpPr>
      <xdr:spPr>
        <a:xfrm>
          <a:off x="5527221" y="7065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7FC75707-7937-458A-9E50-F0637518F4C2}"/>
            </a:ext>
          </a:extLst>
        </xdr:cNvPr>
        <xdr:cNvCxnSpPr/>
      </xdr:nvCxnSpPr>
      <xdr:spPr>
        <a:xfrm>
          <a:off x="5953125" y="683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D1F05895-28B0-4079-B95C-85A8EEF84A8C}"/>
            </a:ext>
          </a:extLst>
        </xdr:cNvPr>
        <xdr:cNvSpPr txBox="1"/>
      </xdr:nvSpPr>
      <xdr:spPr>
        <a:xfrm>
          <a:off x="5527221" y="670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B1454F40-5FB7-42C9-9498-0DC5680C6F01}"/>
            </a:ext>
          </a:extLst>
        </xdr:cNvPr>
        <xdr:cNvCxnSpPr/>
      </xdr:nvCxnSpPr>
      <xdr:spPr>
        <a:xfrm>
          <a:off x="5953125" y="6477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C3AD04E4-A278-4C73-8730-82C1AABBB50D}"/>
            </a:ext>
          </a:extLst>
        </xdr:cNvPr>
        <xdr:cNvSpPr txBox="1"/>
      </xdr:nvSpPr>
      <xdr:spPr>
        <a:xfrm>
          <a:off x="5527221" y="6341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CE28A6B9-42CA-4AC4-A5BE-710D375D65D2}"/>
            </a:ext>
          </a:extLst>
        </xdr:cNvPr>
        <xdr:cNvCxnSpPr/>
      </xdr:nvCxnSpPr>
      <xdr:spPr>
        <a:xfrm>
          <a:off x="5953125" y="61245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D6E5F7C2-9730-47DB-844B-DDAB74630D80}"/>
            </a:ext>
          </a:extLst>
        </xdr:cNvPr>
        <xdr:cNvSpPr txBox="1"/>
      </xdr:nvSpPr>
      <xdr:spPr>
        <a:xfrm>
          <a:off x="5527221" y="59887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5F4D5308-E2B6-45FB-8897-E13C9F0B0595}"/>
            </a:ext>
          </a:extLst>
        </xdr:cNvPr>
        <xdr:cNvCxnSpPr/>
      </xdr:nvCxnSpPr>
      <xdr:spPr>
        <a:xfrm>
          <a:off x="5953125" y="57626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4B6B63FA-98F2-4613-AC34-817D4BA451BB}"/>
            </a:ext>
          </a:extLst>
        </xdr:cNvPr>
        <xdr:cNvSpPr txBox="1"/>
      </xdr:nvSpPr>
      <xdr:spPr>
        <a:xfrm>
          <a:off x="5527221" y="5626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6FA67047-6B1D-4D61-BD0F-4295232D285F}"/>
            </a:ext>
          </a:extLst>
        </xdr:cNvPr>
        <xdr:cNvCxnSpPr/>
      </xdr:nvCxnSpPr>
      <xdr:spPr>
        <a:xfrm>
          <a:off x="5953125" y="54006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9654C8F2-A9E4-451B-8243-720414F117A9}"/>
            </a:ext>
          </a:extLst>
        </xdr:cNvPr>
        <xdr:cNvSpPr txBox="1"/>
      </xdr:nvSpPr>
      <xdr:spPr>
        <a:xfrm>
          <a:off x="5527221" y="52648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0050F835-3EB4-4BFB-AF38-3C4BECB5D63E}"/>
            </a:ext>
          </a:extLst>
        </xdr:cNvPr>
        <xdr:cNvCxnSpPr/>
      </xdr:nvCxnSpPr>
      <xdr:spPr>
        <a:xfrm>
          <a:off x="5953125" y="50387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BCDC98B7-307B-4C89-981F-139DF5CC380B}"/>
            </a:ext>
          </a:extLst>
        </xdr:cNvPr>
        <xdr:cNvSpPr txBox="1"/>
      </xdr:nvSpPr>
      <xdr:spPr>
        <a:xfrm>
          <a:off x="5527221" y="4902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70EC5748-CEB0-4999-9040-E4E6F2C07A1A}"/>
            </a:ext>
          </a:extLst>
        </xdr:cNvPr>
        <xdr:cNvSpPr/>
      </xdr:nvSpPr>
      <xdr:spPr>
        <a:xfrm>
          <a:off x="5953125" y="50387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0</xdr:rowOff>
    </xdr:from>
    <xdr:to>
      <xdr:col>54</xdr:col>
      <xdr:colOff>189865</xdr:colOff>
      <xdr:row>42</xdr:row>
      <xdr:rowOff>76200</xdr:rowOff>
    </xdr:to>
    <xdr:cxnSp macro="">
      <xdr:nvCxnSpPr>
        <xdr:cNvPr id="115" name="直線コネクタ 114">
          <a:extLst>
            <a:ext uri="{FF2B5EF4-FFF2-40B4-BE49-F238E27FC236}">
              <a16:creationId xmlns:a16="http://schemas.microsoft.com/office/drawing/2014/main" id="{BC295206-BA7E-4F2F-AFC7-8B52254589F1}"/>
            </a:ext>
          </a:extLst>
        </xdr:cNvPr>
        <xdr:cNvCxnSpPr/>
      </xdr:nvCxnSpPr>
      <xdr:spPr>
        <a:xfrm flipV="1">
          <a:off x="9429115" y="550545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80027</xdr:rowOff>
    </xdr:from>
    <xdr:ext cx="469744" cy="259045"/>
    <xdr:sp macro="" textlink="">
      <xdr:nvSpPr>
        <xdr:cNvPr id="116" name="【図書館】&#10;一人当たり面積最小値テキスト">
          <a:extLst>
            <a:ext uri="{FF2B5EF4-FFF2-40B4-BE49-F238E27FC236}">
              <a16:creationId xmlns:a16="http://schemas.microsoft.com/office/drawing/2014/main" id="{5E317051-2D2D-4F23-92C5-59872DAC51EC}"/>
            </a:ext>
          </a:extLst>
        </xdr:cNvPr>
        <xdr:cNvSpPr txBox="1"/>
      </xdr:nvSpPr>
      <xdr:spPr>
        <a:xfrm>
          <a:off x="9467850" y="6884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0</xdr:rowOff>
    </xdr:from>
    <xdr:to>
      <xdr:col>55</xdr:col>
      <xdr:colOff>88900</xdr:colOff>
      <xdr:row>42</xdr:row>
      <xdr:rowOff>76200</xdr:rowOff>
    </xdr:to>
    <xdr:cxnSp macro="">
      <xdr:nvCxnSpPr>
        <xdr:cNvPr id="117" name="直線コネクタ 116">
          <a:extLst>
            <a:ext uri="{FF2B5EF4-FFF2-40B4-BE49-F238E27FC236}">
              <a16:creationId xmlns:a16="http://schemas.microsoft.com/office/drawing/2014/main" id="{FFE04A78-8D21-4BBD-9A61-FC2ACF9C9E10}"/>
            </a:ext>
          </a:extLst>
        </xdr:cNvPr>
        <xdr:cNvCxnSpPr/>
      </xdr:nvCxnSpPr>
      <xdr:spPr>
        <a:xfrm>
          <a:off x="9363075" y="687705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8127</xdr:rowOff>
    </xdr:from>
    <xdr:ext cx="469744" cy="259045"/>
    <xdr:sp macro="" textlink="">
      <xdr:nvSpPr>
        <xdr:cNvPr id="118" name="【図書館】&#10;一人当たり面積最大値テキスト">
          <a:extLst>
            <a:ext uri="{FF2B5EF4-FFF2-40B4-BE49-F238E27FC236}">
              <a16:creationId xmlns:a16="http://schemas.microsoft.com/office/drawing/2014/main" id="{F0B236F2-1A2D-40BC-BBCD-2769B7567782}"/>
            </a:ext>
          </a:extLst>
        </xdr:cNvPr>
        <xdr:cNvSpPr txBox="1"/>
      </xdr:nvSpPr>
      <xdr:spPr>
        <a:xfrm>
          <a:off x="9467850" y="5302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0</xdr:rowOff>
    </xdr:from>
    <xdr:to>
      <xdr:col>55</xdr:col>
      <xdr:colOff>88900</xdr:colOff>
      <xdr:row>34</xdr:row>
      <xdr:rowOff>0</xdr:rowOff>
    </xdr:to>
    <xdr:cxnSp macro="">
      <xdr:nvCxnSpPr>
        <xdr:cNvPr id="119" name="直線コネクタ 118">
          <a:extLst>
            <a:ext uri="{FF2B5EF4-FFF2-40B4-BE49-F238E27FC236}">
              <a16:creationId xmlns:a16="http://schemas.microsoft.com/office/drawing/2014/main" id="{08D21A52-837A-4ECC-9D6A-96A18C6B9F6D}"/>
            </a:ext>
          </a:extLst>
        </xdr:cNvPr>
        <xdr:cNvCxnSpPr/>
      </xdr:nvCxnSpPr>
      <xdr:spPr>
        <a:xfrm>
          <a:off x="9363075" y="550545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177</xdr:rowOff>
    </xdr:from>
    <xdr:ext cx="469744" cy="259045"/>
    <xdr:sp macro="" textlink="">
      <xdr:nvSpPr>
        <xdr:cNvPr id="120" name="【図書館】&#10;一人当たり面積平均値テキスト">
          <a:extLst>
            <a:ext uri="{FF2B5EF4-FFF2-40B4-BE49-F238E27FC236}">
              <a16:creationId xmlns:a16="http://schemas.microsoft.com/office/drawing/2014/main" id="{DECE0075-EAB1-4782-A784-A0951F95AD48}"/>
            </a:ext>
          </a:extLst>
        </xdr:cNvPr>
        <xdr:cNvSpPr txBox="1"/>
      </xdr:nvSpPr>
      <xdr:spPr>
        <a:xfrm>
          <a:off x="9467850" y="63220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8750</xdr:rowOff>
    </xdr:from>
    <xdr:to>
      <xdr:col>55</xdr:col>
      <xdr:colOff>50800</xdr:colOff>
      <xdr:row>40</xdr:row>
      <xdr:rowOff>88900</xdr:rowOff>
    </xdr:to>
    <xdr:sp macro="" textlink="">
      <xdr:nvSpPr>
        <xdr:cNvPr id="121" name="フローチャート: 判断 120">
          <a:extLst>
            <a:ext uri="{FF2B5EF4-FFF2-40B4-BE49-F238E27FC236}">
              <a16:creationId xmlns:a16="http://schemas.microsoft.com/office/drawing/2014/main" id="{0198A9EF-2C0D-44A6-9172-9B7CF37CD889}"/>
            </a:ext>
          </a:extLst>
        </xdr:cNvPr>
        <xdr:cNvSpPr/>
      </xdr:nvSpPr>
      <xdr:spPr>
        <a:xfrm>
          <a:off x="9401175" y="6477000"/>
          <a:ext cx="7620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8750</xdr:rowOff>
    </xdr:from>
    <xdr:to>
      <xdr:col>50</xdr:col>
      <xdr:colOff>165100</xdr:colOff>
      <xdr:row>40</xdr:row>
      <xdr:rowOff>88900</xdr:rowOff>
    </xdr:to>
    <xdr:sp macro="" textlink="">
      <xdr:nvSpPr>
        <xdr:cNvPr id="122" name="フローチャート: 判断 121">
          <a:extLst>
            <a:ext uri="{FF2B5EF4-FFF2-40B4-BE49-F238E27FC236}">
              <a16:creationId xmlns:a16="http://schemas.microsoft.com/office/drawing/2014/main" id="{79160417-6D86-4C78-980A-E37143435784}"/>
            </a:ext>
          </a:extLst>
        </xdr:cNvPr>
        <xdr:cNvSpPr/>
      </xdr:nvSpPr>
      <xdr:spPr>
        <a:xfrm>
          <a:off x="8639175" y="6477000"/>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8750</xdr:rowOff>
    </xdr:from>
    <xdr:to>
      <xdr:col>46</xdr:col>
      <xdr:colOff>38100</xdr:colOff>
      <xdr:row>40</xdr:row>
      <xdr:rowOff>88900</xdr:rowOff>
    </xdr:to>
    <xdr:sp macro="" textlink="">
      <xdr:nvSpPr>
        <xdr:cNvPr id="123" name="フローチャート: 判断 122">
          <a:extLst>
            <a:ext uri="{FF2B5EF4-FFF2-40B4-BE49-F238E27FC236}">
              <a16:creationId xmlns:a16="http://schemas.microsoft.com/office/drawing/2014/main" id="{F711BD25-E09F-4DCF-9FA2-CE22D7275E1A}"/>
            </a:ext>
          </a:extLst>
        </xdr:cNvPr>
        <xdr:cNvSpPr/>
      </xdr:nvSpPr>
      <xdr:spPr>
        <a:xfrm>
          <a:off x="7839075" y="6477000"/>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8750</xdr:rowOff>
    </xdr:from>
    <xdr:to>
      <xdr:col>41</xdr:col>
      <xdr:colOff>101600</xdr:colOff>
      <xdr:row>40</xdr:row>
      <xdr:rowOff>88900</xdr:rowOff>
    </xdr:to>
    <xdr:sp macro="" textlink="">
      <xdr:nvSpPr>
        <xdr:cNvPr id="124" name="フローチャート: 判断 123">
          <a:extLst>
            <a:ext uri="{FF2B5EF4-FFF2-40B4-BE49-F238E27FC236}">
              <a16:creationId xmlns:a16="http://schemas.microsoft.com/office/drawing/2014/main" id="{F8874B5A-2FBB-420C-9E3F-18C7F61A42CD}"/>
            </a:ext>
          </a:extLst>
        </xdr:cNvPr>
        <xdr:cNvSpPr/>
      </xdr:nvSpPr>
      <xdr:spPr>
        <a:xfrm>
          <a:off x="7029450" y="6477000"/>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8750</xdr:rowOff>
    </xdr:from>
    <xdr:to>
      <xdr:col>36</xdr:col>
      <xdr:colOff>165100</xdr:colOff>
      <xdr:row>40</xdr:row>
      <xdr:rowOff>88900</xdr:rowOff>
    </xdr:to>
    <xdr:sp macro="" textlink="">
      <xdr:nvSpPr>
        <xdr:cNvPr id="125" name="フローチャート: 判断 124">
          <a:extLst>
            <a:ext uri="{FF2B5EF4-FFF2-40B4-BE49-F238E27FC236}">
              <a16:creationId xmlns:a16="http://schemas.microsoft.com/office/drawing/2014/main" id="{DD442962-D851-46E1-99D0-4B06BCBA052D}"/>
            </a:ext>
          </a:extLst>
        </xdr:cNvPr>
        <xdr:cNvSpPr/>
      </xdr:nvSpPr>
      <xdr:spPr>
        <a:xfrm>
          <a:off x="6238875" y="6477000"/>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8BF597AC-ED55-4DED-A1E1-8864675EAC82}"/>
            </a:ext>
          </a:extLst>
        </xdr:cNvPr>
        <xdr:cNvSpPr txBox="1"/>
      </xdr:nvSpPr>
      <xdr:spPr>
        <a:xfrm>
          <a:off x="925830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54A3BAA0-FCDA-4646-AE01-1FD480236F5B}"/>
            </a:ext>
          </a:extLst>
        </xdr:cNvPr>
        <xdr:cNvSpPr txBox="1"/>
      </xdr:nvSpPr>
      <xdr:spPr>
        <a:xfrm>
          <a:off x="85153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6893B872-0DB5-4B4E-84AE-74B488E4D83E}"/>
            </a:ext>
          </a:extLst>
        </xdr:cNvPr>
        <xdr:cNvSpPr txBox="1"/>
      </xdr:nvSpPr>
      <xdr:spPr>
        <a:xfrm>
          <a:off x="77152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A3F79F72-5C30-4572-84CC-CBBC97B1F2CC}"/>
            </a:ext>
          </a:extLst>
        </xdr:cNvPr>
        <xdr:cNvSpPr txBox="1"/>
      </xdr:nvSpPr>
      <xdr:spPr>
        <a:xfrm>
          <a:off x="6905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64B2A590-23C0-4B8D-81C9-5B52F6258DCE}"/>
            </a:ext>
          </a:extLst>
        </xdr:cNvPr>
        <xdr:cNvSpPr txBox="1"/>
      </xdr:nvSpPr>
      <xdr:spPr>
        <a:xfrm>
          <a:off x="61150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9700</xdr:rowOff>
    </xdr:from>
    <xdr:to>
      <xdr:col>55</xdr:col>
      <xdr:colOff>50800</xdr:colOff>
      <xdr:row>41</xdr:row>
      <xdr:rowOff>69850</xdr:rowOff>
    </xdr:to>
    <xdr:sp macro="" textlink="">
      <xdr:nvSpPr>
        <xdr:cNvPr id="131" name="楕円 130">
          <a:extLst>
            <a:ext uri="{FF2B5EF4-FFF2-40B4-BE49-F238E27FC236}">
              <a16:creationId xmlns:a16="http://schemas.microsoft.com/office/drawing/2014/main" id="{EEDAA20B-1028-42ED-A7BF-C5A33801C4D1}"/>
            </a:ext>
          </a:extLst>
        </xdr:cNvPr>
        <xdr:cNvSpPr/>
      </xdr:nvSpPr>
      <xdr:spPr>
        <a:xfrm>
          <a:off x="9401175" y="6619875"/>
          <a:ext cx="7620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18127</xdr:rowOff>
    </xdr:from>
    <xdr:ext cx="469744" cy="259045"/>
    <xdr:sp macro="" textlink="">
      <xdr:nvSpPr>
        <xdr:cNvPr id="132" name="【図書館】&#10;一人当たり面積該当値テキスト">
          <a:extLst>
            <a:ext uri="{FF2B5EF4-FFF2-40B4-BE49-F238E27FC236}">
              <a16:creationId xmlns:a16="http://schemas.microsoft.com/office/drawing/2014/main" id="{7B85948E-CBED-4055-872F-A671E09AFA2B}"/>
            </a:ext>
          </a:extLst>
        </xdr:cNvPr>
        <xdr:cNvSpPr txBox="1"/>
      </xdr:nvSpPr>
      <xdr:spPr>
        <a:xfrm>
          <a:off x="9467850" y="6598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39700</xdr:rowOff>
    </xdr:from>
    <xdr:to>
      <xdr:col>50</xdr:col>
      <xdr:colOff>165100</xdr:colOff>
      <xdr:row>41</xdr:row>
      <xdr:rowOff>69850</xdr:rowOff>
    </xdr:to>
    <xdr:sp macro="" textlink="">
      <xdr:nvSpPr>
        <xdr:cNvPr id="133" name="楕円 132">
          <a:extLst>
            <a:ext uri="{FF2B5EF4-FFF2-40B4-BE49-F238E27FC236}">
              <a16:creationId xmlns:a16="http://schemas.microsoft.com/office/drawing/2014/main" id="{691E9F40-15C8-4A13-921D-1FAB3319C3EA}"/>
            </a:ext>
          </a:extLst>
        </xdr:cNvPr>
        <xdr:cNvSpPr/>
      </xdr:nvSpPr>
      <xdr:spPr>
        <a:xfrm>
          <a:off x="8639175" y="6619875"/>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9050</xdr:rowOff>
    </xdr:from>
    <xdr:to>
      <xdr:col>55</xdr:col>
      <xdr:colOff>0</xdr:colOff>
      <xdr:row>41</xdr:row>
      <xdr:rowOff>19050</xdr:rowOff>
    </xdr:to>
    <xdr:cxnSp macro="">
      <xdr:nvCxnSpPr>
        <xdr:cNvPr id="134" name="直線コネクタ 133">
          <a:extLst>
            <a:ext uri="{FF2B5EF4-FFF2-40B4-BE49-F238E27FC236}">
              <a16:creationId xmlns:a16="http://schemas.microsoft.com/office/drawing/2014/main" id="{CDA6F94D-869A-446F-8FC8-F4BF4388142E}"/>
            </a:ext>
          </a:extLst>
        </xdr:cNvPr>
        <xdr:cNvCxnSpPr/>
      </xdr:nvCxnSpPr>
      <xdr:spPr>
        <a:xfrm>
          <a:off x="8686800" y="6657975"/>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39700</xdr:rowOff>
    </xdr:from>
    <xdr:to>
      <xdr:col>46</xdr:col>
      <xdr:colOff>38100</xdr:colOff>
      <xdr:row>41</xdr:row>
      <xdr:rowOff>69850</xdr:rowOff>
    </xdr:to>
    <xdr:sp macro="" textlink="">
      <xdr:nvSpPr>
        <xdr:cNvPr id="135" name="楕円 134">
          <a:extLst>
            <a:ext uri="{FF2B5EF4-FFF2-40B4-BE49-F238E27FC236}">
              <a16:creationId xmlns:a16="http://schemas.microsoft.com/office/drawing/2014/main" id="{1D773A12-C88F-4EEA-815B-C945FFC21499}"/>
            </a:ext>
          </a:extLst>
        </xdr:cNvPr>
        <xdr:cNvSpPr/>
      </xdr:nvSpPr>
      <xdr:spPr>
        <a:xfrm>
          <a:off x="7839075" y="6619875"/>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9050</xdr:rowOff>
    </xdr:from>
    <xdr:to>
      <xdr:col>50</xdr:col>
      <xdr:colOff>114300</xdr:colOff>
      <xdr:row>41</xdr:row>
      <xdr:rowOff>19050</xdr:rowOff>
    </xdr:to>
    <xdr:cxnSp macro="">
      <xdr:nvCxnSpPr>
        <xdr:cNvPr id="136" name="直線コネクタ 135">
          <a:extLst>
            <a:ext uri="{FF2B5EF4-FFF2-40B4-BE49-F238E27FC236}">
              <a16:creationId xmlns:a16="http://schemas.microsoft.com/office/drawing/2014/main" id="{F9813258-8417-4778-9157-729FE020C24C}"/>
            </a:ext>
          </a:extLst>
        </xdr:cNvPr>
        <xdr:cNvCxnSpPr/>
      </xdr:nvCxnSpPr>
      <xdr:spPr>
        <a:xfrm>
          <a:off x="7886700" y="6657975"/>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39700</xdr:rowOff>
    </xdr:from>
    <xdr:to>
      <xdr:col>41</xdr:col>
      <xdr:colOff>101600</xdr:colOff>
      <xdr:row>41</xdr:row>
      <xdr:rowOff>69850</xdr:rowOff>
    </xdr:to>
    <xdr:sp macro="" textlink="">
      <xdr:nvSpPr>
        <xdr:cNvPr id="137" name="楕円 136">
          <a:extLst>
            <a:ext uri="{FF2B5EF4-FFF2-40B4-BE49-F238E27FC236}">
              <a16:creationId xmlns:a16="http://schemas.microsoft.com/office/drawing/2014/main" id="{9F8C835D-5182-425C-85BB-F070EDF21BA5}"/>
            </a:ext>
          </a:extLst>
        </xdr:cNvPr>
        <xdr:cNvSpPr/>
      </xdr:nvSpPr>
      <xdr:spPr>
        <a:xfrm>
          <a:off x="7029450" y="6619875"/>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9050</xdr:rowOff>
    </xdr:from>
    <xdr:to>
      <xdr:col>45</xdr:col>
      <xdr:colOff>177800</xdr:colOff>
      <xdr:row>41</xdr:row>
      <xdr:rowOff>19050</xdr:rowOff>
    </xdr:to>
    <xdr:cxnSp macro="">
      <xdr:nvCxnSpPr>
        <xdr:cNvPr id="138" name="直線コネクタ 137">
          <a:extLst>
            <a:ext uri="{FF2B5EF4-FFF2-40B4-BE49-F238E27FC236}">
              <a16:creationId xmlns:a16="http://schemas.microsoft.com/office/drawing/2014/main" id="{7F8A7AC6-00A9-4A3D-B2AC-60ABF087F79C}"/>
            </a:ext>
          </a:extLst>
        </xdr:cNvPr>
        <xdr:cNvCxnSpPr/>
      </xdr:nvCxnSpPr>
      <xdr:spPr>
        <a:xfrm>
          <a:off x="7077075" y="6657975"/>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39700</xdr:rowOff>
    </xdr:from>
    <xdr:to>
      <xdr:col>36</xdr:col>
      <xdr:colOff>165100</xdr:colOff>
      <xdr:row>41</xdr:row>
      <xdr:rowOff>69850</xdr:rowOff>
    </xdr:to>
    <xdr:sp macro="" textlink="">
      <xdr:nvSpPr>
        <xdr:cNvPr id="139" name="楕円 138">
          <a:extLst>
            <a:ext uri="{FF2B5EF4-FFF2-40B4-BE49-F238E27FC236}">
              <a16:creationId xmlns:a16="http://schemas.microsoft.com/office/drawing/2014/main" id="{8AE8502C-0D5A-4C73-B976-29592C5A97DF}"/>
            </a:ext>
          </a:extLst>
        </xdr:cNvPr>
        <xdr:cNvSpPr/>
      </xdr:nvSpPr>
      <xdr:spPr>
        <a:xfrm>
          <a:off x="6238875" y="6619875"/>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9050</xdr:rowOff>
    </xdr:from>
    <xdr:to>
      <xdr:col>41</xdr:col>
      <xdr:colOff>50800</xdr:colOff>
      <xdr:row>41</xdr:row>
      <xdr:rowOff>19050</xdr:rowOff>
    </xdr:to>
    <xdr:cxnSp macro="">
      <xdr:nvCxnSpPr>
        <xdr:cNvPr id="140" name="直線コネクタ 139">
          <a:extLst>
            <a:ext uri="{FF2B5EF4-FFF2-40B4-BE49-F238E27FC236}">
              <a16:creationId xmlns:a16="http://schemas.microsoft.com/office/drawing/2014/main" id="{C3AE93E3-C094-4812-9B85-E778492F3B2A}"/>
            </a:ext>
          </a:extLst>
        </xdr:cNvPr>
        <xdr:cNvCxnSpPr/>
      </xdr:nvCxnSpPr>
      <xdr:spPr>
        <a:xfrm>
          <a:off x="6286500" y="6657975"/>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05427</xdr:rowOff>
    </xdr:from>
    <xdr:ext cx="469744" cy="259045"/>
    <xdr:sp macro="" textlink="">
      <xdr:nvSpPr>
        <xdr:cNvPr id="141" name="n_1aveValue【図書館】&#10;一人当たり面積">
          <a:extLst>
            <a:ext uri="{FF2B5EF4-FFF2-40B4-BE49-F238E27FC236}">
              <a16:creationId xmlns:a16="http://schemas.microsoft.com/office/drawing/2014/main" id="{B8973D5B-5D02-4064-A9DE-A28E10F8F0ED}"/>
            </a:ext>
          </a:extLst>
        </xdr:cNvPr>
        <xdr:cNvSpPr txBox="1"/>
      </xdr:nvSpPr>
      <xdr:spPr>
        <a:xfrm>
          <a:off x="8458277" y="6255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05427</xdr:rowOff>
    </xdr:from>
    <xdr:ext cx="469744" cy="259045"/>
    <xdr:sp macro="" textlink="">
      <xdr:nvSpPr>
        <xdr:cNvPr id="142" name="n_2aveValue【図書館】&#10;一人当たり面積">
          <a:extLst>
            <a:ext uri="{FF2B5EF4-FFF2-40B4-BE49-F238E27FC236}">
              <a16:creationId xmlns:a16="http://schemas.microsoft.com/office/drawing/2014/main" id="{4765028C-43E3-475A-878A-BFCE7F9BBBA9}"/>
            </a:ext>
          </a:extLst>
        </xdr:cNvPr>
        <xdr:cNvSpPr txBox="1"/>
      </xdr:nvSpPr>
      <xdr:spPr>
        <a:xfrm>
          <a:off x="7677227" y="6255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05427</xdr:rowOff>
    </xdr:from>
    <xdr:ext cx="469744" cy="259045"/>
    <xdr:sp macro="" textlink="">
      <xdr:nvSpPr>
        <xdr:cNvPr id="143" name="n_3aveValue【図書館】&#10;一人当たり面積">
          <a:extLst>
            <a:ext uri="{FF2B5EF4-FFF2-40B4-BE49-F238E27FC236}">
              <a16:creationId xmlns:a16="http://schemas.microsoft.com/office/drawing/2014/main" id="{02001A81-11E9-4CFA-B45E-C62CBAD10776}"/>
            </a:ext>
          </a:extLst>
        </xdr:cNvPr>
        <xdr:cNvSpPr txBox="1"/>
      </xdr:nvSpPr>
      <xdr:spPr>
        <a:xfrm>
          <a:off x="6867602" y="6255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05427</xdr:rowOff>
    </xdr:from>
    <xdr:ext cx="469744" cy="259045"/>
    <xdr:sp macro="" textlink="">
      <xdr:nvSpPr>
        <xdr:cNvPr id="144" name="n_4aveValue【図書館】&#10;一人当たり面積">
          <a:extLst>
            <a:ext uri="{FF2B5EF4-FFF2-40B4-BE49-F238E27FC236}">
              <a16:creationId xmlns:a16="http://schemas.microsoft.com/office/drawing/2014/main" id="{18656741-E32C-4CF1-81CC-CD9460E7C23F}"/>
            </a:ext>
          </a:extLst>
        </xdr:cNvPr>
        <xdr:cNvSpPr txBox="1"/>
      </xdr:nvSpPr>
      <xdr:spPr>
        <a:xfrm>
          <a:off x="6067502" y="6255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60977</xdr:rowOff>
    </xdr:from>
    <xdr:ext cx="469744" cy="259045"/>
    <xdr:sp macro="" textlink="">
      <xdr:nvSpPr>
        <xdr:cNvPr id="145" name="n_1mainValue【図書館】&#10;一人当たり面積">
          <a:extLst>
            <a:ext uri="{FF2B5EF4-FFF2-40B4-BE49-F238E27FC236}">
              <a16:creationId xmlns:a16="http://schemas.microsoft.com/office/drawing/2014/main" id="{4EB0CED0-9D97-4ECD-B47F-675DA0A5E10B}"/>
            </a:ext>
          </a:extLst>
        </xdr:cNvPr>
        <xdr:cNvSpPr txBox="1"/>
      </xdr:nvSpPr>
      <xdr:spPr>
        <a:xfrm>
          <a:off x="8458277" y="6703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60977</xdr:rowOff>
    </xdr:from>
    <xdr:ext cx="469744" cy="259045"/>
    <xdr:sp macro="" textlink="">
      <xdr:nvSpPr>
        <xdr:cNvPr id="146" name="n_2mainValue【図書館】&#10;一人当たり面積">
          <a:extLst>
            <a:ext uri="{FF2B5EF4-FFF2-40B4-BE49-F238E27FC236}">
              <a16:creationId xmlns:a16="http://schemas.microsoft.com/office/drawing/2014/main" id="{F7D2E624-59A1-4EBF-94F4-1B3E3D75896C}"/>
            </a:ext>
          </a:extLst>
        </xdr:cNvPr>
        <xdr:cNvSpPr txBox="1"/>
      </xdr:nvSpPr>
      <xdr:spPr>
        <a:xfrm>
          <a:off x="7677227" y="6703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60977</xdr:rowOff>
    </xdr:from>
    <xdr:ext cx="469744" cy="259045"/>
    <xdr:sp macro="" textlink="">
      <xdr:nvSpPr>
        <xdr:cNvPr id="147" name="n_3mainValue【図書館】&#10;一人当たり面積">
          <a:extLst>
            <a:ext uri="{FF2B5EF4-FFF2-40B4-BE49-F238E27FC236}">
              <a16:creationId xmlns:a16="http://schemas.microsoft.com/office/drawing/2014/main" id="{24956B79-229A-4244-B1B0-E5A94067DD09}"/>
            </a:ext>
          </a:extLst>
        </xdr:cNvPr>
        <xdr:cNvSpPr txBox="1"/>
      </xdr:nvSpPr>
      <xdr:spPr>
        <a:xfrm>
          <a:off x="6867602" y="6703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60977</xdr:rowOff>
    </xdr:from>
    <xdr:ext cx="469744" cy="259045"/>
    <xdr:sp macro="" textlink="">
      <xdr:nvSpPr>
        <xdr:cNvPr id="148" name="n_4mainValue【図書館】&#10;一人当たり面積">
          <a:extLst>
            <a:ext uri="{FF2B5EF4-FFF2-40B4-BE49-F238E27FC236}">
              <a16:creationId xmlns:a16="http://schemas.microsoft.com/office/drawing/2014/main" id="{D9BD6484-AE16-4698-BA78-1E45C73B0E9D}"/>
            </a:ext>
          </a:extLst>
        </xdr:cNvPr>
        <xdr:cNvSpPr txBox="1"/>
      </xdr:nvSpPr>
      <xdr:spPr>
        <a:xfrm>
          <a:off x="6067502" y="6703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31EF5FC1-9EC2-4B29-8823-6C987BFDD42F}"/>
            </a:ext>
          </a:extLst>
        </xdr:cNvPr>
        <xdr:cNvSpPr/>
      </xdr:nvSpPr>
      <xdr:spPr>
        <a:xfrm>
          <a:off x="685800" y="756285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E0A760E6-ADB1-4FD1-87DA-BDDF8DBC66AE}"/>
            </a:ext>
          </a:extLst>
        </xdr:cNvPr>
        <xdr:cNvSpPr/>
      </xdr:nvSpPr>
      <xdr:spPr>
        <a:xfrm>
          <a:off x="8096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48AFC403-FD6C-413B-933A-5EB5606E4468}"/>
            </a:ext>
          </a:extLst>
        </xdr:cNvPr>
        <xdr:cNvSpPr/>
      </xdr:nvSpPr>
      <xdr:spPr>
        <a:xfrm>
          <a:off x="8096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D60A5761-0280-449C-BFFB-D9465452533A}"/>
            </a:ext>
          </a:extLst>
        </xdr:cNvPr>
        <xdr:cNvSpPr/>
      </xdr:nvSpPr>
      <xdr:spPr>
        <a:xfrm>
          <a:off x="17145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257C59CC-FDCC-4E91-A007-4FCAF3D33504}"/>
            </a:ext>
          </a:extLst>
        </xdr:cNvPr>
        <xdr:cNvSpPr/>
      </xdr:nvSpPr>
      <xdr:spPr>
        <a:xfrm>
          <a:off x="17145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6E039C01-EF5B-403B-8A16-5715E6DE8EFE}"/>
            </a:ext>
          </a:extLst>
        </xdr:cNvPr>
        <xdr:cNvSpPr/>
      </xdr:nvSpPr>
      <xdr:spPr>
        <a:xfrm>
          <a:off x="27432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BA4D5E14-4A7A-4A6B-B429-713F097EC937}"/>
            </a:ext>
          </a:extLst>
        </xdr:cNvPr>
        <xdr:cNvSpPr/>
      </xdr:nvSpPr>
      <xdr:spPr>
        <a:xfrm>
          <a:off x="27432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0619B5AD-957A-4167-83E2-DD7D38E8BB71}"/>
            </a:ext>
          </a:extLst>
        </xdr:cNvPr>
        <xdr:cNvSpPr/>
      </xdr:nvSpPr>
      <xdr:spPr>
        <a:xfrm>
          <a:off x="685800" y="863917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9D46ED44-FA21-421B-9283-E0B868FF95B6}"/>
            </a:ext>
          </a:extLst>
        </xdr:cNvPr>
        <xdr:cNvSpPr txBox="1"/>
      </xdr:nvSpPr>
      <xdr:spPr>
        <a:xfrm>
          <a:off x="666750" y="8458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E26687C0-17E7-4ACC-8AB7-DB7ADD6C26F2}"/>
            </a:ext>
          </a:extLst>
        </xdr:cNvPr>
        <xdr:cNvCxnSpPr/>
      </xdr:nvCxnSpPr>
      <xdr:spPr>
        <a:xfrm>
          <a:off x="685800" y="10801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9" name="テキスト ボックス 158">
          <a:extLst>
            <a:ext uri="{FF2B5EF4-FFF2-40B4-BE49-F238E27FC236}">
              <a16:creationId xmlns:a16="http://schemas.microsoft.com/office/drawing/2014/main" id="{E0106670-B963-41A1-BB20-AA8B33D14623}"/>
            </a:ext>
          </a:extLst>
        </xdr:cNvPr>
        <xdr:cNvSpPr txBox="1"/>
      </xdr:nvSpPr>
      <xdr:spPr>
        <a:xfrm>
          <a:off x="339891" y="10665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0" name="直線コネクタ 159">
          <a:extLst>
            <a:ext uri="{FF2B5EF4-FFF2-40B4-BE49-F238E27FC236}">
              <a16:creationId xmlns:a16="http://schemas.microsoft.com/office/drawing/2014/main" id="{C23A94EC-D8AA-49B7-95F5-378B16EDBBF1}"/>
            </a:ext>
          </a:extLst>
        </xdr:cNvPr>
        <xdr:cNvCxnSpPr/>
      </xdr:nvCxnSpPr>
      <xdr:spPr>
        <a:xfrm>
          <a:off x="685800" y="10439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61" name="テキスト ボックス 160">
          <a:extLst>
            <a:ext uri="{FF2B5EF4-FFF2-40B4-BE49-F238E27FC236}">
              <a16:creationId xmlns:a16="http://schemas.microsoft.com/office/drawing/2014/main" id="{B4615617-040A-42EA-ABA6-10C891CB1136}"/>
            </a:ext>
          </a:extLst>
        </xdr:cNvPr>
        <xdr:cNvSpPr txBox="1"/>
      </xdr:nvSpPr>
      <xdr:spPr>
        <a:xfrm>
          <a:off x="339891" y="10303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2" name="直線コネクタ 161">
          <a:extLst>
            <a:ext uri="{FF2B5EF4-FFF2-40B4-BE49-F238E27FC236}">
              <a16:creationId xmlns:a16="http://schemas.microsoft.com/office/drawing/2014/main" id="{D1363117-E3C2-41C4-A266-E543F33B4CDF}"/>
            </a:ext>
          </a:extLst>
        </xdr:cNvPr>
        <xdr:cNvCxnSpPr/>
      </xdr:nvCxnSpPr>
      <xdr:spPr>
        <a:xfrm>
          <a:off x="685800" y="10077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3" name="テキスト ボックス 162">
          <a:extLst>
            <a:ext uri="{FF2B5EF4-FFF2-40B4-BE49-F238E27FC236}">
              <a16:creationId xmlns:a16="http://schemas.microsoft.com/office/drawing/2014/main" id="{1E8D8102-01AC-4E13-B4E1-278178DAA2FC}"/>
            </a:ext>
          </a:extLst>
        </xdr:cNvPr>
        <xdr:cNvSpPr txBox="1"/>
      </xdr:nvSpPr>
      <xdr:spPr>
        <a:xfrm>
          <a:off x="339891" y="9941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4" name="直線コネクタ 163">
          <a:extLst>
            <a:ext uri="{FF2B5EF4-FFF2-40B4-BE49-F238E27FC236}">
              <a16:creationId xmlns:a16="http://schemas.microsoft.com/office/drawing/2014/main" id="{579F7A63-69CB-47DB-AC43-78BDE574B11B}"/>
            </a:ext>
          </a:extLst>
        </xdr:cNvPr>
        <xdr:cNvCxnSpPr/>
      </xdr:nvCxnSpPr>
      <xdr:spPr>
        <a:xfrm>
          <a:off x="685800" y="971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5" name="テキスト ボックス 164">
          <a:extLst>
            <a:ext uri="{FF2B5EF4-FFF2-40B4-BE49-F238E27FC236}">
              <a16:creationId xmlns:a16="http://schemas.microsoft.com/office/drawing/2014/main" id="{08943F79-0691-4989-B19E-FFA7EB911FD5}"/>
            </a:ext>
          </a:extLst>
        </xdr:cNvPr>
        <xdr:cNvSpPr txBox="1"/>
      </xdr:nvSpPr>
      <xdr:spPr>
        <a:xfrm>
          <a:off x="339891" y="95796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6" name="直線コネクタ 165">
          <a:extLst>
            <a:ext uri="{FF2B5EF4-FFF2-40B4-BE49-F238E27FC236}">
              <a16:creationId xmlns:a16="http://schemas.microsoft.com/office/drawing/2014/main" id="{6AA7E632-26B3-420C-8DBC-B6BE659FE8C0}"/>
            </a:ext>
          </a:extLst>
        </xdr:cNvPr>
        <xdr:cNvCxnSpPr/>
      </xdr:nvCxnSpPr>
      <xdr:spPr>
        <a:xfrm>
          <a:off x="685800" y="93630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7" name="テキスト ボックス 166">
          <a:extLst>
            <a:ext uri="{FF2B5EF4-FFF2-40B4-BE49-F238E27FC236}">
              <a16:creationId xmlns:a16="http://schemas.microsoft.com/office/drawing/2014/main" id="{CA9D3842-913C-4A49-95C0-63E11CF364E8}"/>
            </a:ext>
          </a:extLst>
        </xdr:cNvPr>
        <xdr:cNvSpPr txBox="1"/>
      </xdr:nvSpPr>
      <xdr:spPr>
        <a:xfrm>
          <a:off x="339891" y="92272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8" name="直線コネクタ 167">
          <a:extLst>
            <a:ext uri="{FF2B5EF4-FFF2-40B4-BE49-F238E27FC236}">
              <a16:creationId xmlns:a16="http://schemas.microsoft.com/office/drawing/2014/main" id="{2299ED9B-6708-4F14-8F61-B901E92F5CE4}"/>
            </a:ext>
          </a:extLst>
        </xdr:cNvPr>
        <xdr:cNvCxnSpPr/>
      </xdr:nvCxnSpPr>
      <xdr:spPr>
        <a:xfrm>
          <a:off x="685800" y="90011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9" name="テキスト ボックス 168">
          <a:extLst>
            <a:ext uri="{FF2B5EF4-FFF2-40B4-BE49-F238E27FC236}">
              <a16:creationId xmlns:a16="http://schemas.microsoft.com/office/drawing/2014/main" id="{8F3E0BFF-EB96-4C76-8EB3-FB5E9565971D}"/>
            </a:ext>
          </a:extLst>
        </xdr:cNvPr>
        <xdr:cNvSpPr txBox="1"/>
      </xdr:nvSpPr>
      <xdr:spPr>
        <a:xfrm>
          <a:off x="339891" y="88652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a:extLst>
            <a:ext uri="{FF2B5EF4-FFF2-40B4-BE49-F238E27FC236}">
              <a16:creationId xmlns:a16="http://schemas.microsoft.com/office/drawing/2014/main" id="{533FCC77-3951-4FF4-9FBB-E6E83AA11803}"/>
            </a:ext>
          </a:extLst>
        </xdr:cNvPr>
        <xdr:cNvCxnSpPr/>
      </xdr:nvCxnSpPr>
      <xdr:spPr>
        <a:xfrm>
          <a:off x="685800" y="86391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1" name="テキスト ボックス 170">
          <a:extLst>
            <a:ext uri="{FF2B5EF4-FFF2-40B4-BE49-F238E27FC236}">
              <a16:creationId xmlns:a16="http://schemas.microsoft.com/office/drawing/2014/main" id="{CE7E09BC-994B-4D2A-BD5A-A0A3CD86AB77}"/>
            </a:ext>
          </a:extLst>
        </xdr:cNvPr>
        <xdr:cNvSpPr txBox="1"/>
      </xdr:nvSpPr>
      <xdr:spPr>
        <a:xfrm>
          <a:off x="339891" y="85033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2" name="【体育館・プール】&#10;有形固定資産減価償却率グラフ枠">
          <a:extLst>
            <a:ext uri="{FF2B5EF4-FFF2-40B4-BE49-F238E27FC236}">
              <a16:creationId xmlns:a16="http://schemas.microsoft.com/office/drawing/2014/main" id="{1C15B750-5CF2-45A7-9131-191B2FB2A3C2}"/>
            </a:ext>
          </a:extLst>
        </xdr:cNvPr>
        <xdr:cNvSpPr/>
      </xdr:nvSpPr>
      <xdr:spPr>
        <a:xfrm>
          <a:off x="685800" y="863917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02870</xdr:rowOff>
    </xdr:from>
    <xdr:to>
      <xdr:col>24</xdr:col>
      <xdr:colOff>62865</xdr:colOff>
      <xdr:row>64</xdr:row>
      <xdr:rowOff>160020</xdr:rowOff>
    </xdr:to>
    <xdr:cxnSp macro="">
      <xdr:nvCxnSpPr>
        <xdr:cNvPr id="173" name="直線コネクタ 172">
          <a:extLst>
            <a:ext uri="{FF2B5EF4-FFF2-40B4-BE49-F238E27FC236}">
              <a16:creationId xmlns:a16="http://schemas.microsoft.com/office/drawing/2014/main" id="{78177518-0EDB-44E9-8E4F-7EA1548D2E2A}"/>
            </a:ext>
          </a:extLst>
        </xdr:cNvPr>
        <xdr:cNvCxnSpPr/>
      </xdr:nvCxnSpPr>
      <xdr:spPr>
        <a:xfrm flipV="1">
          <a:off x="4180840" y="9173845"/>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3847</xdr:rowOff>
    </xdr:from>
    <xdr:ext cx="405111" cy="259045"/>
    <xdr:sp macro="" textlink="">
      <xdr:nvSpPr>
        <xdr:cNvPr id="174" name="【体育館・プール】&#10;有形固定資産減価償却率最小値テキスト">
          <a:extLst>
            <a:ext uri="{FF2B5EF4-FFF2-40B4-BE49-F238E27FC236}">
              <a16:creationId xmlns:a16="http://schemas.microsoft.com/office/drawing/2014/main" id="{43E2D94C-17A2-44F2-AAEF-A62A3AECC245}"/>
            </a:ext>
          </a:extLst>
        </xdr:cNvPr>
        <xdr:cNvSpPr txBox="1"/>
      </xdr:nvSpPr>
      <xdr:spPr>
        <a:xfrm>
          <a:off x="4219575" y="10523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60020</xdr:rowOff>
    </xdr:from>
    <xdr:to>
      <xdr:col>24</xdr:col>
      <xdr:colOff>152400</xdr:colOff>
      <xdr:row>64</xdr:row>
      <xdr:rowOff>160020</xdr:rowOff>
    </xdr:to>
    <xdr:cxnSp macro="">
      <xdr:nvCxnSpPr>
        <xdr:cNvPr id="175" name="直線コネクタ 174">
          <a:extLst>
            <a:ext uri="{FF2B5EF4-FFF2-40B4-BE49-F238E27FC236}">
              <a16:creationId xmlns:a16="http://schemas.microsoft.com/office/drawing/2014/main" id="{AC10E477-DC99-4083-A7A2-22EC7123AABE}"/>
            </a:ext>
          </a:extLst>
        </xdr:cNvPr>
        <xdr:cNvCxnSpPr/>
      </xdr:nvCxnSpPr>
      <xdr:spPr>
        <a:xfrm>
          <a:off x="4105275" y="1052639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9547</xdr:rowOff>
    </xdr:from>
    <xdr:ext cx="405111" cy="259045"/>
    <xdr:sp macro="" textlink="">
      <xdr:nvSpPr>
        <xdr:cNvPr id="176" name="【体育館・プール】&#10;有形固定資産減価償却率最大値テキスト">
          <a:extLst>
            <a:ext uri="{FF2B5EF4-FFF2-40B4-BE49-F238E27FC236}">
              <a16:creationId xmlns:a16="http://schemas.microsoft.com/office/drawing/2014/main" id="{B2BFA56F-A3C3-4811-8AF9-7DE0278581F9}"/>
            </a:ext>
          </a:extLst>
        </xdr:cNvPr>
        <xdr:cNvSpPr txBox="1"/>
      </xdr:nvSpPr>
      <xdr:spPr>
        <a:xfrm>
          <a:off x="4219575" y="895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02870</xdr:rowOff>
    </xdr:from>
    <xdr:to>
      <xdr:col>24</xdr:col>
      <xdr:colOff>152400</xdr:colOff>
      <xdr:row>56</xdr:row>
      <xdr:rowOff>102870</xdr:rowOff>
    </xdr:to>
    <xdr:cxnSp macro="">
      <xdr:nvCxnSpPr>
        <xdr:cNvPr id="177" name="直線コネクタ 176">
          <a:extLst>
            <a:ext uri="{FF2B5EF4-FFF2-40B4-BE49-F238E27FC236}">
              <a16:creationId xmlns:a16="http://schemas.microsoft.com/office/drawing/2014/main" id="{EEEBD56B-61B3-481A-8B5D-93E08218644B}"/>
            </a:ext>
          </a:extLst>
        </xdr:cNvPr>
        <xdr:cNvCxnSpPr/>
      </xdr:nvCxnSpPr>
      <xdr:spPr>
        <a:xfrm>
          <a:off x="4105275" y="917384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5267</xdr:rowOff>
    </xdr:from>
    <xdr:ext cx="405111" cy="259045"/>
    <xdr:sp macro="" textlink="">
      <xdr:nvSpPr>
        <xdr:cNvPr id="178" name="【体育館・プール】&#10;有形固定資産減価償却率平均値テキスト">
          <a:extLst>
            <a:ext uri="{FF2B5EF4-FFF2-40B4-BE49-F238E27FC236}">
              <a16:creationId xmlns:a16="http://schemas.microsoft.com/office/drawing/2014/main" id="{8E451726-5D95-4723-8A68-C79A7D543EDD}"/>
            </a:ext>
          </a:extLst>
        </xdr:cNvPr>
        <xdr:cNvSpPr txBox="1"/>
      </xdr:nvSpPr>
      <xdr:spPr>
        <a:xfrm>
          <a:off x="4219575" y="96488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6840</xdr:rowOff>
    </xdr:from>
    <xdr:to>
      <xdr:col>24</xdr:col>
      <xdr:colOff>114300</xdr:colOff>
      <xdr:row>60</xdr:row>
      <xdr:rowOff>46990</xdr:rowOff>
    </xdr:to>
    <xdr:sp macro="" textlink="">
      <xdr:nvSpPr>
        <xdr:cNvPr id="179" name="フローチャート: 判断 178">
          <a:extLst>
            <a:ext uri="{FF2B5EF4-FFF2-40B4-BE49-F238E27FC236}">
              <a16:creationId xmlns:a16="http://schemas.microsoft.com/office/drawing/2014/main" id="{FE34D919-B390-4816-A20A-376BB011F481}"/>
            </a:ext>
          </a:extLst>
        </xdr:cNvPr>
        <xdr:cNvSpPr/>
      </xdr:nvSpPr>
      <xdr:spPr>
        <a:xfrm>
          <a:off x="4124325" y="967041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55880</xdr:rowOff>
    </xdr:from>
    <xdr:to>
      <xdr:col>20</xdr:col>
      <xdr:colOff>38100</xdr:colOff>
      <xdr:row>59</xdr:row>
      <xdr:rowOff>157480</xdr:rowOff>
    </xdr:to>
    <xdr:sp macro="" textlink="">
      <xdr:nvSpPr>
        <xdr:cNvPr id="180" name="フローチャート: 判断 179">
          <a:extLst>
            <a:ext uri="{FF2B5EF4-FFF2-40B4-BE49-F238E27FC236}">
              <a16:creationId xmlns:a16="http://schemas.microsoft.com/office/drawing/2014/main" id="{A76466F9-2DCF-4E7E-976C-78DA64867FD9}"/>
            </a:ext>
          </a:extLst>
        </xdr:cNvPr>
        <xdr:cNvSpPr/>
      </xdr:nvSpPr>
      <xdr:spPr>
        <a:xfrm>
          <a:off x="3381375" y="960945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2540</xdr:rowOff>
    </xdr:from>
    <xdr:to>
      <xdr:col>15</xdr:col>
      <xdr:colOff>101600</xdr:colOff>
      <xdr:row>59</xdr:row>
      <xdr:rowOff>104140</xdr:rowOff>
    </xdr:to>
    <xdr:sp macro="" textlink="">
      <xdr:nvSpPr>
        <xdr:cNvPr id="181" name="フローチャート: 判断 180">
          <a:extLst>
            <a:ext uri="{FF2B5EF4-FFF2-40B4-BE49-F238E27FC236}">
              <a16:creationId xmlns:a16="http://schemas.microsoft.com/office/drawing/2014/main" id="{53BB9A8E-6B17-41EF-AB39-D6098A44C093}"/>
            </a:ext>
          </a:extLst>
        </xdr:cNvPr>
        <xdr:cNvSpPr/>
      </xdr:nvSpPr>
      <xdr:spPr>
        <a:xfrm>
          <a:off x="2571750" y="955611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39700</xdr:rowOff>
    </xdr:from>
    <xdr:to>
      <xdr:col>10</xdr:col>
      <xdr:colOff>165100</xdr:colOff>
      <xdr:row>59</xdr:row>
      <xdr:rowOff>69850</xdr:rowOff>
    </xdr:to>
    <xdr:sp macro="" textlink="">
      <xdr:nvSpPr>
        <xdr:cNvPr id="182" name="フローチャート: 判断 181">
          <a:extLst>
            <a:ext uri="{FF2B5EF4-FFF2-40B4-BE49-F238E27FC236}">
              <a16:creationId xmlns:a16="http://schemas.microsoft.com/office/drawing/2014/main" id="{9436CF92-8795-4B0C-9C40-7F454BA0C3E6}"/>
            </a:ext>
          </a:extLst>
        </xdr:cNvPr>
        <xdr:cNvSpPr/>
      </xdr:nvSpPr>
      <xdr:spPr>
        <a:xfrm>
          <a:off x="1781175" y="9534525"/>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82550</xdr:rowOff>
    </xdr:from>
    <xdr:to>
      <xdr:col>6</xdr:col>
      <xdr:colOff>38100</xdr:colOff>
      <xdr:row>59</xdr:row>
      <xdr:rowOff>12700</xdr:rowOff>
    </xdr:to>
    <xdr:sp macro="" textlink="">
      <xdr:nvSpPr>
        <xdr:cNvPr id="183" name="フローチャート: 判断 182">
          <a:extLst>
            <a:ext uri="{FF2B5EF4-FFF2-40B4-BE49-F238E27FC236}">
              <a16:creationId xmlns:a16="http://schemas.microsoft.com/office/drawing/2014/main" id="{130B4B9B-E1BB-4C9A-A3D3-5A9E998BBEF0}"/>
            </a:ext>
          </a:extLst>
        </xdr:cNvPr>
        <xdr:cNvSpPr/>
      </xdr:nvSpPr>
      <xdr:spPr>
        <a:xfrm>
          <a:off x="981075" y="9477375"/>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452D2C3-B81B-42E6-9F7A-C9E0F04FDC31}"/>
            </a:ext>
          </a:extLst>
        </xdr:cNvPr>
        <xdr:cNvSpPr txBox="1"/>
      </xdr:nvSpPr>
      <xdr:spPr>
        <a:xfrm>
          <a:off x="40100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1FDD13AB-BC99-4E16-925B-823E598508DB}"/>
            </a:ext>
          </a:extLst>
        </xdr:cNvPr>
        <xdr:cNvSpPr txBox="1"/>
      </xdr:nvSpPr>
      <xdr:spPr>
        <a:xfrm>
          <a:off x="32575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A216A98F-1F8B-4CA2-B015-762FF3E85030}"/>
            </a:ext>
          </a:extLst>
        </xdr:cNvPr>
        <xdr:cNvSpPr txBox="1"/>
      </xdr:nvSpPr>
      <xdr:spPr>
        <a:xfrm>
          <a:off x="24479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50718178-BE75-47BD-8965-33B52B7748C0}"/>
            </a:ext>
          </a:extLst>
        </xdr:cNvPr>
        <xdr:cNvSpPr txBox="1"/>
      </xdr:nvSpPr>
      <xdr:spPr>
        <a:xfrm>
          <a:off x="16573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FCD12852-5B58-46EE-BD08-E5CD1DBF0064}"/>
            </a:ext>
          </a:extLst>
        </xdr:cNvPr>
        <xdr:cNvSpPr txBox="1"/>
      </xdr:nvSpPr>
      <xdr:spPr>
        <a:xfrm>
          <a:off x="8572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3980</xdr:rowOff>
    </xdr:from>
    <xdr:to>
      <xdr:col>24</xdr:col>
      <xdr:colOff>114300</xdr:colOff>
      <xdr:row>59</xdr:row>
      <xdr:rowOff>24130</xdr:rowOff>
    </xdr:to>
    <xdr:sp macro="" textlink="">
      <xdr:nvSpPr>
        <xdr:cNvPr id="189" name="楕円 188">
          <a:extLst>
            <a:ext uri="{FF2B5EF4-FFF2-40B4-BE49-F238E27FC236}">
              <a16:creationId xmlns:a16="http://schemas.microsoft.com/office/drawing/2014/main" id="{48718D3B-24F7-4D15-B7CC-43090D889D6D}"/>
            </a:ext>
          </a:extLst>
        </xdr:cNvPr>
        <xdr:cNvSpPr/>
      </xdr:nvSpPr>
      <xdr:spPr>
        <a:xfrm>
          <a:off x="4124325" y="9485630"/>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16857</xdr:rowOff>
    </xdr:from>
    <xdr:ext cx="405111" cy="259045"/>
    <xdr:sp macro="" textlink="">
      <xdr:nvSpPr>
        <xdr:cNvPr id="190" name="【体育館・プール】&#10;有形固定資産減価償却率該当値テキスト">
          <a:extLst>
            <a:ext uri="{FF2B5EF4-FFF2-40B4-BE49-F238E27FC236}">
              <a16:creationId xmlns:a16="http://schemas.microsoft.com/office/drawing/2014/main" id="{7A1866D3-F73C-4B7B-ACD7-A90E1872CB92}"/>
            </a:ext>
          </a:extLst>
        </xdr:cNvPr>
        <xdr:cNvSpPr txBox="1"/>
      </xdr:nvSpPr>
      <xdr:spPr>
        <a:xfrm>
          <a:off x="4219575" y="9346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1590</xdr:rowOff>
    </xdr:from>
    <xdr:to>
      <xdr:col>20</xdr:col>
      <xdr:colOff>38100</xdr:colOff>
      <xdr:row>58</xdr:row>
      <xdr:rowOff>123190</xdr:rowOff>
    </xdr:to>
    <xdr:sp macro="" textlink="">
      <xdr:nvSpPr>
        <xdr:cNvPr id="191" name="楕円 190">
          <a:extLst>
            <a:ext uri="{FF2B5EF4-FFF2-40B4-BE49-F238E27FC236}">
              <a16:creationId xmlns:a16="http://schemas.microsoft.com/office/drawing/2014/main" id="{445075BC-B49E-4BC6-B724-8AE54354832A}"/>
            </a:ext>
          </a:extLst>
        </xdr:cNvPr>
        <xdr:cNvSpPr/>
      </xdr:nvSpPr>
      <xdr:spPr>
        <a:xfrm>
          <a:off x="3381375" y="9413240"/>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72390</xdr:rowOff>
    </xdr:from>
    <xdr:to>
      <xdr:col>24</xdr:col>
      <xdr:colOff>63500</xdr:colOff>
      <xdr:row>58</xdr:row>
      <xdr:rowOff>144780</xdr:rowOff>
    </xdr:to>
    <xdr:cxnSp macro="">
      <xdr:nvCxnSpPr>
        <xdr:cNvPr id="192" name="直線コネクタ 191">
          <a:extLst>
            <a:ext uri="{FF2B5EF4-FFF2-40B4-BE49-F238E27FC236}">
              <a16:creationId xmlns:a16="http://schemas.microsoft.com/office/drawing/2014/main" id="{E048A7D6-D498-452B-9B94-CB2C8714C012}"/>
            </a:ext>
          </a:extLst>
        </xdr:cNvPr>
        <xdr:cNvCxnSpPr/>
      </xdr:nvCxnSpPr>
      <xdr:spPr>
        <a:xfrm>
          <a:off x="3429000" y="9460865"/>
          <a:ext cx="752475"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7780</xdr:rowOff>
    </xdr:from>
    <xdr:to>
      <xdr:col>15</xdr:col>
      <xdr:colOff>101600</xdr:colOff>
      <xdr:row>58</xdr:row>
      <xdr:rowOff>119380</xdr:rowOff>
    </xdr:to>
    <xdr:sp macro="" textlink="">
      <xdr:nvSpPr>
        <xdr:cNvPr id="193" name="楕円 192">
          <a:extLst>
            <a:ext uri="{FF2B5EF4-FFF2-40B4-BE49-F238E27FC236}">
              <a16:creationId xmlns:a16="http://schemas.microsoft.com/office/drawing/2014/main" id="{E763D1B6-6BF2-4316-86E3-6053DBED0C64}"/>
            </a:ext>
          </a:extLst>
        </xdr:cNvPr>
        <xdr:cNvSpPr/>
      </xdr:nvSpPr>
      <xdr:spPr>
        <a:xfrm>
          <a:off x="2571750" y="940943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8580</xdr:rowOff>
    </xdr:from>
    <xdr:to>
      <xdr:col>19</xdr:col>
      <xdr:colOff>177800</xdr:colOff>
      <xdr:row>58</xdr:row>
      <xdr:rowOff>72390</xdr:rowOff>
    </xdr:to>
    <xdr:cxnSp macro="">
      <xdr:nvCxnSpPr>
        <xdr:cNvPr id="194" name="直線コネクタ 193">
          <a:extLst>
            <a:ext uri="{FF2B5EF4-FFF2-40B4-BE49-F238E27FC236}">
              <a16:creationId xmlns:a16="http://schemas.microsoft.com/office/drawing/2014/main" id="{A3DFF966-F7D5-4881-A1DA-BA919121FF79}"/>
            </a:ext>
          </a:extLst>
        </xdr:cNvPr>
        <xdr:cNvCxnSpPr/>
      </xdr:nvCxnSpPr>
      <xdr:spPr>
        <a:xfrm>
          <a:off x="2619375" y="9457055"/>
          <a:ext cx="809625"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8750</xdr:rowOff>
    </xdr:from>
    <xdr:to>
      <xdr:col>10</xdr:col>
      <xdr:colOff>165100</xdr:colOff>
      <xdr:row>58</xdr:row>
      <xdr:rowOff>88900</xdr:rowOff>
    </xdr:to>
    <xdr:sp macro="" textlink="">
      <xdr:nvSpPr>
        <xdr:cNvPr id="195" name="楕円 194">
          <a:extLst>
            <a:ext uri="{FF2B5EF4-FFF2-40B4-BE49-F238E27FC236}">
              <a16:creationId xmlns:a16="http://schemas.microsoft.com/office/drawing/2014/main" id="{BFE68F42-799A-4821-8368-81EE50D0193B}"/>
            </a:ext>
          </a:extLst>
        </xdr:cNvPr>
        <xdr:cNvSpPr/>
      </xdr:nvSpPr>
      <xdr:spPr>
        <a:xfrm>
          <a:off x="1781175" y="9391650"/>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38100</xdr:rowOff>
    </xdr:from>
    <xdr:to>
      <xdr:col>15</xdr:col>
      <xdr:colOff>50800</xdr:colOff>
      <xdr:row>58</xdr:row>
      <xdr:rowOff>68580</xdr:rowOff>
    </xdr:to>
    <xdr:cxnSp macro="">
      <xdr:nvCxnSpPr>
        <xdr:cNvPr id="196" name="直線コネクタ 195">
          <a:extLst>
            <a:ext uri="{FF2B5EF4-FFF2-40B4-BE49-F238E27FC236}">
              <a16:creationId xmlns:a16="http://schemas.microsoft.com/office/drawing/2014/main" id="{DE162E1D-810D-430E-8CD3-6115B8EEF127}"/>
            </a:ext>
          </a:extLst>
        </xdr:cNvPr>
        <xdr:cNvCxnSpPr/>
      </xdr:nvCxnSpPr>
      <xdr:spPr>
        <a:xfrm>
          <a:off x="1828800" y="9429750"/>
          <a:ext cx="790575" cy="27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78740</xdr:rowOff>
    </xdr:from>
    <xdr:to>
      <xdr:col>6</xdr:col>
      <xdr:colOff>38100</xdr:colOff>
      <xdr:row>58</xdr:row>
      <xdr:rowOff>8890</xdr:rowOff>
    </xdr:to>
    <xdr:sp macro="" textlink="">
      <xdr:nvSpPr>
        <xdr:cNvPr id="197" name="楕円 196">
          <a:extLst>
            <a:ext uri="{FF2B5EF4-FFF2-40B4-BE49-F238E27FC236}">
              <a16:creationId xmlns:a16="http://schemas.microsoft.com/office/drawing/2014/main" id="{27919AE5-6B2C-474F-90B7-A13DF7E95EAF}"/>
            </a:ext>
          </a:extLst>
        </xdr:cNvPr>
        <xdr:cNvSpPr/>
      </xdr:nvSpPr>
      <xdr:spPr>
        <a:xfrm>
          <a:off x="981075" y="930846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129540</xdr:rowOff>
    </xdr:from>
    <xdr:to>
      <xdr:col>10</xdr:col>
      <xdr:colOff>114300</xdr:colOff>
      <xdr:row>58</xdr:row>
      <xdr:rowOff>38100</xdr:rowOff>
    </xdr:to>
    <xdr:cxnSp macro="">
      <xdr:nvCxnSpPr>
        <xdr:cNvPr id="198" name="直線コネクタ 197">
          <a:extLst>
            <a:ext uri="{FF2B5EF4-FFF2-40B4-BE49-F238E27FC236}">
              <a16:creationId xmlns:a16="http://schemas.microsoft.com/office/drawing/2014/main" id="{53B57373-73BE-4BE2-85C5-0B9CE6EA5C05}"/>
            </a:ext>
          </a:extLst>
        </xdr:cNvPr>
        <xdr:cNvCxnSpPr/>
      </xdr:nvCxnSpPr>
      <xdr:spPr>
        <a:xfrm>
          <a:off x="1028700" y="9356090"/>
          <a:ext cx="800100" cy="73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48607</xdr:rowOff>
    </xdr:from>
    <xdr:ext cx="405111" cy="259045"/>
    <xdr:sp macro="" textlink="">
      <xdr:nvSpPr>
        <xdr:cNvPr id="199" name="n_1aveValue【体育館・プール】&#10;有形固定資産減価償却率">
          <a:extLst>
            <a:ext uri="{FF2B5EF4-FFF2-40B4-BE49-F238E27FC236}">
              <a16:creationId xmlns:a16="http://schemas.microsoft.com/office/drawing/2014/main" id="{4C1983E7-292E-41F7-BB18-CB2EF901A695}"/>
            </a:ext>
          </a:extLst>
        </xdr:cNvPr>
        <xdr:cNvSpPr txBox="1"/>
      </xdr:nvSpPr>
      <xdr:spPr>
        <a:xfrm>
          <a:off x="3239144" y="969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5267</xdr:rowOff>
    </xdr:from>
    <xdr:ext cx="405111" cy="259045"/>
    <xdr:sp macro="" textlink="">
      <xdr:nvSpPr>
        <xdr:cNvPr id="200" name="n_2aveValue【体育館・プール】&#10;有形固定資産減価償却率">
          <a:extLst>
            <a:ext uri="{FF2B5EF4-FFF2-40B4-BE49-F238E27FC236}">
              <a16:creationId xmlns:a16="http://schemas.microsoft.com/office/drawing/2014/main" id="{47807112-B68F-4571-8892-363A2B5B7ECE}"/>
            </a:ext>
          </a:extLst>
        </xdr:cNvPr>
        <xdr:cNvSpPr txBox="1"/>
      </xdr:nvSpPr>
      <xdr:spPr>
        <a:xfrm>
          <a:off x="2439044" y="9648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60977</xdr:rowOff>
    </xdr:from>
    <xdr:ext cx="405111" cy="259045"/>
    <xdr:sp macro="" textlink="">
      <xdr:nvSpPr>
        <xdr:cNvPr id="201" name="n_3aveValue【体育館・プール】&#10;有形固定資産減価償却率">
          <a:extLst>
            <a:ext uri="{FF2B5EF4-FFF2-40B4-BE49-F238E27FC236}">
              <a16:creationId xmlns:a16="http://schemas.microsoft.com/office/drawing/2014/main" id="{ECB3B8C1-8011-4705-9A21-996576721EC1}"/>
            </a:ext>
          </a:extLst>
        </xdr:cNvPr>
        <xdr:cNvSpPr txBox="1"/>
      </xdr:nvSpPr>
      <xdr:spPr>
        <a:xfrm>
          <a:off x="1648469" y="9617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827</xdr:rowOff>
    </xdr:from>
    <xdr:ext cx="405111" cy="259045"/>
    <xdr:sp macro="" textlink="">
      <xdr:nvSpPr>
        <xdr:cNvPr id="202" name="n_4aveValue【体育館・プール】&#10;有形固定資産減価償却率">
          <a:extLst>
            <a:ext uri="{FF2B5EF4-FFF2-40B4-BE49-F238E27FC236}">
              <a16:creationId xmlns:a16="http://schemas.microsoft.com/office/drawing/2014/main" id="{BFCDA5FC-37A5-4B00-955C-8EA5E3D8ED81}"/>
            </a:ext>
          </a:extLst>
        </xdr:cNvPr>
        <xdr:cNvSpPr txBox="1"/>
      </xdr:nvSpPr>
      <xdr:spPr>
        <a:xfrm>
          <a:off x="848369" y="9560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39717</xdr:rowOff>
    </xdr:from>
    <xdr:ext cx="405111" cy="259045"/>
    <xdr:sp macro="" textlink="">
      <xdr:nvSpPr>
        <xdr:cNvPr id="203" name="n_1mainValue【体育館・プール】&#10;有形固定資産減価償却率">
          <a:extLst>
            <a:ext uri="{FF2B5EF4-FFF2-40B4-BE49-F238E27FC236}">
              <a16:creationId xmlns:a16="http://schemas.microsoft.com/office/drawing/2014/main" id="{19E92ED5-2161-44E0-ACD1-D4588B877A3C}"/>
            </a:ext>
          </a:extLst>
        </xdr:cNvPr>
        <xdr:cNvSpPr txBox="1"/>
      </xdr:nvSpPr>
      <xdr:spPr>
        <a:xfrm>
          <a:off x="3239144" y="9210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35907</xdr:rowOff>
    </xdr:from>
    <xdr:ext cx="405111" cy="259045"/>
    <xdr:sp macro="" textlink="">
      <xdr:nvSpPr>
        <xdr:cNvPr id="204" name="n_2mainValue【体育館・プール】&#10;有形固定資産減価償却率">
          <a:extLst>
            <a:ext uri="{FF2B5EF4-FFF2-40B4-BE49-F238E27FC236}">
              <a16:creationId xmlns:a16="http://schemas.microsoft.com/office/drawing/2014/main" id="{8D32C5A9-3F01-4E6B-9AF6-B0F512F1A991}"/>
            </a:ext>
          </a:extLst>
        </xdr:cNvPr>
        <xdr:cNvSpPr txBox="1"/>
      </xdr:nvSpPr>
      <xdr:spPr>
        <a:xfrm>
          <a:off x="2439044" y="920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05427</xdr:rowOff>
    </xdr:from>
    <xdr:ext cx="405111" cy="259045"/>
    <xdr:sp macro="" textlink="">
      <xdr:nvSpPr>
        <xdr:cNvPr id="205" name="n_3mainValue【体育館・プール】&#10;有形固定資産減価償却率">
          <a:extLst>
            <a:ext uri="{FF2B5EF4-FFF2-40B4-BE49-F238E27FC236}">
              <a16:creationId xmlns:a16="http://schemas.microsoft.com/office/drawing/2014/main" id="{E267C191-6E35-407C-A391-F8BDB5C169E1}"/>
            </a:ext>
          </a:extLst>
        </xdr:cNvPr>
        <xdr:cNvSpPr txBox="1"/>
      </xdr:nvSpPr>
      <xdr:spPr>
        <a:xfrm>
          <a:off x="1648469" y="9170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25417</xdr:rowOff>
    </xdr:from>
    <xdr:ext cx="405111" cy="259045"/>
    <xdr:sp macro="" textlink="">
      <xdr:nvSpPr>
        <xdr:cNvPr id="206" name="n_4mainValue【体育館・プール】&#10;有形固定資産減価償却率">
          <a:extLst>
            <a:ext uri="{FF2B5EF4-FFF2-40B4-BE49-F238E27FC236}">
              <a16:creationId xmlns:a16="http://schemas.microsoft.com/office/drawing/2014/main" id="{F917EA51-70C1-4794-BC78-19F293BE7679}"/>
            </a:ext>
          </a:extLst>
        </xdr:cNvPr>
        <xdr:cNvSpPr txBox="1"/>
      </xdr:nvSpPr>
      <xdr:spPr>
        <a:xfrm>
          <a:off x="848369" y="9096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5B3EF982-DD5E-49F2-9A8B-E4A74B5F6220}"/>
            </a:ext>
          </a:extLst>
        </xdr:cNvPr>
        <xdr:cNvSpPr/>
      </xdr:nvSpPr>
      <xdr:spPr>
        <a:xfrm>
          <a:off x="5953125" y="756285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0C5AF022-14DD-4DA7-9859-FBA9CE02133E}"/>
            </a:ext>
          </a:extLst>
        </xdr:cNvPr>
        <xdr:cNvSpPr/>
      </xdr:nvSpPr>
      <xdr:spPr>
        <a:xfrm>
          <a:off x="60674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1D57781D-625A-4BC6-85EA-838BF03227F6}"/>
            </a:ext>
          </a:extLst>
        </xdr:cNvPr>
        <xdr:cNvSpPr/>
      </xdr:nvSpPr>
      <xdr:spPr>
        <a:xfrm>
          <a:off x="60674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30E64926-A1E2-493E-BDB1-877AAE7E05D2}"/>
            </a:ext>
          </a:extLst>
        </xdr:cNvPr>
        <xdr:cNvSpPr/>
      </xdr:nvSpPr>
      <xdr:spPr>
        <a:xfrm>
          <a:off x="69818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36DC64C4-5338-4290-BC9E-C581CD82031D}"/>
            </a:ext>
          </a:extLst>
        </xdr:cNvPr>
        <xdr:cNvSpPr/>
      </xdr:nvSpPr>
      <xdr:spPr>
        <a:xfrm>
          <a:off x="69818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419F0EBF-7A56-4E01-9F27-240DE822FA4A}"/>
            </a:ext>
          </a:extLst>
        </xdr:cNvPr>
        <xdr:cNvSpPr/>
      </xdr:nvSpPr>
      <xdr:spPr>
        <a:xfrm>
          <a:off x="80105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703F18F9-15F1-4C95-AFC3-01283FA3EF75}"/>
            </a:ext>
          </a:extLst>
        </xdr:cNvPr>
        <xdr:cNvSpPr/>
      </xdr:nvSpPr>
      <xdr:spPr>
        <a:xfrm>
          <a:off x="80105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691E6E7B-8761-4AB3-9323-B5D080E30688}"/>
            </a:ext>
          </a:extLst>
        </xdr:cNvPr>
        <xdr:cNvSpPr/>
      </xdr:nvSpPr>
      <xdr:spPr>
        <a:xfrm>
          <a:off x="5953125" y="863917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F1B51426-832D-4EEC-A6C1-3E858351FE75}"/>
            </a:ext>
          </a:extLst>
        </xdr:cNvPr>
        <xdr:cNvSpPr txBox="1"/>
      </xdr:nvSpPr>
      <xdr:spPr>
        <a:xfrm>
          <a:off x="5915025" y="8458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7C32A536-C8EE-432B-A9FF-6E35AD9026FE}"/>
            </a:ext>
          </a:extLst>
        </xdr:cNvPr>
        <xdr:cNvCxnSpPr/>
      </xdr:nvCxnSpPr>
      <xdr:spPr>
        <a:xfrm>
          <a:off x="5953125" y="10801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7" name="テキスト ボックス 216">
          <a:extLst>
            <a:ext uri="{FF2B5EF4-FFF2-40B4-BE49-F238E27FC236}">
              <a16:creationId xmlns:a16="http://schemas.microsoft.com/office/drawing/2014/main" id="{B100AD9B-636F-4170-A40D-A3CD24404450}"/>
            </a:ext>
          </a:extLst>
        </xdr:cNvPr>
        <xdr:cNvSpPr txBox="1"/>
      </xdr:nvSpPr>
      <xdr:spPr>
        <a:xfrm>
          <a:off x="5527221" y="10665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F6E7DE7E-D028-4E70-9617-C03B632D4A87}"/>
            </a:ext>
          </a:extLst>
        </xdr:cNvPr>
        <xdr:cNvCxnSpPr/>
      </xdr:nvCxnSpPr>
      <xdr:spPr>
        <a:xfrm>
          <a:off x="5953125" y="10439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98998BE7-9B93-4CF9-A15D-BAFCD68B26C2}"/>
            </a:ext>
          </a:extLst>
        </xdr:cNvPr>
        <xdr:cNvSpPr txBox="1"/>
      </xdr:nvSpPr>
      <xdr:spPr>
        <a:xfrm>
          <a:off x="5527221" y="10303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3DBE5943-2DBF-4D4D-992D-FB56A589E5BA}"/>
            </a:ext>
          </a:extLst>
        </xdr:cNvPr>
        <xdr:cNvCxnSpPr/>
      </xdr:nvCxnSpPr>
      <xdr:spPr>
        <a:xfrm>
          <a:off x="5953125" y="100774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FC4431C3-D4B1-4A6F-833C-12ABBBCA3B72}"/>
            </a:ext>
          </a:extLst>
        </xdr:cNvPr>
        <xdr:cNvSpPr txBox="1"/>
      </xdr:nvSpPr>
      <xdr:spPr>
        <a:xfrm>
          <a:off x="5527221" y="9941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019B7592-1111-418E-8E0D-E7C05D8F9C49}"/>
            </a:ext>
          </a:extLst>
        </xdr:cNvPr>
        <xdr:cNvCxnSpPr/>
      </xdr:nvCxnSpPr>
      <xdr:spPr>
        <a:xfrm>
          <a:off x="5953125" y="9715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F936D8B1-FEF5-49C1-8C8E-0A719ACD0C94}"/>
            </a:ext>
          </a:extLst>
        </xdr:cNvPr>
        <xdr:cNvSpPr txBox="1"/>
      </xdr:nvSpPr>
      <xdr:spPr>
        <a:xfrm>
          <a:off x="5527221" y="9579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D7E8D31D-4CFB-44E7-B3D4-D5416DF3DFF1}"/>
            </a:ext>
          </a:extLst>
        </xdr:cNvPr>
        <xdr:cNvCxnSpPr/>
      </xdr:nvCxnSpPr>
      <xdr:spPr>
        <a:xfrm>
          <a:off x="5953125" y="93630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A72F0226-EA75-41CD-B08F-46BC1799DE46}"/>
            </a:ext>
          </a:extLst>
        </xdr:cNvPr>
        <xdr:cNvSpPr txBox="1"/>
      </xdr:nvSpPr>
      <xdr:spPr>
        <a:xfrm>
          <a:off x="5527221" y="92272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EEA2BAF0-EB18-4C58-8C59-103C2A581816}"/>
            </a:ext>
          </a:extLst>
        </xdr:cNvPr>
        <xdr:cNvCxnSpPr/>
      </xdr:nvCxnSpPr>
      <xdr:spPr>
        <a:xfrm>
          <a:off x="5953125" y="90011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44283365-E6EC-4139-BA1A-A211D06823C4}"/>
            </a:ext>
          </a:extLst>
        </xdr:cNvPr>
        <xdr:cNvSpPr txBox="1"/>
      </xdr:nvSpPr>
      <xdr:spPr>
        <a:xfrm>
          <a:off x="5527221" y="88652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24D5E9DD-A411-4A14-AFF7-4218722A1C9E}"/>
            </a:ext>
          </a:extLst>
        </xdr:cNvPr>
        <xdr:cNvCxnSpPr/>
      </xdr:nvCxnSpPr>
      <xdr:spPr>
        <a:xfrm>
          <a:off x="5953125" y="86391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B1907579-9EF9-4DC6-B077-11F15AEA8900}"/>
            </a:ext>
          </a:extLst>
        </xdr:cNvPr>
        <xdr:cNvSpPr txBox="1"/>
      </xdr:nvSpPr>
      <xdr:spPr>
        <a:xfrm>
          <a:off x="5527221" y="85033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C7E1A319-E042-40CA-ACD0-20A75A5F4AA1}"/>
            </a:ext>
          </a:extLst>
        </xdr:cNvPr>
        <xdr:cNvSpPr/>
      </xdr:nvSpPr>
      <xdr:spPr>
        <a:xfrm>
          <a:off x="5953125" y="863917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3350</xdr:rowOff>
    </xdr:from>
    <xdr:to>
      <xdr:col>54</xdr:col>
      <xdr:colOff>189865</xdr:colOff>
      <xdr:row>63</xdr:row>
      <xdr:rowOff>107950</xdr:rowOff>
    </xdr:to>
    <xdr:cxnSp macro="">
      <xdr:nvCxnSpPr>
        <xdr:cNvPr id="231" name="直線コネクタ 230">
          <a:extLst>
            <a:ext uri="{FF2B5EF4-FFF2-40B4-BE49-F238E27FC236}">
              <a16:creationId xmlns:a16="http://schemas.microsoft.com/office/drawing/2014/main" id="{1C504666-9C87-4840-B8AA-6E66FF3A4EBD}"/>
            </a:ext>
          </a:extLst>
        </xdr:cNvPr>
        <xdr:cNvCxnSpPr/>
      </xdr:nvCxnSpPr>
      <xdr:spPr>
        <a:xfrm flipV="1">
          <a:off x="9429115" y="9039225"/>
          <a:ext cx="0" cy="1266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11777</xdr:rowOff>
    </xdr:from>
    <xdr:ext cx="469744" cy="259045"/>
    <xdr:sp macro="" textlink="">
      <xdr:nvSpPr>
        <xdr:cNvPr id="232" name="【体育館・プール】&#10;一人当たり面積最小値テキスト">
          <a:extLst>
            <a:ext uri="{FF2B5EF4-FFF2-40B4-BE49-F238E27FC236}">
              <a16:creationId xmlns:a16="http://schemas.microsoft.com/office/drawing/2014/main" id="{30C1D0A7-F6EB-4B9C-8221-DBF7988FA44E}"/>
            </a:ext>
          </a:extLst>
        </xdr:cNvPr>
        <xdr:cNvSpPr txBox="1"/>
      </xdr:nvSpPr>
      <xdr:spPr>
        <a:xfrm>
          <a:off x="9467850" y="10313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07950</xdr:rowOff>
    </xdr:from>
    <xdr:to>
      <xdr:col>55</xdr:col>
      <xdr:colOff>88900</xdr:colOff>
      <xdr:row>63</xdr:row>
      <xdr:rowOff>107950</xdr:rowOff>
    </xdr:to>
    <xdr:cxnSp macro="">
      <xdr:nvCxnSpPr>
        <xdr:cNvPr id="233" name="直線コネクタ 232">
          <a:extLst>
            <a:ext uri="{FF2B5EF4-FFF2-40B4-BE49-F238E27FC236}">
              <a16:creationId xmlns:a16="http://schemas.microsoft.com/office/drawing/2014/main" id="{8504E77D-65FB-4D9C-AAC8-4228C45A5462}"/>
            </a:ext>
          </a:extLst>
        </xdr:cNvPr>
        <xdr:cNvCxnSpPr/>
      </xdr:nvCxnSpPr>
      <xdr:spPr>
        <a:xfrm>
          <a:off x="9363075" y="1030605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0027</xdr:rowOff>
    </xdr:from>
    <xdr:ext cx="469744" cy="259045"/>
    <xdr:sp macro="" textlink="">
      <xdr:nvSpPr>
        <xdr:cNvPr id="234" name="【体育館・プール】&#10;一人当たり面積最大値テキスト">
          <a:extLst>
            <a:ext uri="{FF2B5EF4-FFF2-40B4-BE49-F238E27FC236}">
              <a16:creationId xmlns:a16="http://schemas.microsoft.com/office/drawing/2014/main" id="{16D01813-8FE3-4607-8A67-4C4CD5D4EB33}"/>
            </a:ext>
          </a:extLst>
        </xdr:cNvPr>
        <xdr:cNvSpPr txBox="1"/>
      </xdr:nvSpPr>
      <xdr:spPr>
        <a:xfrm>
          <a:off x="9467850" y="8827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3350</xdr:rowOff>
    </xdr:from>
    <xdr:to>
      <xdr:col>55</xdr:col>
      <xdr:colOff>88900</xdr:colOff>
      <xdr:row>55</xdr:row>
      <xdr:rowOff>133350</xdr:rowOff>
    </xdr:to>
    <xdr:cxnSp macro="">
      <xdr:nvCxnSpPr>
        <xdr:cNvPr id="235" name="直線コネクタ 234">
          <a:extLst>
            <a:ext uri="{FF2B5EF4-FFF2-40B4-BE49-F238E27FC236}">
              <a16:creationId xmlns:a16="http://schemas.microsoft.com/office/drawing/2014/main" id="{4D14137D-9A31-4C85-870F-9CD9CB8967E1}"/>
            </a:ext>
          </a:extLst>
        </xdr:cNvPr>
        <xdr:cNvCxnSpPr/>
      </xdr:nvCxnSpPr>
      <xdr:spPr>
        <a:xfrm>
          <a:off x="9363075" y="903922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29227</xdr:rowOff>
    </xdr:from>
    <xdr:ext cx="469744" cy="259045"/>
    <xdr:sp macro="" textlink="">
      <xdr:nvSpPr>
        <xdr:cNvPr id="236" name="【体育館・プール】&#10;一人当たり面積平均値テキスト">
          <a:extLst>
            <a:ext uri="{FF2B5EF4-FFF2-40B4-BE49-F238E27FC236}">
              <a16:creationId xmlns:a16="http://schemas.microsoft.com/office/drawing/2014/main" id="{89579C19-227D-4F25-9C48-75C962126C04}"/>
            </a:ext>
          </a:extLst>
        </xdr:cNvPr>
        <xdr:cNvSpPr txBox="1"/>
      </xdr:nvSpPr>
      <xdr:spPr>
        <a:xfrm>
          <a:off x="9467850" y="97415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350</xdr:rowOff>
    </xdr:from>
    <xdr:to>
      <xdr:col>55</xdr:col>
      <xdr:colOff>50800</xdr:colOff>
      <xdr:row>61</xdr:row>
      <xdr:rowOff>107950</xdr:rowOff>
    </xdr:to>
    <xdr:sp macro="" textlink="">
      <xdr:nvSpPr>
        <xdr:cNvPr id="237" name="フローチャート: 判断 236">
          <a:extLst>
            <a:ext uri="{FF2B5EF4-FFF2-40B4-BE49-F238E27FC236}">
              <a16:creationId xmlns:a16="http://schemas.microsoft.com/office/drawing/2014/main" id="{CB9F68F2-4D74-4416-804D-EA81585B98A8}"/>
            </a:ext>
          </a:extLst>
        </xdr:cNvPr>
        <xdr:cNvSpPr/>
      </xdr:nvSpPr>
      <xdr:spPr>
        <a:xfrm>
          <a:off x="9401175" y="9886950"/>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9050</xdr:rowOff>
    </xdr:from>
    <xdr:to>
      <xdr:col>50</xdr:col>
      <xdr:colOff>165100</xdr:colOff>
      <xdr:row>61</xdr:row>
      <xdr:rowOff>120650</xdr:rowOff>
    </xdr:to>
    <xdr:sp macro="" textlink="">
      <xdr:nvSpPr>
        <xdr:cNvPr id="238" name="フローチャート: 判断 237">
          <a:extLst>
            <a:ext uri="{FF2B5EF4-FFF2-40B4-BE49-F238E27FC236}">
              <a16:creationId xmlns:a16="http://schemas.microsoft.com/office/drawing/2014/main" id="{E5028652-EB43-4163-A962-6D225B80CF7C}"/>
            </a:ext>
          </a:extLst>
        </xdr:cNvPr>
        <xdr:cNvSpPr/>
      </xdr:nvSpPr>
      <xdr:spPr>
        <a:xfrm>
          <a:off x="8639175" y="9896475"/>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1750</xdr:rowOff>
    </xdr:from>
    <xdr:to>
      <xdr:col>46</xdr:col>
      <xdr:colOff>38100</xdr:colOff>
      <xdr:row>61</xdr:row>
      <xdr:rowOff>133350</xdr:rowOff>
    </xdr:to>
    <xdr:sp macro="" textlink="">
      <xdr:nvSpPr>
        <xdr:cNvPr id="239" name="フローチャート: 判断 238">
          <a:extLst>
            <a:ext uri="{FF2B5EF4-FFF2-40B4-BE49-F238E27FC236}">
              <a16:creationId xmlns:a16="http://schemas.microsoft.com/office/drawing/2014/main" id="{D6F98171-DE1D-4049-9D3D-894674707BEB}"/>
            </a:ext>
          </a:extLst>
        </xdr:cNvPr>
        <xdr:cNvSpPr/>
      </xdr:nvSpPr>
      <xdr:spPr>
        <a:xfrm>
          <a:off x="7839075" y="9906000"/>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31750</xdr:rowOff>
    </xdr:from>
    <xdr:to>
      <xdr:col>41</xdr:col>
      <xdr:colOff>101600</xdr:colOff>
      <xdr:row>61</xdr:row>
      <xdr:rowOff>133350</xdr:rowOff>
    </xdr:to>
    <xdr:sp macro="" textlink="">
      <xdr:nvSpPr>
        <xdr:cNvPr id="240" name="フローチャート: 判断 239">
          <a:extLst>
            <a:ext uri="{FF2B5EF4-FFF2-40B4-BE49-F238E27FC236}">
              <a16:creationId xmlns:a16="http://schemas.microsoft.com/office/drawing/2014/main" id="{0DBBB64D-8FF0-4A12-ADF3-119E3D53AB87}"/>
            </a:ext>
          </a:extLst>
        </xdr:cNvPr>
        <xdr:cNvSpPr/>
      </xdr:nvSpPr>
      <xdr:spPr>
        <a:xfrm>
          <a:off x="7029450" y="990600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19050</xdr:rowOff>
    </xdr:from>
    <xdr:to>
      <xdr:col>36</xdr:col>
      <xdr:colOff>165100</xdr:colOff>
      <xdr:row>61</xdr:row>
      <xdr:rowOff>120650</xdr:rowOff>
    </xdr:to>
    <xdr:sp macro="" textlink="">
      <xdr:nvSpPr>
        <xdr:cNvPr id="241" name="フローチャート: 判断 240">
          <a:extLst>
            <a:ext uri="{FF2B5EF4-FFF2-40B4-BE49-F238E27FC236}">
              <a16:creationId xmlns:a16="http://schemas.microsoft.com/office/drawing/2014/main" id="{8BF6FA81-C6FB-47DA-A17B-D5C7061A1C80}"/>
            </a:ext>
          </a:extLst>
        </xdr:cNvPr>
        <xdr:cNvSpPr/>
      </xdr:nvSpPr>
      <xdr:spPr>
        <a:xfrm>
          <a:off x="6238875" y="9896475"/>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45A998D9-6AD7-4138-AD37-66B0A4019BEA}"/>
            </a:ext>
          </a:extLst>
        </xdr:cNvPr>
        <xdr:cNvSpPr txBox="1"/>
      </xdr:nvSpPr>
      <xdr:spPr>
        <a:xfrm>
          <a:off x="925830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0A2959C8-5E22-4384-868C-7E9E71C29AF8}"/>
            </a:ext>
          </a:extLst>
        </xdr:cNvPr>
        <xdr:cNvSpPr txBox="1"/>
      </xdr:nvSpPr>
      <xdr:spPr>
        <a:xfrm>
          <a:off x="85153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88F65345-A61E-47EB-946D-CF8E5A5542E3}"/>
            </a:ext>
          </a:extLst>
        </xdr:cNvPr>
        <xdr:cNvSpPr txBox="1"/>
      </xdr:nvSpPr>
      <xdr:spPr>
        <a:xfrm>
          <a:off x="77152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884E6017-8879-413D-A2DE-EC815B95C6C2}"/>
            </a:ext>
          </a:extLst>
        </xdr:cNvPr>
        <xdr:cNvSpPr txBox="1"/>
      </xdr:nvSpPr>
      <xdr:spPr>
        <a:xfrm>
          <a:off x="6905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B56AAC01-B6F3-41EB-A28E-FD9093EAC5B6}"/>
            </a:ext>
          </a:extLst>
        </xdr:cNvPr>
        <xdr:cNvSpPr txBox="1"/>
      </xdr:nvSpPr>
      <xdr:spPr>
        <a:xfrm>
          <a:off x="61150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44450</xdr:rowOff>
    </xdr:from>
    <xdr:to>
      <xdr:col>55</xdr:col>
      <xdr:colOff>50800</xdr:colOff>
      <xdr:row>63</xdr:row>
      <xdr:rowOff>146050</xdr:rowOff>
    </xdr:to>
    <xdr:sp macro="" textlink="">
      <xdr:nvSpPr>
        <xdr:cNvPr id="247" name="楕円 246">
          <a:extLst>
            <a:ext uri="{FF2B5EF4-FFF2-40B4-BE49-F238E27FC236}">
              <a16:creationId xmlns:a16="http://schemas.microsoft.com/office/drawing/2014/main" id="{CD3E7EC7-9F74-4486-9D88-68B1A5313F4B}"/>
            </a:ext>
          </a:extLst>
        </xdr:cNvPr>
        <xdr:cNvSpPr/>
      </xdr:nvSpPr>
      <xdr:spPr>
        <a:xfrm>
          <a:off x="9401175" y="10248900"/>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30827</xdr:rowOff>
    </xdr:from>
    <xdr:ext cx="469744" cy="259045"/>
    <xdr:sp macro="" textlink="">
      <xdr:nvSpPr>
        <xdr:cNvPr id="248" name="【体育館・プール】&#10;一人当たり面積該当値テキスト">
          <a:extLst>
            <a:ext uri="{FF2B5EF4-FFF2-40B4-BE49-F238E27FC236}">
              <a16:creationId xmlns:a16="http://schemas.microsoft.com/office/drawing/2014/main" id="{313AAE3B-D00C-4B49-9B27-E9CF02497851}"/>
            </a:ext>
          </a:extLst>
        </xdr:cNvPr>
        <xdr:cNvSpPr txBox="1"/>
      </xdr:nvSpPr>
      <xdr:spPr>
        <a:xfrm>
          <a:off x="9467850" y="10170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44450</xdr:rowOff>
    </xdr:from>
    <xdr:to>
      <xdr:col>50</xdr:col>
      <xdr:colOff>165100</xdr:colOff>
      <xdr:row>63</xdr:row>
      <xdr:rowOff>146050</xdr:rowOff>
    </xdr:to>
    <xdr:sp macro="" textlink="">
      <xdr:nvSpPr>
        <xdr:cNvPr id="249" name="楕円 248">
          <a:extLst>
            <a:ext uri="{FF2B5EF4-FFF2-40B4-BE49-F238E27FC236}">
              <a16:creationId xmlns:a16="http://schemas.microsoft.com/office/drawing/2014/main" id="{660D6456-8478-456D-81C9-19C155275E04}"/>
            </a:ext>
          </a:extLst>
        </xdr:cNvPr>
        <xdr:cNvSpPr/>
      </xdr:nvSpPr>
      <xdr:spPr>
        <a:xfrm>
          <a:off x="8639175" y="1024890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95250</xdr:rowOff>
    </xdr:from>
    <xdr:to>
      <xdr:col>55</xdr:col>
      <xdr:colOff>0</xdr:colOff>
      <xdr:row>63</xdr:row>
      <xdr:rowOff>95250</xdr:rowOff>
    </xdr:to>
    <xdr:cxnSp macro="">
      <xdr:nvCxnSpPr>
        <xdr:cNvPr id="250" name="直線コネクタ 249">
          <a:extLst>
            <a:ext uri="{FF2B5EF4-FFF2-40B4-BE49-F238E27FC236}">
              <a16:creationId xmlns:a16="http://schemas.microsoft.com/office/drawing/2014/main" id="{8EF694FC-1F84-441E-8131-2272C92A79F8}"/>
            </a:ext>
          </a:extLst>
        </xdr:cNvPr>
        <xdr:cNvCxnSpPr/>
      </xdr:nvCxnSpPr>
      <xdr:spPr>
        <a:xfrm>
          <a:off x="8686800" y="10296525"/>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31750</xdr:rowOff>
    </xdr:from>
    <xdr:to>
      <xdr:col>46</xdr:col>
      <xdr:colOff>38100</xdr:colOff>
      <xdr:row>63</xdr:row>
      <xdr:rowOff>133350</xdr:rowOff>
    </xdr:to>
    <xdr:sp macro="" textlink="">
      <xdr:nvSpPr>
        <xdr:cNvPr id="251" name="楕円 250">
          <a:extLst>
            <a:ext uri="{FF2B5EF4-FFF2-40B4-BE49-F238E27FC236}">
              <a16:creationId xmlns:a16="http://schemas.microsoft.com/office/drawing/2014/main" id="{E2ED3554-8ECE-4A6A-9A3F-A6975DDA4346}"/>
            </a:ext>
          </a:extLst>
        </xdr:cNvPr>
        <xdr:cNvSpPr/>
      </xdr:nvSpPr>
      <xdr:spPr>
        <a:xfrm>
          <a:off x="7839075" y="10229850"/>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82550</xdr:rowOff>
    </xdr:from>
    <xdr:to>
      <xdr:col>50</xdr:col>
      <xdr:colOff>114300</xdr:colOff>
      <xdr:row>63</xdr:row>
      <xdr:rowOff>95250</xdr:rowOff>
    </xdr:to>
    <xdr:cxnSp macro="">
      <xdr:nvCxnSpPr>
        <xdr:cNvPr id="252" name="直線コネクタ 251">
          <a:extLst>
            <a:ext uri="{FF2B5EF4-FFF2-40B4-BE49-F238E27FC236}">
              <a16:creationId xmlns:a16="http://schemas.microsoft.com/office/drawing/2014/main" id="{00492569-9D3B-4110-8EF8-23FE61206C85}"/>
            </a:ext>
          </a:extLst>
        </xdr:cNvPr>
        <xdr:cNvCxnSpPr/>
      </xdr:nvCxnSpPr>
      <xdr:spPr>
        <a:xfrm>
          <a:off x="7886700" y="10287000"/>
          <a:ext cx="8001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31750</xdr:rowOff>
    </xdr:from>
    <xdr:to>
      <xdr:col>41</xdr:col>
      <xdr:colOff>101600</xdr:colOff>
      <xdr:row>63</xdr:row>
      <xdr:rowOff>133350</xdr:rowOff>
    </xdr:to>
    <xdr:sp macro="" textlink="">
      <xdr:nvSpPr>
        <xdr:cNvPr id="253" name="楕円 252">
          <a:extLst>
            <a:ext uri="{FF2B5EF4-FFF2-40B4-BE49-F238E27FC236}">
              <a16:creationId xmlns:a16="http://schemas.microsoft.com/office/drawing/2014/main" id="{292D66DF-CE1E-46B8-B179-7D12F138CFE4}"/>
            </a:ext>
          </a:extLst>
        </xdr:cNvPr>
        <xdr:cNvSpPr/>
      </xdr:nvSpPr>
      <xdr:spPr>
        <a:xfrm>
          <a:off x="7029450" y="1022985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82550</xdr:rowOff>
    </xdr:from>
    <xdr:to>
      <xdr:col>45</xdr:col>
      <xdr:colOff>177800</xdr:colOff>
      <xdr:row>63</xdr:row>
      <xdr:rowOff>82550</xdr:rowOff>
    </xdr:to>
    <xdr:cxnSp macro="">
      <xdr:nvCxnSpPr>
        <xdr:cNvPr id="254" name="直線コネクタ 253">
          <a:extLst>
            <a:ext uri="{FF2B5EF4-FFF2-40B4-BE49-F238E27FC236}">
              <a16:creationId xmlns:a16="http://schemas.microsoft.com/office/drawing/2014/main" id="{2263BA4A-B87D-4973-B16D-9DCDC36E28CA}"/>
            </a:ext>
          </a:extLst>
        </xdr:cNvPr>
        <xdr:cNvCxnSpPr/>
      </xdr:nvCxnSpPr>
      <xdr:spPr>
        <a:xfrm>
          <a:off x="7077075" y="10287000"/>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31750</xdr:rowOff>
    </xdr:from>
    <xdr:to>
      <xdr:col>36</xdr:col>
      <xdr:colOff>165100</xdr:colOff>
      <xdr:row>63</xdr:row>
      <xdr:rowOff>133350</xdr:rowOff>
    </xdr:to>
    <xdr:sp macro="" textlink="">
      <xdr:nvSpPr>
        <xdr:cNvPr id="255" name="楕円 254">
          <a:extLst>
            <a:ext uri="{FF2B5EF4-FFF2-40B4-BE49-F238E27FC236}">
              <a16:creationId xmlns:a16="http://schemas.microsoft.com/office/drawing/2014/main" id="{3E3E85F0-BA08-427C-9EE1-48F3EF935EC7}"/>
            </a:ext>
          </a:extLst>
        </xdr:cNvPr>
        <xdr:cNvSpPr/>
      </xdr:nvSpPr>
      <xdr:spPr>
        <a:xfrm>
          <a:off x="6238875" y="10229850"/>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82550</xdr:rowOff>
    </xdr:from>
    <xdr:to>
      <xdr:col>41</xdr:col>
      <xdr:colOff>50800</xdr:colOff>
      <xdr:row>63</xdr:row>
      <xdr:rowOff>82550</xdr:rowOff>
    </xdr:to>
    <xdr:cxnSp macro="">
      <xdr:nvCxnSpPr>
        <xdr:cNvPr id="256" name="直線コネクタ 255">
          <a:extLst>
            <a:ext uri="{FF2B5EF4-FFF2-40B4-BE49-F238E27FC236}">
              <a16:creationId xmlns:a16="http://schemas.microsoft.com/office/drawing/2014/main" id="{0E4A1971-6AF9-4BF0-A276-61368BCCFE9A}"/>
            </a:ext>
          </a:extLst>
        </xdr:cNvPr>
        <xdr:cNvCxnSpPr/>
      </xdr:nvCxnSpPr>
      <xdr:spPr>
        <a:xfrm>
          <a:off x="6286500" y="10287000"/>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37177</xdr:rowOff>
    </xdr:from>
    <xdr:ext cx="469744" cy="259045"/>
    <xdr:sp macro="" textlink="">
      <xdr:nvSpPr>
        <xdr:cNvPr id="257" name="n_1aveValue【体育館・プール】&#10;一人当たり面積">
          <a:extLst>
            <a:ext uri="{FF2B5EF4-FFF2-40B4-BE49-F238E27FC236}">
              <a16:creationId xmlns:a16="http://schemas.microsoft.com/office/drawing/2014/main" id="{857487BB-D369-4CE5-9B96-E2BE2939E925}"/>
            </a:ext>
          </a:extLst>
        </xdr:cNvPr>
        <xdr:cNvSpPr txBox="1"/>
      </xdr:nvSpPr>
      <xdr:spPr>
        <a:xfrm>
          <a:off x="8458277" y="9693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49877</xdr:rowOff>
    </xdr:from>
    <xdr:ext cx="469744" cy="259045"/>
    <xdr:sp macro="" textlink="">
      <xdr:nvSpPr>
        <xdr:cNvPr id="258" name="n_2aveValue【体育館・プール】&#10;一人当たり面積">
          <a:extLst>
            <a:ext uri="{FF2B5EF4-FFF2-40B4-BE49-F238E27FC236}">
              <a16:creationId xmlns:a16="http://schemas.microsoft.com/office/drawing/2014/main" id="{280D2C1C-4138-46DB-896D-7EE0D65E89F6}"/>
            </a:ext>
          </a:extLst>
        </xdr:cNvPr>
        <xdr:cNvSpPr txBox="1"/>
      </xdr:nvSpPr>
      <xdr:spPr>
        <a:xfrm>
          <a:off x="7677227" y="9703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49877</xdr:rowOff>
    </xdr:from>
    <xdr:ext cx="469744" cy="259045"/>
    <xdr:sp macro="" textlink="">
      <xdr:nvSpPr>
        <xdr:cNvPr id="259" name="n_3aveValue【体育館・プール】&#10;一人当たり面積">
          <a:extLst>
            <a:ext uri="{FF2B5EF4-FFF2-40B4-BE49-F238E27FC236}">
              <a16:creationId xmlns:a16="http://schemas.microsoft.com/office/drawing/2014/main" id="{A9CD630D-63EF-4717-8C8A-49C2DCF14556}"/>
            </a:ext>
          </a:extLst>
        </xdr:cNvPr>
        <xdr:cNvSpPr txBox="1"/>
      </xdr:nvSpPr>
      <xdr:spPr>
        <a:xfrm>
          <a:off x="6867602" y="9703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37177</xdr:rowOff>
    </xdr:from>
    <xdr:ext cx="469744" cy="259045"/>
    <xdr:sp macro="" textlink="">
      <xdr:nvSpPr>
        <xdr:cNvPr id="260" name="n_4aveValue【体育館・プール】&#10;一人当たり面積">
          <a:extLst>
            <a:ext uri="{FF2B5EF4-FFF2-40B4-BE49-F238E27FC236}">
              <a16:creationId xmlns:a16="http://schemas.microsoft.com/office/drawing/2014/main" id="{2DBAEB12-DE8F-433F-9AD2-E75A63663FA8}"/>
            </a:ext>
          </a:extLst>
        </xdr:cNvPr>
        <xdr:cNvSpPr txBox="1"/>
      </xdr:nvSpPr>
      <xdr:spPr>
        <a:xfrm>
          <a:off x="6067502" y="9693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37177</xdr:rowOff>
    </xdr:from>
    <xdr:ext cx="469744" cy="259045"/>
    <xdr:sp macro="" textlink="">
      <xdr:nvSpPr>
        <xdr:cNvPr id="261" name="n_1mainValue【体育館・プール】&#10;一人当たり面積">
          <a:extLst>
            <a:ext uri="{FF2B5EF4-FFF2-40B4-BE49-F238E27FC236}">
              <a16:creationId xmlns:a16="http://schemas.microsoft.com/office/drawing/2014/main" id="{B2FBD8E2-E95D-4AC5-AAB5-A045330A1429}"/>
            </a:ext>
          </a:extLst>
        </xdr:cNvPr>
        <xdr:cNvSpPr txBox="1"/>
      </xdr:nvSpPr>
      <xdr:spPr>
        <a:xfrm>
          <a:off x="8458277" y="1034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24477</xdr:rowOff>
    </xdr:from>
    <xdr:ext cx="469744" cy="259045"/>
    <xdr:sp macro="" textlink="">
      <xdr:nvSpPr>
        <xdr:cNvPr id="262" name="n_2mainValue【体育館・プール】&#10;一人当たり面積">
          <a:extLst>
            <a:ext uri="{FF2B5EF4-FFF2-40B4-BE49-F238E27FC236}">
              <a16:creationId xmlns:a16="http://schemas.microsoft.com/office/drawing/2014/main" id="{F663E934-064A-4749-AF44-D5DC689EE290}"/>
            </a:ext>
          </a:extLst>
        </xdr:cNvPr>
        <xdr:cNvSpPr txBox="1"/>
      </xdr:nvSpPr>
      <xdr:spPr>
        <a:xfrm>
          <a:off x="7677227" y="10322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124477</xdr:rowOff>
    </xdr:from>
    <xdr:ext cx="469744" cy="259045"/>
    <xdr:sp macro="" textlink="">
      <xdr:nvSpPr>
        <xdr:cNvPr id="263" name="n_3mainValue【体育館・プール】&#10;一人当たり面積">
          <a:extLst>
            <a:ext uri="{FF2B5EF4-FFF2-40B4-BE49-F238E27FC236}">
              <a16:creationId xmlns:a16="http://schemas.microsoft.com/office/drawing/2014/main" id="{E26FD0C4-B32B-4BB2-9EF4-7012BD4C0D52}"/>
            </a:ext>
          </a:extLst>
        </xdr:cNvPr>
        <xdr:cNvSpPr txBox="1"/>
      </xdr:nvSpPr>
      <xdr:spPr>
        <a:xfrm>
          <a:off x="6867602" y="10322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24477</xdr:rowOff>
    </xdr:from>
    <xdr:ext cx="469744" cy="259045"/>
    <xdr:sp macro="" textlink="">
      <xdr:nvSpPr>
        <xdr:cNvPr id="264" name="n_4mainValue【体育館・プール】&#10;一人当たり面積">
          <a:extLst>
            <a:ext uri="{FF2B5EF4-FFF2-40B4-BE49-F238E27FC236}">
              <a16:creationId xmlns:a16="http://schemas.microsoft.com/office/drawing/2014/main" id="{06CDE560-A46D-440E-B43E-FE47C18EFF3F}"/>
            </a:ext>
          </a:extLst>
        </xdr:cNvPr>
        <xdr:cNvSpPr txBox="1"/>
      </xdr:nvSpPr>
      <xdr:spPr>
        <a:xfrm>
          <a:off x="6067502" y="10322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66DFEF6C-DB56-4C11-BCF2-850403295343}"/>
            </a:ext>
          </a:extLst>
        </xdr:cNvPr>
        <xdr:cNvSpPr/>
      </xdr:nvSpPr>
      <xdr:spPr>
        <a:xfrm>
          <a:off x="685800" y="111633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EB97AB4A-849F-4085-B3BD-C49AFD93D6C6}"/>
            </a:ext>
          </a:extLst>
        </xdr:cNvPr>
        <xdr:cNvSpPr/>
      </xdr:nvSpPr>
      <xdr:spPr>
        <a:xfrm>
          <a:off x="8096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9CCCFFD0-48EA-466F-BB7E-0DA1193F85B2}"/>
            </a:ext>
          </a:extLst>
        </xdr:cNvPr>
        <xdr:cNvSpPr/>
      </xdr:nvSpPr>
      <xdr:spPr>
        <a:xfrm>
          <a:off x="8096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620DCF99-4364-462F-8273-4843B20C1EC1}"/>
            </a:ext>
          </a:extLst>
        </xdr:cNvPr>
        <xdr:cNvSpPr/>
      </xdr:nvSpPr>
      <xdr:spPr>
        <a:xfrm>
          <a:off x="17145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70CCB016-AD32-4CEA-ABE6-D6C15B434561}"/>
            </a:ext>
          </a:extLst>
        </xdr:cNvPr>
        <xdr:cNvSpPr/>
      </xdr:nvSpPr>
      <xdr:spPr>
        <a:xfrm>
          <a:off x="17145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C1954C9C-E893-46FA-9F68-F0664EBC6CFA}"/>
            </a:ext>
          </a:extLst>
        </xdr:cNvPr>
        <xdr:cNvSpPr/>
      </xdr:nvSpPr>
      <xdr:spPr>
        <a:xfrm>
          <a:off x="27432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1B78E098-8492-4B4B-873D-723CBA825603}"/>
            </a:ext>
          </a:extLst>
        </xdr:cNvPr>
        <xdr:cNvSpPr/>
      </xdr:nvSpPr>
      <xdr:spPr>
        <a:xfrm>
          <a:off x="27432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CEABC9CD-FBEA-4A7E-B20E-A5283CE76324}"/>
            </a:ext>
          </a:extLst>
        </xdr:cNvPr>
        <xdr:cNvSpPr/>
      </xdr:nvSpPr>
      <xdr:spPr>
        <a:xfrm>
          <a:off x="685800" y="122396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a:extLst>
            <a:ext uri="{FF2B5EF4-FFF2-40B4-BE49-F238E27FC236}">
              <a16:creationId xmlns:a16="http://schemas.microsoft.com/office/drawing/2014/main" id="{E28F6074-143E-4F9A-B041-B5309CED6590}"/>
            </a:ext>
          </a:extLst>
        </xdr:cNvPr>
        <xdr:cNvSpPr txBox="1"/>
      </xdr:nvSpPr>
      <xdr:spPr>
        <a:xfrm>
          <a:off x="666750" y="12058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a:extLst>
            <a:ext uri="{FF2B5EF4-FFF2-40B4-BE49-F238E27FC236}">
              <a16:creationId xmlns:a16="http://schemas.microsoft.com/office/drawing/2014/main" id="{143A9541-A0C6-4F34-BECC-CC6E683DD158}"/>
            </a:ext>
          </a:extLst>
        </xdr:cNvPr>
        <xdr:cNvCxnSpPr/>
      </xdr:nvCxnSpPr>
      <xdr:spPr>
        <a:xfrm>
          <a:off x="685800" y="1440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5" name="テキスト ボックス 274">
          <a:extLst>
            <a:ext uri="{FF2B5EF4-FFF2-40B4-BE49-F238E27FC236}">
              <a16:creationId xmlns:a16="http://schemas.microsoft.com/office/drawing/2014/main" id="{A5CD04FF-8399-4E1F-8721-39DCBFBD1BD9}"/>
            </a:ext>
          </a:extLst>
        </xdr:cNvPr>
        <xdr:cNvSpPr txBox="1"/>
      </xdr:nvSpPr>
      <xdr:spPr>
        <a:xfrm>
          <a:off x="339891" y="142564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6" name="直線コネクタ 275">
          <a:extLst>
            <a:ext uri="{FF2B5EF4-FFF2-40B4-BE49-F238E27FC236}">
              <a16:creationId xmlns:a16="http://schemas.microsoft.com/office/drawing/2014/main" id="{2068DB24-8CE8-422E-B65B-B7C86456058B}"/>
            </a:ext>
          </a:extLst>
        </xdr:cNvPr>
        <xdr:cNvCxnSpPr/>
      </xdr:nvCxnSpPr>
      <xdr:spPr>
        <a:xfrm>
          <a:off x="685800" y="140398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7" name="テキスト ボックス 276">
          <a:extLst>
            <a:ext uri="{FF2B5EF4-FFF2-40B4-BE49-F238E27FC236}">
              <a16:creationId xmlns:a16="http://schemas.microsoft.com/office/drawing/2014/main" id="{5E10EE79-8808-4526-A970-C7B835E92124}"/>
            </a:ext>
          </a:extLst>
        </xdr:cNvPr>
        <xdr:cNvSpPr txBox="1"/>
      </xdr:nvSpPr>
      <xdr:spPr>
        <a:xfrm>
          <a:off x="339891" y="13903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8" name="直線コネクタ 277">
          <a:extLst>
            <a:ext uri="{FF2B5EF4-FFF2-40B4-BE49-F238E27FC236}">
              <a16:creationId xmlns:a16="http://schemas.microsoft.com/office/drawing/2014/main" id="{89AB67B3-D7B8-4870-94A0-7C8B2AD1660E}"/>
            </a:ext>
          </a:extLst>
        </xdr:cNvPr>
        <xdr:cNvCxnSpPr/>
      </xdr:nvCxnSpPr>
      <xdr:spPr>
        <a:xfrm>
          <a:off x="685800" y="13677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9" name="テキスト ボックス 278">
          <a:extLst>
            <a:ext uri="{FF2B5EF4-FFF2-40B4-BE49-F238E27FC236}">
              <a16:creationId xmlns:a16="http://schemas.microsoft.com/office/drawing/2014/main" id="{C3E39D12-445D-4E32-A86E-DDE50B587330}"/>
            </a:ext>
          </a:extLst>
        </xdr:cNvPr>
        <xdr:cNvSpPr txBox="1"/>
      </xdr:nvSpPr>
      <xdr:spPr>
        <a:xfrm>
          <a:off x="339891" y="1354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0" name="直線コネクタ 279">
          <a:extLst>
            <a:ext uri="{FF2B5EF4-FFF2-40B4-BE49-F238E27FC236}">
              <a16:creationId xmlns:a16="http://schemas.microsoft.com/office/drawing/2014/main" id="{FA087B36-25AC-4B85-A5D8-0259A9CE44BB}"/>
            </a:ext>
          </a:extLst>
        </xdr:cNvPr>
        <xdr:cNvCxnSpPr/>
      </xdr:nvCxnSpPr>
      <xdr:spPr>
        <a:xfrm>
          <a:off x="685800" y="13315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1" name="テキスト ボックス 280">
          <a:extLst>
            <a:ext uri="{FF2B5EF4-FFF2-40B4-BE49-F238E27FC236}">
              <a16:creationId xmlns:a16="http://schemas.microsoft.com/office/drawing/2014/main" id="{DDB1FE61-FC2B-4C3C-B670-AB5ED263B479}"/>
            </a:ext>
          </a:extLst>
        </xdr:cNvPr>
        <xdr:cNvSpPr txBox="1"/>
      </xdr:nvSpPr>
      <xdr:spPr>
        <a:xfrm>
          <a:off x="339891" y="13180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2" name="直線コネクタ 281">
          <a:extLst>
            <a:ext uri="{FF2B5EF4-FFF2-40B4-BE49-F238E27FC236}">
              <a16:creationId xmlns:a16="http://schemas.microsoft.com/office/drawing/2014/main" id="{A9835F4E-4AEE-4519-A6F0-E92C747B17C4}"/>
            </a:ext>
          </a:extLst>
        </xdr:cNvPr>
        <xdr:cNvCxnSpPr/>
      </xdr:nvCxnSpPr>
      <xdr:spPr>
        <a:xfrm>
          <a:off x="685800" y="12954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3" name="テキスト ボックス 282">
          <a:extLst>
            <a:ext uri="{FF2B5EF4-FFF2-40B4-BE49-F238E27FC236}">
              <a16:creationId xmlns:a16="http://schemas.microsoft.com/office/drawing/2014/main" id="{25EAFCB7-791E-4189-A5A7-5E2AFC1E2849}"/>
            </a:ext>
          </a:extLst>
        </xdr:cNvPr>
        <xdr:cNvSpPr txBox="1"/>
      </xdr:nvSpPr>
      <xdr:spPr>
        <a:xfrm>
          <a:off x="339891" y="12818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4" name="直線コネクタ 283">
          <a:extLst>
            <a:ext uri="{FF2B5EF4-FFF2-40B4-BE49-F238E27FC236}">
              <a16:creationId xmlns:a16="http://schemas.microsoft.com/office/drawing/2014/main" id="{F311FE8E-4384-4EFA-8222-8AC7BA03F41A}"/>
            </a:ext>
          </a:extLst>
        </xdr:cNvPr>
        <xdr:cNvCxnSpPr/>
      </xdr:nvCxnSpPr>
      <xdr:spPr>
        <a:xfrm>
          <a:off x="685800" y="126015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5" name="テキスト ボックス 284">
          <a:extLst>
            <a:ext uri="{FF2B5EF4-FFF2-40B4-BE49-F238E27FC236}">
              <a16:creationId xmlns:a16="http://schemas.microsoft.com/office/drawing/2014/main" id="{3B043F1B-4237-4041-B8AE-A72A0AFCCB2F}"/>
            </a:ext>
          </a:extLst>
        </xdr:cNvPr>
        <xdr:cNvSpPr txBox="1"/>
      </xdr:nvSpPr>
      <xdr:spPr>
        <a:xfrm>
          <a:off x="339891" y="124657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a16="http://schemas.microsoft.com/office/drawing/2014/main" id="{920DF4B6-47E0-43F5-975A-1722F8697073}"/>
            </a:ext>
          </a:extLst>
        </xdr:cNvPr>
        <xdr:cNvCxnSpPr/>
      </xdr:nvCxnSpPr>
      <xdr:spPr>
        <a:xfrm>
          <a:off x="685800" y="122396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7" name="テキスト ボックス 286">
          <a:extLst>
            <a:ext uri="{FF2B5EF4-FFF2-40B4-BE49-F238E27FC236}">
              <a16:creationId xmlns:a16="http://schemas.microsoft.com/office/drawing/2014/main" id="{AA4C25D0-5C10-4032-A82A-93EC22053960}"/>
            </a:ext>
          </a:extLst>
        </xdr:cNvPr>
        <xdr:cNvSpPr txBox="1"/>
      </xdr:nvSpPr>
      <xdr:spPr>
        <a:xfrm>
          <a:off x="339891" y="121037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8" name="【福祉施設】&#10;有形固定資産減価償却率グラフ枠">
          <a:extLst>
            <a:ext uri="{FF2B5EF4-FFF2-40B4-BE49-F238E27FC236}">
              <a16:creationId xmlns:a16="http://schemas.microsoft.com/office/drawing/2014/main" id="{808C7393-6F6D-4EAB-8CFA-8578DD9AECC7}"/>
            </a:ext>
          </a:extLst>
        </xdr:cNvPr>
        <xdr:cNvSpPr/>
      </xdr:nvSpPr>
      <xdr:spPr>
        <a:xfrm>
          <a:off x="685800" y="122396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19050</xdr:rowOff>
    </xdr:from>
    <xdr:to>
      <xdr:col>24</xdr:col>
      <xdr:colOff>62865</xdr:colOff>
      <xdr:row>87</xdr:row>
      <xdr:rowOff>22861</xdr:rowOff>
    </xdr:to>
    <xdr:cxnSp macro="">
      <xdr:nvCxnSpPr>
        <xdr:cNvPr id="289" name="直線コネクタ 288">
          <a:extLst>
            <a:ext uri="{FF2B5EF4-FFF2-40B4-BE49-F238E27FC236}">
              <a16:creationId xmlns:a16="http://schemas.microsoft.com/office/drawing/2014/main" id="{2E6CB53B-9F8A-4FFA-8244-66E31358A3AE}"/>
            </a:ext>
          </a:extLst>
        </xdr:cNvPr>
        <xdr:cNvCxnSpPr/>
      </xdr:nvCxnSpPr>
      <xdr:spPr>
        <a:xfrm flipV="1">
          <a:off x="4180840" y="12811125"/>
          <a:ext cx="0" cy="13023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26688</xdr:rowOff>
    </xdr:from>
    <xdr:ext cx="405111" cy="259045"/>
    <xdr:sp macro="" textlink="">
      <xdr:nvSpPr>
        <xdr:cNvPr id="290" name="【福祉施設】&#10;有形固定資産減価償却率最小値テキスト">
          <a:extLst>
            <a:ext uri="{FF2B5EF4-FFF2-40B4-BE49-F238E27FC236}">
              <a16:creationId xmlns:a16="http://schemas.microsoft.com/office/drawing/2014/main" id="{DE70B90E-104A-41C2-A24E-DAF22C476902}"/>
            </a:ext>
          </a:extLst>
        </xdr:cNvPr>
        <xdr:cNvSpPr txBox="1"/>
      </xdr:nvSpPr>
      <xdr:spPr>
        <a:xfrm>
          <a:off x="4219575" y="14117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22861</xdr:rowOff>
    </xdr:from>
    <xdr:to>
      <xdr:col>24</xdr:col>
      <xdr:colOff>152400</xdr:colOff>
      <xdr:row>87</xdr:row>
      <xdr:rowOff>22861</xdr:rowOff>
    </xdr:to>
    <xdr:cxnSp macro="">
      <xdr:nvCxnSpPr>
        <xdr:cNvPr id="291" name="直線コネクタ 290">
          <a:extLst>
            <a:ext uri="{FF2B5EF4-FFF2-40B4-BE49-F238E27FC236}">
              <a16:creationId xmlns:a16="http://schemas.microsoft.com/office/drawing/2014/main" id="{ECA105FD-52E6-4C36-8092-617E2DF53433}"/>
            </a:ext>
          </a:extLst>
        </xdr:cNvPr>
        <xdr:cNvCxnSpPr/>
      </xdr:nvCxnSpPr>
      <xdr:spPr>
        <a:xfrm>
          <a:off x="4105275" y="14113511"/>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37177</xdr:rowOff>
    </xdr:from>
    <xdr:ext cx="405111" cy="259045"/>
    <xdr:sp macro="" textlink="">
      <xdr:nvSpPr>
        <xdr:cNvPr id="292" name="【福祉施設】&#10;有形固定資産減価償却率最大値テキスト">
          <a:extLst>
            <a:ext uri="{FF2B5EF4-FFF2-40B4-BE49-F238E27FC236}">
              <a16:creationId xmlns:a16="http://schemas.microsoft.com/office/drawing/2014/main" id="{46C1A712-8B8B-411A-AF55-EB634092ADAB}"/>
            </a:ext>
          </a:extLst>
        </xdr:cNvPr>
        <xdr:cNvSpPr txBox="1"/>
      </xdr:nvSpPr>
      <xdr:spPr>
        <a:xfrm>
          <a:off x="4219575" y="1260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9050</xdr:rowOff>
    </xdr:from>
    <xdr:to>
      <xdr:col>24</xdr:col>
      <xdr:colOff>152400</xdr:colOff>
      <xdr:row>79</xdr:row>
      <xdr:rowOff>19050</xdr:rowOff>
    </xdr:to>
    <xdr:cxnSp macro="">
      <xdr:nvCxnSpPr>
        <xdr:cNvPr id="293" name="直線コネクタ 292">
          <a:extLst>
            <a:ext uri="{FF2B5EF4-FFF2-40B4-BE49-F238E27FC236}">
              <a16:creationId xmlns:a16="http://schemas.microsoft.com/office/drawing/2014/main" id="{08CBABAD-FE7F-4093-85A2-38D3BD414390}"/>
            </a:ext>
          </a:extLst>
        </xdr:cNvPr>
        <xdr:cNvCxnSpPr/>
      </xdr:nvCxnSpPr>
      <xdr:spPr>
        <a:xfrm>
          <a:off x="4105275" y="1281112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40988</xdr:rowOff>
    </xdr:from>
    <xdr:ext cx="405111" cy="259045"/>
    <xdr:sp macro="" textlink="">
      <xdr:nvSpPr>
        <xdr:cNvPr id="294" name="【福祉施設】&#10;有形固定資産減価償却率平均値テキスト">
          <a:extLst>
            <a:ext uri="{FF2B5EF4-FFF2-40B4-BE49-F238E27FC236}">
              <a16:creationId xmlns:a16="http://schemas.microsoft.com/office/drawing/2014/main" id="{19040FCD-3475-422F-B0A0-9FA77220555A}"/>
            </a:ext>
          </a:extLst>
        </xdr:cNvPr>
        <xdr:cNvSpPr txBox="1"/>
      </xdr:nvSpPr>
      <xdr:spPr>
        <a:xfrm>
          <a:off x="4219575" y="134220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2561</xdr:rowOff>
    </xdr:from>
    <xdr:to>
      <xdr:col>24</xdr:col>
      <xdr:colOff>114300</xdr:colOff>
      <xdr:row>83</xdr:row>
      <xdr:rowOff>92711</xdr:rowOff>
    </xdr:to>
    <xdr:sp macro="" textlink="">
      <xdr:nvSpPr>
        <xdr:cNvPr id="295" name="フローチャート: 判断 294">
          <a:extLst>
            <a:ext uri="{FF2B5EF4-FFF2-40B4-BE49-F238E27FC236}">
              <a16:creationId xmlns:a16="http://schemas.microsoft.com/office/drawing/2014/main" id="{653302E6-A7F8-4048-BBA1-4A56B7EFE35A}"/>
            </a:ext>
          </a:extLst>
        </xdr:cNvPr>
        <xdr:cNvSpPr/>
      </xdr:nvSpPr>
      <xdr:spPr>
        <a:xfrm>
          <a:off x="4124325" y="13437236"/>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4461</xdr:rowOff>
    </xdr:from>
    <xdr:to>
      <xdr:col>20</xdr:col>
      <xdr:colOff>38100</xdr:colOff>
      <xdr:row>83</xdr:row>
      <xdr:rowOff>54611</xdr:rowOff>
    </xdr:to>
    <xdr:sp macro="" textlink="">
      <xdr:nvSpPr>
        <xdr:cNvPr id="296" name="フローチャート: 判断 295">
          <a:extLst>
            <a:ext uri="{FF2B5EF4-FFF2-40B4-BE49-F238E27FC236}">
              <a16:creationId xmlns:a16="http://schemas.microsoft.com/office/drawing/2014/main" id="{67B15662-14FC-4E92-8AE6-BA6DD87C8603}"/>
            </a:ext>
          </a:extLst>
        </xdr:cNvPr>
        <xdr:cNvSpPr/>
      </xdr:nvSpPr>
      <xdr:spPr>
        <a:xfrm>
          <a:off x="3381375" y="13399136"/>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59689</xdr:rowOff>
    </xdr:from>
    <xdr:to>
      <xdr:col>15</xdr:col>
      <xdr:colOff>101600</xdr:colOff>
      <xdr:row>82</xdr:row>
      <xdr:rowOff>161289</xdr:rowOff>
    </xdr:to>
    <xdr:sp macro="" textlink="">
      <xdr:nvSpPr>
        <xdr:cNvPr id="297" name="フローチャート: 判断 296">
          <a:extLst>
            <a:ext uri="{FF2B5EF4-FFF2-40B4-BE49-F238E27FC236}">
              <a16:creationId xmlns:a16="http://schemas.microsoft.com/office/drawing/2014/main" id="{338B9B14-4856-4105-8052-ACFC109D49C1}"/>
            </a:ext>
          </a:extLst>
        </xdr:cNvPr>
        <xdr:cNvSpPr/>
      </xdr:nvSpPr>
      <xdr:spPr>
        <a:xfrm>
          <a:off x="2571750" y="13337539"/>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1589</xdr:rowOff>
    </xdr:from>
    <xdr:to>
      <xdr:col>10</xdr:col>
      <xdr:colOff>165100</xdr:colOff>
      <xdr:row>82</xdr:row>
      <xdr:rowOff>123189</xdr:rowOff>
    </xdr:to>
    <xdr:sp macro="" textlink="">
      <xdr:nvSpPr>
        <xdr:cNvPr id="298" name="フローチャート: 判断 297">
          <a:extLst>
            <a:ext uri="{FF2B5EF4-FFF2-40B4-BE49-F238E27FC236}">
              <a16:creationId xmlns:a16="http://schemas.microsoft.com/office/drawing/2014/main" id="{83E958C3-F86B-401D-9B94-A2002ABC52DC}"/>
            </a:ext>
          </a:extLst>
        </xdr:cNvPr>
        <xdr:cNvSpPr/>
      </xdr:nvSpPr>
      <xdr:spPr>
        <a:xfrm>
          <a:off x="1781175" y="13299439"/>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62561</xdr:rowOff>
    </xdr:from>
    <xdr:to>
      <xdr:col>6</xdr:col>
      <xdr:colOff>38100</xdr:colOff>
      <xdr:row>82</xdr:row>
      <xdr:rowOff>92711</xdr:rowOff>
    </xdr:to>
    <xdr:sp macro="" textlink="">
      <xdr:nvSpPr>
        <xdr:cNvPr id="299" name="フローチャート: 判断 298">
          <a:extLst>
            <a:ext uri="{FF2B5EF4-FFF2-40B4-BE49-F238E27FC236}">
              <a16:creationId xmlns:a16="http://schemas.microsoft.com/office/drawing/2014/main" id="{9675E854-B0CC-444A-A065-8869F6628ADB}"/>
            </a:ext>
          </a:extLst>
        </xdr:cNvPr>
        <xdr:cNvSpPr/>
      </xdr:nvSpPr>
      <xdr:spPr>
        <a:xfrm>
          <a:off x="981075" y="1327531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3EEFFDCF-86D6-45C1-A11A-1E493029F67B}"/>
            </a:ext>
          </a:extLst>
        </xdr:cNvPr>
        <xdr:cNvSpPr txBox="1"/>
      </xdr:nvSpPr>
      <xdr:spPr>
        <a:xfrm>
          <a:off x="40100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3FD3704F-1547-47AA-B31F-18A2C47F238C}"/>
            </a:ext>
          </a:extLst>
        </xdr:cNvPr>
        <xdr:cNvSpPr txBox="1"/>
      </xdr:nvSpPr>
      <xdr:spPr>
        <a:xfrm>
          <a:off x="32575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E2C62CA7-BE61-4B93-89A2-06E822D421FD}"/>
            </a:ext>
          </a:extLst>
        </xdr:cNvPr>
        <xdr:cNvSpPr txBox="1"/>
      </xdr:nvSpPr>
      <xdr:spPr>
        <a:xfrm>
          <a:off x="24479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2DB1A89D-E8F5-4429-B903-395AB154C2D7}"/>
            </a:ext>
          </a:extLst>
        </xdr:cNvPr>
        <xdr:cNvSpPr txBox="1"/>
      </xdr:nvSpPr>
      <xdr:spPr>
        <a:xfrm>
          <a:off x="16573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8180A21A-54C2-4A90-B1BF-B42CF45ED34A}"/>
            </a:ext>
          </a:extLst>
        </xdr:cNvPr>
        <xdr:cNvSpPr txBox="1"/>
      </xdr:nvSpPr>
      <xdr:spPr>
        <a:xfrm>
          <a:off x="8572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8750</xdr:rowOff>
    </xdr:from>
    <xdr:to>
      <xdr:col>24</xdr:col>
      <xdr:colOff>114300</xdr:colOff>
      <xdr:row>83</xdr:row>
      <xdr:rowOff>88900</xdr:rowOff>
    </xdr:to>
    <xdr:sp macro="" textlink="">
      <xdr:nvSpPr>
        <xdr:cNvPr id="305" name="楕円 304">
          <a:extLst>
            <a:ext uri="{FF2B5EF4-FFF2-40B4-BE49-F238E27FC236}">
              <a16:creationId xmlns:a16="http://schemas.microsoft.com/office/drawing/2014/main" id="{2CEF4BA5-436E-43D4-9221-963299F8918C}"/>
            </a:ext>
          </a:extLst>
        </xdr:cNvPr>
        <xdr:cNvSpPr/>
      </xdr:nvSpPr>
      <xdr:spPr>
        <a:xfrm>
          <a:off x="4124325" y="13439775"/>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0177</xdr:rowOff>
    </xdr:from>
    <xdr:ext cx="405111" cy="259045"/>
    <xdr:sp macro="" textlink="">
      <xdr:nvSpPr>
        <xdr:cNvPr id="306" name="【福祉施設】&#10;有形固定資産減価償却率該当値テキスト">
          <a:extLst>
            <a:ext uri="{FF2B5EF4-FFF2-40B4-BE49-F238E27FC236}">
              <a16:creationId xmlns:a16="http://schemas.microsoft.com/office/drawing/2014/main" id="{EFA00E9A-C923-4222-A768-E654E42E2C26}"/>
            </a:ext>
          </a:extLst>
        </xdr:cNvPr>
        <xdr:cNvSpPr txBox="1"/>
      </xdr:nvSpPr>
      <xdr:spPr>
        <a:xfrm>
          <a:off x="4219575" y="13284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78739</xdr:rowOff>
    </xdr:from>
    <xdr:to>
      <xdr:col>20</xdr:col>
      <xdr:colOff>38100</xdr:colOff>
      <xdr:row>83</xdr:row>
      <xdr:rowOff>8889</xdr:rowOff>
    </xdr:to>
    <xdr:sp macro="" textlink="">
      <xdr:nvSpPr>
        <xdr:cNvPr id="307" name="楕円 306">
          <a:extLst>
            <a:ext uri="{FF2B5EF4-FFF2-40B4-BE49-F238E27FC236}">
              <a16:creationId xmlns:a16="http://schemas.microsoft.com/office/drawing/2014/main" id="{31B10605-9C3E-475E-85DF-44416ADBFA05}"/>
            </a:ext>
          </a:extLst>
        </xdr:cNvPr>
        <xdr:cNvSpPr/>
      </xdr:nvSpPr>
      <xdr:spPr>
        <a:xfrm>
          <a:off x="3381375" y="1335658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29539</xdr:rowOff>
    </xdr:from>
    <xdr:to>
      <xdr:col>24</xdr:col>
      <xdr:colOff>63500</xdr:colOff>
      <xdr:row>83</xdr:row>
      <xdr:rowOff>38100</xdr:rowOff>
    </xdr:to>
    <xdr:cxnSp macro="">
      <xdr:nvCxnSpPr>
        <xdr:cNvPr id="308" name="直線コネクタ 307">
          <a:extLst>
            <a:ext uri="{FF2B5EF4-FFF2-40B4-BE49-F238E27FC236}">
              <a16:creationId xmlns:a16="http://schemas.microsoft.com/office/drawing/2014/main" id="{D0D0BA0E-28AF-40C8-ADC7-E8315D19632A}"/>
            </a:ext>
          </a:extLst>
        </xdr:cNvPr>
        <xdr:cNvCxnSpPr/>
      </xdr:nvCxnSpPr>
      <xdr:spPr>
        <a:xfrm>
          <a:off x="3429000" y="13404214"/>
          <a:ext cx="752475" cy="73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0161</xdr:rowOff>
    </xdr:from>
    <xdr:to>
      <xdr:col>15</xdr:col>
      <xdr:colOff>101600</xdr:colOff>
      <xdr:row>82</xdr:row>
      <xdr:rowOff>111761</xdr:rowOff>
    </xdr:to>
    <xdr:sp macro="" textlink="">
      <xdr:nvSpPr>
        <xdr:cNvPr id="309" name="楕円 308">
          <a:extLst>
            <a:ext uri="{FF2B5EF4-FFF2-40B4-BE49-F238E27FC236}">
              <a16:creationId xmlns:a16="http://schemas.microsoft.com/office/drawing/2014/main" id="{3C4C0B09-199F-4E71-B101-F20BA5E26800}"/>
            </a:ext>
          </a:extLst>
        </xdr:cNvPr>
        <xdr:cNvSpPr/>
      </xdr:nvSpPr>
      <xdr:spPr>
        <a:xfrm>
          <a:off x="2571750" y="13284836"/>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60961</xdr:rowOff>
    </xdr:from>
    <xdr:to>
      <xdr:col>19</xdr:col>
      <xdr:colOff>177800</xdr:colOff>
      <xdr:row>82</xdr:row>
      <xdr:rowOff>129539</xdr:rowOff>
    </xdr:to>
    <xdr:cxnSp macro="">
      <xdr:nvCxnSpPr>
        <xdr:cNvPr id="310" name="直線コネクタ 309">
          <a:extLst>
            <a:ext uri="{FF2B5EF4-FFF2-40B4-BE49-F238E27FC236}">
              <a16:creationId xmlns:a16="http://schemas.microsoft.com/office/drawing/2014/main" id="{FD343B9F-5970-4E50-8794-A5E976F5F233}"/>
            </a:ext>
          </a:extLst>
        </xdr:cNvPr>
        <xdr:cNvCxnSpPr/>
      </xdr:nvCxnSpPr>
      <xdr:spPr>
        <a:xfrm>
          <a:off x="2619375" y="13341986"/>
          <a:ext cx="809625" cy="62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32080</xdr:rowOff>
    </xdr:from>
    <xdr:to>
      <xdr:col>10</xdr:col>
      <xdr:colOff>165100</xdr:colOff>
      <xdr:row>82</xdr:row>
      <xdr:rowOff>62230</xdr:rowOff>
    </xdr:to>
    <xdr:sp macro="" textlink="">
      <xdr:nvSpPr>
        <xdr:cNvPr id="311" name="楕円 310">
          <a:extLst>
            <a:ext uri="{FF2B5EF4-FFF2-40B4-BE49-F238E27FC236}">
              <a16:creationId xmlns:a16="http://schemas.microsoft.com/office/drawing/2014/main" id="{AC4AC668-AEC2-4857-8178-8720DA15615D}"/>
            </a:ext>
          </a:extLst>
        </xdr:cNvPr>
        <xdr:cNvSpPr/>
      </xdr:nvSpPr>
      <xdr:spPr>
        <a:xfrm>
          <a:off x="1781175" y="1324800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1430</xdr:rowOff>
    </xdr:from>
    <xdr:to>
      <xdr:col>15</xdr:col>
      <xdr:colOff>50800</xdr:colOff>
      <xdr:row>82</xdr:row>
      <xdr:rowOff>60961</xdr:rowOff>
    </xdr:to>
    <xdr:cxnSp macro="">
      <xdr:nvCxnSpPr>
        <xdr:cNvPr id="312" name="直線コネクタ 311">
          <a:extLst>
            <a:ext uri="{FF2B5EF4-FFF2-40B4-BE49-F238E27FC236}">
              <a16:creationId xmlns:a16="http://schemas.microsoft.com/office/drawing/2014/main" id="{CCAD1214-5181-4844-A072-B27563BD2891}"/>
            </a:ext>
          </a:extLst>
        </xdr:cNvPr>
        <xdr:cNvCxnSpPr/>
      </xdr:nvCxnSpPr>
      <xdr:spPr>
        <a:xfrm>
          <a:off x="1828800" y="13286105"/>
          <a:ext cx="790575" cy="55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63500</xdr:rowOff>
    </xdr:from>
    <xdr:to>
      <xdr:col>6</xdr:col>
      <xdr:colOff>38100</xdr:colOff>
      <xdr:row>81</xdr:row>
      <xdr:rowOff>165100</xdr:rowOff>
    </xdr:to>
    <xdr:sp macro="" textlink="">
      <xdr:nvSpPr>
        <xdr:cNvPr id="313" name="楕円 312">
          <a:extLst>
            <a:ext uri="{FF2B5EF4-FFF2-40B4-BE49-F238E27FC236}">
              <a16:creationId xmlns:a16="http://schemas.microsoft.com/office/drawing/2014/main" id="{9C418306-420A-4A88-9149-3AC0A323E59A}"/>
            </a:ext>
          </a:extLst>
        </xdr:cNvPr>
        <xdr:cNvSpPr/>
      </xdr:nvSpPr>
      <xdr:spPr>
        <a:xfrm>
          <a:off x="981075" y="1318260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14300</xdr:rowOff>
    </xdr:from>
    <xdr:to>
      <xdr:col>10</xdr:col>
      <xdr:colOff>114300</xdr:colOff>
      <xdr:row>82</xdr:row>
      <xdr:rowOff>11430</xdr:rowOff>
    </xdr:to>
    <xdr:cxnSp macro="">
      <xdr:nvCxnSpPr>
        <xdr:cNvPr id="314" name="直線コネクタ 313">
          <a:extLst>
            <a:ext uri="{FF2B5EF4-FFF2-40B4-BE49-F238E27FC236}">
              <a16:creationId xmlns:a16="http://schemas.microsoft.com/office/drawing/2014/main" id="{C99FF336-A3E7-4C97-87CE-56A41400D385}"/>
            </a:ext>
          </a:extLst>
        </xdr:cNvPr>
        <xdr:cNvCxnSpPr/>
      </xdr:nvCxnSpPr>
      <xdr:spPr>
        <a:xfrm>
          <a:off x="1028700" y="13230225"/>
          <a:ext cx="800100" cy="55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45738</xdr:rowOff>
    </xdr:from>
    <xdr:ext cx="405111" cy="259045"/>
    <xdr:sp macro="" textlink="">
      <xdr:nvSpPr>
        <xdr:cNvPr id="315" name="n_1aveValue【福祉施設】&#10;有形固定資産減価償却率">
          <a:extLst>
            <a:ext uri="{FF2B5EF4-FFF2-40B4-BE49-F238E27FC236}">
              <a16:creationId xmlns:a16="http://schemas.microsoft.com/office/drawing/2014/main" id="{599C61F1-8C06-4BCF-A563-61E353D218BD}"/>
            </a:ext>
          </a:extLst>
        </xdr:cNvPr>
        <xdr:cNvSpPr txBox="1"/>
      </xdr:nvSpPr>
      <xdr:spPr>
        <a:xfrm>
          <a:off x="3239144" y="13488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52416</xdr:rowOff>
    </xdr:from>
    <xdr:ext cx="405111" cy="259045"/>
    <xdr:sp macro="" textlink="">
      <xdr:nvSpPr>
        <xdr:cNvPr id="316" name="n_2aveValue【福祉施設】&#10;有形固定資産減価償却率">
          <a:extLst>
            <a:ext uri="{FF2B5EF4-FFF2-40B4-BE49-F238E27FC236}">
              <a16:creationId xmlns:a16="http://schemas.microsoft.com/office/drawing/2014/main" id="{E575CD6B-D319-4140-A7CF-D0FD3868EC3E}"/>
            </a:ext>
          </a:extLst>
        </xdr:cNvPr>
        <xdr:cNvSpPr txBox="1"/>
      </xdr:nvSpPr>
      <xdr:spPr>
        <a:xfrm>
          <a:off x="2439044" y="13430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4316</xdr:rowOff>
    </xdr:from>
    <xdr:ext cx="405111" cy="259045"/>
    <xdr:sp macro="" textlink="">
      <xdr:nvSpPr>
        <xdr:cNvPr id="317" name="n_3aveValue【福祉施設】&#10;有形固定資産減価償却率">
          <a:extLst>
            <a:ext uri="{FF2B5EF4-FFF2-40B4-BE49-F238E27FC236}">
              <a16:creationId xmlns:a16="http://schemas.microsoft.com/office/drawing/2014/main" id="{8E620F94-E4A7-41F2-8FC2-D337C8A92A30}"/>
            </a:ext>
          </a:extLst>
        </xdr:cNvPr>
        <xdr:cNvSpPr txBox="1"/>
      </xdr:nvSpPr>
      <xdr:spPr>
        <a:xfrm>
          <a:off x="1648469" y="13392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83838</xdr:rowOff>
    </xdr:from>
    <xdr:ext cx="405111" cy="259045"/>
    <xdr:sp macro="" textlink="">
      <xdr:nvSpPr>
        <xdr:cNvPr id="318" name="n_4aveValue【福祉施設】&#10;有形固定資産減価償却率">
          <a:extLst>
            <a:ext uri="{FF2B5EF4-FFF2-40B4-BE49-F238E27FC236}">
              <a16:creationId xmlns:a16="http://schemas.microsoft.com/office/drawing/2014/main" id="{381B6818-A461-4D8C-9B5C-9A148A5E1BCD}"/>
            </a:ext>
          </a:extLst>
        </xdr:cNvPr>
        <xdr:cNvSpPr txBox="1"/>
      </xdr:nvSpPr>
      <xdr:spPr>
        <a:xfrm>
          <a:off x="848369" y="13364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25416</xdr:rowOff>
    </xdr:from>
    <xdr:ext cx="405111" cy="259045"/>
    <xdr:sp macro="" textlink="">
      <xdr:nvSpPr>
        <xdr:cNvPr id="319" name="n_1mainValue【福祉施設】&#10;有形固定資産減価償却率">
          <a:extLst>
            <a:ext uri="{FF2B5EF4-FFF2-40B4-BE49-F238E27FC236}">
              <a16:creationId xmlns:a16="http://schemas.microsoft.com/office/drawing/2014/main" id="{DE8FC468-9CF6-47EB-B888-D508FC9AFA90}"/>
            </a:ext>
          </a:extLst>
        </xdr:cNvPr>
        <xdr:cNvSpPr txBox="1"/>
      </xdr:nvSpPr>
      <xdr:spPr>
        <a:xfrm>
          <a:off x="3239144" y="13144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28288</xdr:rowOff>
    </xdr:from>
    <xdr:ext cx="405111" cy="259045"/>
    <xdr:sp macro="" textlink="">
      <xdr:nvSpPr>
        <xdr:cNvPr id="320" name="n_2mainValue【福祉施設】&#10;有形固定資産減価償却率">
          <a:extLst>
            <a:ext uri="{FF2B5EF4-FFF2-40B4-BE49-F238E27FC236}">
              <a16:creationId xmlns:a16="http://schemas.microsoft.com/office/drawing/2014/main" id="{855DE334-1B1C-4534-8846-B561E6900829}"/>
            </a:ext>
          </a:extLst>
        </xdr:cNvPr>
        <xdr:cNvSpPr txBox="1"/>
      </xdr:nvSpPr>
      <xdr:spPr>
        <a:xfrm>
          <a:off x="2439044" y="13079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78757</xdr:rowOff>
    </xdr:from>
    <xdr:ext cx="405111" cy="259045"/>
    <xdr:sp macro="" textlink="">
      <xdr:nvSpPr>
        <xdr:cNvPr id="321" name="n_3mainValue【福祉施設】&#10;有形固定資産減価償却率">
          <a:extLst>
            <a:ext uri="{FF2B5EF4-FFF2-40B4-BE49-F238E27FC236}">
              <a16:creationId xmlns:a16="http://schemas.microsoft.com/office/drawing/2014/main" id="{DBA3E111-2692-4AC1-949D-8BCB60A911E3}"/>
            </a:ext>
          </a:extLst>
        </xdr:cNvPr>
        <xdr:cNvSpPr txBox="1"/>
      </xdr:nvSpPr>
      <xdr:spPr>
        <a:xfrm>
          <a:off x="1648469" y="13032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0177</xdr:rowOff>
    </xdr:from>
    <xdr:ext cx="405111" cy="259045"/>
    <xdr:sp macro="" textlink="">
      <xdr:nvSpPr>
        <xdr:cNvPr id="322" name="n_4mainValue【福祉施設】&#10;有形固定資産減価償却率">
          <a:extLst>
            <a:ext uri="{FF2B5EF4-FFF2-40B4-BE49-F238E27FC236}">
              <a16:creationId xmlns:a16="http://schemas.microsoft.com/office/drawing/2014/main" id="{278A926C-90CC-4DAD-A511-46E2A46DD37D}"/>
            </a:ext>
          </a:extLst>
        </xdr:cNvPr>
        <xdr:cNvSpPr txBox="1"/>
      </xdr:nvSpPr>
      <xdr:spPr>
        <a:xfrm>
          <a:off x="848369" y="12961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id="{B61090FD-2BDE-4B3D-A72E-FEC2FC59946A}"/>
            </a:ext>
          </a:extLst>
        </xdr:cNvPr>
        <xdr:cNvSpPr/>
      </xdr:nvSpPr>
      <xdr:spPr>
        <a:xfrm>
          <a:off x="5953125" y="111633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id="{5F2EB75D-E722-4711-9794-47CCB4CA6D2F}"/>
            </a:ext>
          </a:extLst>
        </xdr:cNvPr>
        <xdr:cNvSpPr/>
      </xdr:nvSpPr>
      <xdr:spPr>
        <a:xfrm>
          <a:off x="60674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id="{0DEF1F08-CC07-4142-8278-2017767C674C}"/>
            </a:ext>
          </a:extLst>
        </xdr:cNvPr>
        <xdr:cNvSpPr/>
      </xdr:nvSpPr>
      <xdr:spPr>
        <a:xfrm>
          <a:off x="60674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id="{6E7EF3FE-1397-4FCB-B500-0C71E1799B21}"/>
            </a:ext>
          </a:extLst>
        </xdr:cNvPr>
        <xdr:cNvSpPr/>
      </xdr:nvSpPr>
      <xdr:spPr>
        <a:xfrm>
          <a:off x="69818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id="{7D3CED75-435D-4432-B334-5B448F2DC9A1}"/>
            </a:ext>
          </a:extLst>
        </xdr:cNvPr>
        <xdr:cNvSpPr/>
      </xdr:nvSpPr>
      <xdr:spPr>
        <a:xfrm>
          <a:off x="69818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id="{37014A51-B882-4EC6-A20C-B90497AD4E34}"/>
            </a:ext>
          </a:extLst>
        </xdr:cNvPr>
        <xdr:cNvSpPr/>
      </xdr:nvSpPr>
      <xdr:spPr>
        <a:xfrm>
          <a:off x="80105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id="{1CEFB795-E9F6-4C04-A549-5D42842BA706}"/>
            </a:ext>
          </a:extLst>
        </xdr:cNvPr>
        <xdr:cNvSpPr/>
      </xdr:nvSpPr>
      <xdr:spPr>
        <a:xfrm>
          <a:off x="80105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id="{DD0BC071-09F0-4C8D-AE96-18D37F8622BC}"/>
            </a:ext>
          </a:extLst>
        </xdr:cNvPr>
        <xdr:cNvSpPr/>
      </xdr:nvSpPr>
      <xdr:spPr>
        <a:xfrm>
          <a:off x="5953125" y="122396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id="{169858E6-2197-4668-A93D-EA4ECD287F3C}"/>
            </a:ext>
          </a:extLst>
        </xdr:cNvPr>
        <xdr:cNvSpPr txBox="1"/>
      </xdr:nvSpPr>
      <xdr:spPr>
        <a:xfrm>
          <a:off x="5915025" y="12058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id="{2B323C7E-A6D9-447F-B7B2-90BEF17B9089}"/>
            </a:ext>
          </a:extLst>
        </xdr:cNvPr>
        <xdr:cNvCxnSpPr/>
      </xdr:nvCxnSpPr>
      <xdr:spPr>
        <a:xfrm>
          <a:off x="5953125" y="14401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3" name="直線コネクタ 332">
          <a:extLst>
            <a:ext uri="{FF2B5EF4-FFF2-40B4-BE49-F238E27FC236}">
              <a16:creationId xmlns:a16="http://schemas.microsoft.com/office/drawing/2014/main" id="{5EE82F47-75C7-49A2-971F-5CF95C132386}"/>
            </a:ext>
          </a:extLst>
        </xdr:cNvPr>
        <xdr:cNvCxnSpPr/>
      </xdr:nvCxnSpPr>
      <xdr:spPr>
        <a:xfrm>
          <a:off x="5953125" y="1408475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4" name="テキスト ボックス 333">
          <a:extLst>
            <a:ext uri="{FF2B5EF4-FFF2-40B4-BE49-F238E27FC236}">
              <a16:creationId xmlns:a16="http://schemas.microsoft.com/office/drawing/2014/main" id="{784F9FF4-5752-49B7-81B2-9BFEB561DAA2}"/>
            </a:ext>
          </a:extLst>
        </xdr:cNvPr>
        <xdr:cNvSpPr txBox="1"/>
      </xdr:nvSpPr>
      <xdr:spPr>
        <a:xfrm>
          <a:off x="5527221" y="1395523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5" name="直線コネクタ 334">
          <a:extLst>
            <a:ext uri="{FF2B5EF4-FFF2-40B4-BE49-F238E27FC236}">
              <a16:creationId xmlns:a16="http://schemas.microsoft.com/office/drawing/2014/main" id="{8BD2ABB1-0FDB-4399-B156-1EA16EFCD057}"/>
            </a:ext>
          </a:extLst>
        </xdr:cNvPr>
        <xdr:cNvCxnSpPr/>
      </xdr:nvCxnSpPr>
      <xdr:spPr>
        <a:xfrm>
          <a:off x="5953125" y="1377405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6" name="テキスト ボックス 335">
          <a:extLst>
            <a:ext uri="{FF2B5EF4-FFF2-40B4-BE49-F238E27FC236}">
              <a16:creationId xmlns:a16="http://schemas.microsoft.com/office/drawing/2014/main" id="{FBF010CB-C63F-4D7E-95B0-0C9438E5602C}"/>
            </a:ext>
          </a:extLst>
        </xdr:cNvPr>
        <xdr:cNvSpPr txBox="1"/>
      </xdr:nvSpPr>
      <xdr:spPr>
        <a:xfrm>
          <a:off x="5527221" y="136477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7" name="直線コネクタ 336">
          <a:extLst>
            <a:ext uri="{FF2B5EF4-FFF2-40B4-BE49-F238E27FC236}">
              <a16:creationId xmlns:a16="http://schemas.microsoft.com/office/drawing/2014/main" id="{DA80AF8C-24D8-482F-BE67-888B5B7848CE}"/>
            </a:ext>
          </a:extLst>
        </xdr:cNvPr>
        <xdr:cNvCxnSpPr/>
      </xdr:nvCxnSpPr>
      <xdr:spPr>
        <a:xfrm>
          <a:off x="5953125" y="13466536"/>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8" name="テキスト ボックス 337">
          <a:extLst>
            <a:ext uri="{FF2B5EF4-FFF2-40B4-BE49-F238E27FC236}">
              <a16:creationId xmlns:a16="http://schemas.microsoft.com/office/drawing/2014/main" id="{C3B1E2A8-1102-4CC5-BEDC-C252C68CD62B}"/>
            </a:ext>
          </a:extLst>
        </xdr:cNvPr>
        <xdr:cNvSpPr txBox="1"/>
      </xdr:nvSpPr>
      <xdr:spPr>
        <a:xfrm>
          <a:off x="5527221" y="1333701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9" name="直線コネクタ 338">
          <a:extLst>
            <a:ext uri="{FF2B5EF4-FFF2-40B4-BE49-F238E27FC236}">
              <a16:creationId xmlns:a16="http://schemas.microsoft.com/office/drawing/2014/main" id="{A889FF9B-25D3-41AC-AE99-46E4D401BB64}"/>
            </a:ext>
          </a:extLst>
        </xdr:cNvPr>
        <xdr:cNvCxnSpPr/>
      </xdr:nvCxnSpPr>
      <xdr:spPr>
        <a:xfrm>
          <a:off x="5953125" y="1316536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0" name="テキスト ボックス 339">
          <a:extLst>
            <a:ext uri="{FF2B5EF4-FFF2-40B4-BE49-F238E27FC236}">
              <a16:creationId xmlns:a16="http://schemas.microsoft.com/office/drawing/2014/main" id="{D34EC711-3A5D-44A4-839F-806E1493E90F}"/>
            </a:ext>
          </a:extLst>
        </xdr:cNvPr>
        <xdr:cNvSpPr txBox="1"/>
      </xdr:nvSpPr>
      <xdr:spPr>
        <a:xfrm>
          <a:off x="5527221" y="13029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1" name="直線コネクタ 340">
          <a:extLst>
            <a:ext uri="{FF2B5EF4-FFF2-40B4-BE49-F238E27FC236}">
              <a16:creationId xmlns:a16="http://schemas.microsoft.com/office/drawing/2014/main" id="{1BEAE1BB-6EB9-415D-9CCC-22D15021BEBD}"/>
            </a:ext>
          </a:extLst>
        </xdr:cNvPr>
        <xdr:cNvCxnSpPr/>
      </xdr:nvCxnSpPr>
      <xdr:spPr>
        <a:xfrm>
          <a:off x="5953125" y="1285784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2" name="テキスト ボックス 341">
          <a:extLst>
            <a:ext uri="{FF2B5EF4-FFF2-40B4-BE49-F238E27FC236}">
              <a16:creationId xmlns:a16="http://schemas.microsoft.com/office/drawing/2014/main" id="{9D69F070-23DA-4DB0-8981-A7BE06CB38DB}"/>
            </a:ext>
          </a:extLst>
        </xdr:cNvPr>
        <xdr:cNvSpPr txBox="1"/>
      </xdr:nvSpPr>
      <xdr:spPr>
        <a:xfrm>
          <a:off x="5527221" y="127187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3" name="直線コネクタ 342">
          <a:extLst>
            <a:ext uri="{FF2B5EF4-FFF2-40B4-BE49-F238E27FC236}">
              <a16:creationId xmlns:a16="http://schemas.microsoft.com/office/drawing/2014/main" id="{EE97ED5D-799D-470B-9FA2-9B6A020F7D71}"/>
            </a:ext>
          </a:extLst>
        </xdr:cNvPr>
        <xdr:cNvCxnSpPr/>
      </xdr:nvCxnSpPr>
      <xdr:spPr>
        <a:xfrm>
          <a:off x="5953125" y="12547146"/>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4" name="テキスト ボックス 343">
          <a:extLst>
            <a:ext uri="{FF2B5EF4-FFF2-40B4-BE49-F238E27FC236}">
              <a16:creationId xmlns:a16="http://schemas.microsoft.com/office/drawing/2014/main" id="{949D923F-88F4-4513-B6E6-A7F2F3A6D48B}"/>
            </a:ext>
          </a:extLst>
        </xdr:cNvPr>
        <xdr:cNvSpPr txBox="1"/>
      </xdr:nvSpPr>
      <xdr:spPr>
        <a:xfrm>
          <a:off x="5527221" y="1241127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5" name="直線コネクタ 344">
          <a:extLst>
            <a:ext uri="{FF2B5EF4-FFF2-40B4-BE49-F238E27FC236}">
              <a16:creationId xmlns:a16="http://schemas.microsoft.com/office/drawing/2014/main" id="{7176E3AB-F31C-48ED-80AB-867D3F73BC5E}"/>
            </a:ext>
          </a:extLst>
        </xdr:cNvPr>
        <xdr:cNvCxnSpPr/>
      </xdr:nvCxnSpPr>
      <xdr:spPr>
        <a:xfrm>
          <a:off x="5953125" y="122396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6" name="テキスト ボックス 345">
          <a:extLst>
            <a:ext uri="{FF2B5EF4-FFF2-40B4-BE49-F238E27FC236}">
              <a16:creationId xmlns:a16="http://schemas.microsoft.com/office/drawing/2014/main" id="{93AB5E1D-4389-413A-B142-97CB9C486DF0}"/>
            </a:ext>
          </a:extLst>
        </xdr:cNvPr>
        <xdr:cNvSpPr txBox="1"/>
      </xdr:nvSpPr>
      <xdr:spPr>
        <a:xfrm>
          <a:off x="5527221" y="1210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7" name="【福祉施設】&#10;一人当たり面積グラフ枠">
          <a:extLst>
            <a:ext uri="{FF2B5EF4-FFF2-40B4-BE49-F238E27FC236}">
              <a16:creationId xmlns:a16="http://schemas.microsoft.com/office/drawing/2014/main" id="{076ADCCB-B56E-43DD-B588-6E9A8A1C0D50}"/>
            </a:ext>
          </a:extLst>
        </xdr:cNvPr>
        <xdr:cNvSpPr/>
      </xdr:nvSpPr>
      <xdr:spPr>
        <a:xfrm>
          <a:off x="5953125" y="122396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38100</xdr:rowOff>
    </xdr:from>
    <xdr:to>
      <xdr:col>54</xdr:col>
      <xdr:colOff>189865</xdr:colOff>
      <xdr:row>85</xdr:row>
      <xdr:rowOff>144236</xdr:rowOff>
    </xdr:to>
    <xdr:cxnSp macro="">
      <xdr:nvCxnSpPr>
        <xdr:cNvPr id="348" name="直線コネクタ 347">
          <a:extLst>
            <a:ext uri="{FF2B5EF4-FFF2-40B4-BE49-F238E27FC236}">
              <a16:creationId xmlns:a16="http://schemas.microsoft.com/office/drawing/2014/main" id="{7DA57938-FBF9-4BFD-B545-E03CB4975364}"/>
            </a:ext>
          </a:extLst>
        </xdr:cNvPr>
        <xdr:cNvCxnSpPr/>
      </xdr:nvCxnSpPr>
      <xdr:spPr>
        <a:xfrm flipV="1">
          <a:off x="9429115" y="12668250"/>
          <a:ext cx="0" cy="12364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49" name="【福祉施設】&#10;一人当たり面積最小値テキスト">
          <a:extLst>
            <a:ext uri="{FF2B5EF4-FFF2-40B4-BE49-F238E27FC236}">
              <a16:creationId xmlns:a16="http://schemas.microsoft.com/office/drawing/2014/main" id="{F9A2642F-65B4-4CBC-8E24-29DF1F7BCB1B}"/>
            </a:ext>
          </a:extLst>
        </xdr:cNvPr>
        <xdr:cNvSpPr txBox="1"/>
      </xdr:nvSpPr>
      <xdr:spPr>
        <a:xfrm>
          <a:off x="9467850" y="13908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50" name="直線コネクタ 349">
          <a:extLst>
            <a:ext uri="{FF2B5EF4-FFF2-40B4-BE49-F238E27FC236}">
              <a16:creationId xmlns:a16="http://schemas.microsoft.com/office/drawing/2014/main" id="{86DF510B-FACD-46C9-9340-6B5B62FC92B3}"/>
            </a:ext>
          </a:extLst>
        </xdr:cNvPr>
        <xdr:cNvCxnSpPr/>
      </xdr:nvCxnSpPr>
      <xdr:spPr>
        <a:xfrm>
          <a:off x="9363075" y="13904686"/>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56227</xdr:rowOff>
    </xdr:from>
    <xdr:ext cx="469744" cy="259045"/>
    <xdr:sp macro="" textlink="">
      <xdr:nvSpPr>
        <xdr:cNvPr id="351" name="【福祉施設】&#10;一人当たり面積最大値テキスト">
          <a:extLst>
            <a:ext uri="{FF2B5EF4-FFF2-40B4-BE49-F238E27FC236}">
              <a16:creationId xmlns:a16="http://schemas.microsoft.com/office/drawing/2014/main" id="{B232F77D-CFCB-4747-BC46-616ABC252D58}"/>
            </a:ext>
          </a:extLst>
        </xdr:cNvPr>
        <xdr:cNvSpPr txBox="1"/>
      </xdr:nvSpPr>
      <xdr:spPr>
        <a:xfrm>
          <a:off x="9467850" y="12465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38100</xdr:rowOff>
    </xdr:from>
    <xdr:to>
      <xdr:col>55</xdr:col>
      <xdr:colOff>88900</xdr:colOff>
      <xdr:row>78</xdr:row>
      <xdr:rowOff>38100</xdr:rowOff>
    </xdr:to>
    <xdr:cxnSp macro="">
      <xdr:nvCxnSpPr>
        <xdr:cNvPr id="352" name="直線コネクタ 351">
          <a:extLst>
            <a:ext uri="{FF2B5EF4-FFF2-40B4-BE49-F238E27FC236}">
              <a16:creationId xmlns:a16="http://schemas.microsoft.com/office/drawing/2014/main" id="{71FC0690-C2CD-4B79-BF90-B93B70281157}"/>
            </a:ext>
          </a:extLst>
        </xdr:cNvPr>
        <xdr:cNvCxnSpPr/>
      </xdr:nvCxnSpPr>
      <xdr:spPr>
        <a:xfrm>
          <a:off x="9363075" y="1266825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47370</xdr:rowOff>
    </xdr:from>
    <xdr:ext cx="469744" cy="259045"/>
    <xdr:sp macro="" textlink="">
      <xdr:nvSpPr>
        <xdr:cNvPr id="353" name="【福祉施設】&#10;一人当たり面積平均値テキスト">
          <a:extLst>
            <a:ext uri="{FF2B5EF4-FFF2-40B4-BE49-F238E27FC236}">
              <a16:creationId xmlns:a16="http://schemas.microsoft.com/office/drawing/2014/main" id="{4A99C7FC-FC21-4E01-B623-7A6EF8BB76F4}"/>
            </a:ext>
          </a:extLst>
        </xdr:cNvPr>
        <xdr:cNvSpPr txBox="1"/>
      </xdr:nvSpPr>
      <xdr:spPr>
        <a:xfrm>
          <a:off x="9467850" y="133283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68943</xdr:rowOff>
    </xdr:from>
    <xdr:to>
      <xdr:col>55</xdr:col>
      <xdr:colOff>50800</xdr:colOff>
      <xdr:row>82</xdr:row>
      <xdr:rowOff>170543</xdr:rowOff>
    </xdr:to>
    <xdr:sp macro="" textlink="">
      <xdr:nvSpPr>
        <xdr:cNvPr id="354" name="フローチャート: 判断 353">
          <a:extLst>
            <a:ext uri="{FF2B5EF4-FFF2-40B4-BE49-F238E27FC236}">
              <a16:creationId xmlns:a16="http://schemas.microsoft.com/office/drawing/2014/main" id="{0B949025-277E-4C95-8A78-AF4C2BABF1DD}"/>
            </a:ext>
          </a:extLst>
        </xdr:cNvPr>
        <xdr:cNvSpPr/>
      </xdr:nvSpPr>
      <xdr:spPr>
        <a:xfrm>
          <a:off x="9401175" y="13343618"/>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85271</xdr:rowOff>
    </xdr:from>
    <xdr:to>
      <xdr:col>50</xdr:col>
      <xdr:colOff>165100</xdr:colOff>
      <xdr:row>83</xdr:row>
      <xdr:rowOff>15421</xdr:rowOff>
    </xdr:to>
    <xdr:sp macro="" textlink="">
      <xdr:nvSpPr>
        <xdr:cNvPr id="355" name="フローチャート: 判断 354">
          <a:extLst>
            <a:ext uri="{FF2B5EF4-FFF2-40B4-BE49-F238E27FC236}">
              <a16:creationId xmlns:a16="http://schemas.microsoft.com/office/drawing/2014/main" id="{D6986E35-2AAA-4375-9D0B-F0597E238821}"/>
            </a:ext>
          </a:extLst>
        </xdr:cNvPr>
        <xdr:cNvSpPr/>
      </xdr:nvSpPr>
      <xdr:spPr>
        <a:xfrm>
          <a:off x="8639175" y="13366296"/>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68943</xdr:rowOff>
    </xdr:from>
    <xdr:to>
      <xdr:col>46</xdr:col>
      <xdr:colOff>38100</xdr:colOff>
      <xdr:row>82</xdr:row>
      <xdr:rowOff>170543</xdr:rowOff>
    </xdr:to>
    <xdr:sp macro="" textlink="">
      <xdr:nvSpPr>
        <xdr:cNvPr id="356" name="フローチャート: 判断 355">
          <a:extLst>
            <a:ext uri="{FF2B5EF4-FFF2-40B4-BE49-F238E27FC236}">
              <a16:creationId xmlns:a16="http://schemas.microsoft.com/office/drawing/2014/main" id="{C2216A6D-9C75-4AE9-8D92-88F9E847FC54}"/>
            </a:ext>
          </a:extLst>
        </xdr:cNvPr>
        <xdr:cNvSpPr/>
      </xdr:nvSpPr>
      <xdr:spPr>
        <a:xfrm>
          <a:off x="7839075" y="13343618"/>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8943</xdr:rowOff>
    </xdr:from>
    <xdr:to>
      <xdr:col>41</xdr:col>
      <xdr:colOff>101600</xdr:colOff>
      <xdr:row>82</xdr:row>
      <xdr:rowOff>170543</xdr:rowOff>
    </xdr:to>
    <xdr:sp macro="" textlink="">
      <xdr:nvSpPr>
        <xdr:cNvPr id="357" name="フローチャート: 判断 356">
          <a:extLst>
            <a:ext uri="{FF2B5EF4-FFF2-40B4-BE49-F238E27FC236}">
              <a16:creationId xmlns:a16="http://schemas.microsoft.com/office/drawing/2014/main" id="{07F63F4D-ECAF-42C7-B441-0C9831274F15}"/>
            </a:ext>
          </a:extLst>
        </xdr:cNvPr>
        <xdr:cNvSpPr/>
      </xdr:nvSpPr>
      <xdr:spPr>
        <a:xfrm>
          <a:off x="7029450" y="13343618"/>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85271</xdr:rowOff>
    </xdr:from>
    <xdr:to>
      <xdr:col>36</xdr:col>
      <xdr:colOff>165100</xdr:colOff>
      <xdr:row>83</xdr:row>
      <xdr:rowOff>15421</xdr:rowOff>
    </xdr:to>
    <xdr:sp macro="" textlink="">
      <xdr:nvSpPr>
        <xdr:cNvPr id="358" name="フローチャート: 判断 357">
          <a:extLst>
            <a:ext uri="{FF2B5EF4-FFF2-40B4-BE49-F238E27FC236}">
              <a16:creationId xmlns:a16="http://schemas.microsoft.com/office/drawing/2014/main" id="{4E897008-EB6C-443B-9CD3-6FE464A19C62}"/>
            </a:ext>
          </a:extLst>
        </xdr:cNvPr>
        <xdr:cNvSpPr/>
      </xdr:nvSpPr>
      <xdr:spPr>
        <a:xfrm>
          <a:off x="6238875" y="13366296"/>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95D54AD6-29FD-44B7-A899-3D4C07449FA8}"/>
            </a:ext>
          </a:extLst>
        </xdr:cNvPr>
        <xdr:cNvSpPr txBox="1"/>
      </xdr:nvSpPr>
      <xdr:spPr>
        <a:xfrm>
          <a:off x="925830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F55002D4-5C8F-4EB8-867E-7CB02970018A}"/>
            </a:ext>
          </a:extLst>
        </xdr:cNvPr>
        <xdr:cNvSpPr txBox="1"/>
      </xdr:nvSpPr>
      <xdr:spPr>
        <a:xfrm>
          <a:off x="85153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8D7A26DC-1074-44C6-848B-C965857FD526}"/>
            </a:ext>
          </a:extLst>
        </xdr:cNvPr>
        <xdr:cNvSpPr txBox="1"/>
      </xdr:nvSpPr>
      <xdr:spPr>
        <a:xfrm>
          <a:off x="77152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71EFDB07-DFF1-4DD8-AEFD-294AFA922E5A}"/>
            </a:ext>
          </a:extLst>
        </xdr:cNvPr>
        <xdr:cNvSpPr txBox="1"/>
      </xdr:nvSpPr>
      <xdr:spPr>
        <a:xfrm>
          <a:off x="69056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3" name="テキスト ボックス 362">
          <a:extLst>
            <a:ext uri="{FF2B5EF4-FFF2-40B4-BE49-F238E27FC236}">
              <a16:creationId xmlns:a16="http://schemas.microsoft.com/office/drawing/2014/main" id="{0165E933-04E5-4082-8CC1-870961C45621}"/>
            </a:ext>
          </a:extLst>
        </xdr:cNvPr>
        <xdr:cNvSpPr txBox="1"/>
      </xdr:nvSpPr>
      <xdr:spPr>
        <a:xfrm>
          <a:off x="61150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0</xdr:row>
      <xdr:rowOff>3629</xdr:rowOff>
    </xdr:from>
    <xdr:to>
      <xdr:col>55</xdr:col>
      <xdr:colOff>50800</xdr:colOff>
      <xdr:row>80</xdr:row>
      <xdr:rowOff>105229</xdr:rowOff>
    </xdr:to>
    <xdr:sp macro="" textlink="">
      <xdr:nvSpPr>
        <xdr:cNvPr id="364" name="楕円 363">
          <a:extLst>
            <a:ext uri="{FF2B5EF4-FFF2-40B4-BE49-F238E27FC236}">
              <a16:creationId xmlns:a16="http://schemas.microsoft.com/office/drawing/2014/main" id="{FF6842D5-83FF-41A4-8DBE-119B673EA894}"/>
            </a:ext>
          </a:extLst>
        </xdr:cNvPr>
        <xdr:cNvSpPr/>
      </xdr:nvSpPr>
      <xdr:spPr>
        <a:xfrm>
          <a:off x="9401175" y="12960804"/>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79</xdr:row>
      <xdr:rowOff>26506</xdr:rowOff>
    </xdr:from>
    <xdr:ext cx="469744" cy="259045"/>
    <xdr:sp macro="" textlink="">
      <xdr:nvSpPr>
        <xdr:cNvPr id="365" name="【福祉施設】&#10;一人当たり面積該当値テキスト">
          <a:extLst>
            <a:ext uri="{FF2B5EF4-FFF2-40B4-BE49-F238E27FC236}">
              <a16:creationId xmlns:a16="http://schemas.microsoft.com/office/drawing/2014/main" id="{79757B58-BEFA-4AD5-BE0B-3268AB0B6A3B}"/>
            </a:ext>
          </a:extLst>
        </xdr:cNvPr>
        <xdr:cNvSpPr txBox="1"/>
      </xdr:nvSpPr>
      <xdr:spPr>
        <a:xfrm>
          <a:off x="9467850" y="12821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0</xdr:row>
      <xdr:rowOff>19957</xdr:rowOff>
    </xdr:from>
    <xdr:to>
      <xdr:col>50</xdr:col>
      <xdr:colOff>165100</xdr:colOff>
      <xdr:row>80</xdr:row>
      <xdr:rowOff>121557</xdr:rowOff>
    </xdr:to>
    <xdr:sp macro="" textlink="">
      <xdr:nvSpPr>
        <xdr:cNvPr id="366" name="楕円 365">
          <a:extLst>
            <a:ext uri="{FF2B5EF4-FFF2-40B4-BE49-F238E27FC236}">
              <a16:creationId xmlns:a16="http://schemas.microsoft.com/office/drawing/2014/main" id="{63969CA2-E17D-488D-A628-0384C8A76D5F}"/>
            </a:ext>
          </a:extLst>
        </xdr:cNvPr>
        <xdr:cNvSpPr/>
      </xdr:nvSpPr>
      <xdr:spPr>
        <a:xfrm>
          <a:off x="8639175" y="12973957"/>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0</xdr:row>
      <xdr:rowOff>54429</xdr:rowOff>
    </xdr:from>
    <xdr:to>
      <xdr:col>55</xdr:col>
      <xdr:colOff>0</xdr:colOff>
      <xdr:row>80</xdr:row>
      <xdr:rowOff>70757</xdr:rowOff>
    </xdr:to>
    <xdr:cxnSp macro="">
      <xdr:nvCxnSpPr>
        <xdr:cNvPr id="367" name="直線コネクタ 366">
          <a:extLst>
            <a:ext uri="{FF2B5EF4-FFF2-40B4-BE49-F238E27FC236}">
              <a16:creationId xmlns:a16="http://schemas.microsoft.com/office/drawing/2014/main" id="{D6D13CF7-7A20-4504-A31E-279227990A1F}"/>
            </a:ext>
          </a:extLst>
        </xdr:cNvPr>
        <xdr:cNvCxnSpPr/>
      </xdr:nvCxnSpPr>
      <xdr:spPr>
        <a:xfrm flipV="1">
          <a:off x="8686800" y="13008429"/>
          <a:ext cx="742950" cy="13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0</xdr:row>
      <xdr:rowOff>19957</xdr:rowOff>
    </xdr:from>
    <xdr:to>
      <xdr:col>46</xdr:col>
      <xdr:colOff>38100</xdr:colOff>
      <xdr:row>80</xdr:row>
      <xdr:rowOff>121557</xdr:rowOff>
    </xdr:to>
    <xdr:sp macro="" textlink="">
      <xdr:nvSpPr>
        <xdr:cNvPr id="368" name="楕円 367">
          <a:extLst>
            <a:ext uri="{FF2B5EF4-FFF2-40B4-BE49-F238E27FC236}">
              <a16:creationId xmlns:a16="http://schemas.microsoft.com/office/drawing/2014/main" id="{77A186F2-0617-4491-8604-184A0B123D7E}"/>
            </a:ext>
          </a:extLst>
        </xdr:cNvPr>
        <xdr:cNvSpPr/>
      </xdr:nvSpPr>
      <xdr:spPr>
        <a:xfrm>
          <a:off x="7839075" y="12973957"/>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0</xdr:row>
      <xdr:rowOff>70757</xdr:rowOff>
    </xdr:from>
    <xdr:to>
      <xdr:col>50</xdr:col>
      <xdr:colOff>114300</xdr:colOff>
      <xdr:row>80</xdr:row>
      <xdr:rowOff>70757</xdr:rowOff>
    </xdr:to>
    <xdr:cxnSp macro="">
      <xdr:nvCxnSpPr>
        <xdr:cNvPr id="369" name="直線コネクタ 368">
          <a:extLst>
            <a:ext uri="{FF2B5EF4-FFF2-40B4-BE49-F238E27FC236}">
              <a16:creationId xmlns:a16="http://schemas.microsoft.com/office/drawing/2014/main" id="{7993977B-EBBA-46F1-80E2-976463A9D08A}"/>
            </a:ext>
          </a:extLst>
        </xdr:cNvPr>
        <xdr:cNvCxnSpPr/>
      </xdr:nvCxnSpPr>
      <xdr:spPr>
        <a:xfrm>
          <a:off x="7886700" y="13021582"/>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0</xdr:row>
      <xdr:rowOff>19957</xdr:rowOff>
    </xdr:from>
    <xdr:to>
      <xdr:col>41</xdr:col>
      <xdr:colOff>101600</xdr:colOff>
      <xdr:row>80</xdr:row>
      <xdr:rowOff>121557</xdr:rowOff>
    </xdr:to>
    <xdr:sp macro="" textlink="">
      <xdr:nvSpPr>
        <xdr:cNvPr id="370" name="楕円 369">
          <a:extLst>
            <a:ext uri="{FF2B5EF4-FFF2-40B4-BE49-F238E27FC236}">
              <a16:creationId xmlns:a16="http://schemas.microsoft.com/office/drawing/2014/main" id="{5EBD107A-19A0-4C50-B2A6-623EB4BC225E}"/>
            </a:ext>
          </a:extLst>
        </xdr:cNvPr>
        <xdr:cNvSpPr/>
      </xdr:nvSpPr>
      <xdr:spPr>
        <a:xfrm>
          <a:off x="7029450" y="12973957"/>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0</xdr:row>
      <xdr:rowOff>70757</xdr:rowOff>
    </xdr:from>
    <xdr:to>
      <xdr:col>45</xdr:col>
      <xdr:colOff>177800</xdr:colOff>
      <xdr:row>80</xdr:row>
      <xdr:rowOff>70757</xdr:rowOff>
    </xdr:to>
    <xdr:cxnSp macro="">
      <xdr:nvCxnSpPr>
        <xdr:cNvPr id="371" name="直線コネクタ 370">
          <a:extLst>
            <a:ext uri="{FF2B5EF4-FFF2-40B4-BE49-F238E27FC236}">
              <a16:creationId xmlns:a16="http://schemas.microsoft.com/office/drawing/2014/main" id="{44A9C845-F289-4F1D-8780-F486A68AE954}"/>
            </a:ext>
          </a:extLst>
        </xdr:cNvPr>
        <xdr:cNvCxnSpPr/>
      </xdr:nvCxnSpPr>
      <xdr:spPr>
        <a:xfrm>
          <a:off x="7077075" y="13021582"/>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0</xdr:row>
      <xdr:rowOff>19957</xdr:rowOff>
    </xdr:from>
    <xdr:to>
      <xdr:col>36</xdr:col>
      <xdr:colOff>165100</xdr:colOff>
      <xdr:row>80</xdr:row>
      <xdr:rowOff>121557</xdr:rowOff>
    </xdr:to>
    <xdr:sp macro="" textlink="">
      <xdr:nvSpPr>
        <xdr:cNvPr id="372" name="楕円 371">
          <a:extLst>
            <a:ext uri="{FF2B5EF4-FFF2-40B4-BE49-F238E27FC236}">
              <a16:creationId xmlns:a16="http://schemas.microsoft.com/office/drawing/2014/main" id="{4215D76D-808E-45BF-B777-90E509375C56}"/>
            </a:ext>
          </a:extLst>
        </xdr:cNvPr>
        <xdr:cNvSpPr/>
      </xdr:nvSpPr>
      <xdr:spPr>
        <a:xfrm>
          <a:off x="6238875" y="12973957"/>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0</xdr:row>
      <xdr:rowOff>70757</xdr:rowOff>
    </xdr:from>
    <xdr:to>
      <xdr:col>41</xdr:col>
      <xdr:colOff>50800</xdr:colOff>
      <xdr:row>80</xdr:row>
      <xdr:rowOff>70757</xdr:rowOff>
    </xdr:to>
    <xdr:cxnSp macro="">
      <xdr:nvCxnSpPr>
        <xdr:cNvPr id="373" name="直線コネクタ 372">
          <a:extLst>
            <a:ext uri="{FF2B5EF4-FFF2-40B4-BE49-F238E27FC236}">
              <a16:creationId xmlns:a16="http://schemas.microsoft.com/office/drawing/2014/main" id="{6C73021F-82DC-42A7-94FC-9AED5E6C7AF5}"/>
            </a:ext>
          </a:extLst>
        </xdr:cNvPr>
        <xdr:cNvCxnSpPr/>
      </xdr:nvCxnSpPr>
      <xdr:spPr>
        <a:xfrm>
          <a:off x="6286500" y="13021582"/>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548</xdr:rowOff>
    </xdr:from>
    <xdr:ext cx="469744" cy="259045"/>
    <xdr:sp macro="" textlink="">
      <xdr:nvSpPr>
        <xdr:cNvPr id="374" name="n_1aveValue【福祉施設】&#10;一人当たり面積">
          <a:extLst>
            <a:ext uri="{FF2B5EF4-FFF2-40B4-BE49-F238E27FC236}">
              <a16:creationId xmlns:a16="http://schemas.microsoft.com/office/drawing/2014/main" id="{050C53DB-80EF-4E94-8220-5A4FF63D68FC}"/>
            </a:ext>
          </a:extLst>
        </xdr:cNvPr>
        <xdr:cNvSpPr txBox="1"/>
      </xdr:nvSpPr>
      <xdr:spPr>
        <a:xfrm>
          <a:off x="8458277" y="13449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61670</xdr:rowOff>
    </xdr:from>
    <xdr:ext cx="469744" cy="259045"/>
    <xdr:sp macro="" textlink="">
      <xdr:nvSpPr>
        <xdr:cNvPr id="375" name="n_2aveValue【福祉施設】&#10;一人当たり面積">
          <a:extLst>
            <a:ext uri="{FF2B5EF4-FFF2-40B4-BE49-F238E27FC236}">
              <a16:creationId xmlns:a16="http://schemas.microsoft.com/office/drawing/2014/main" id="{F14338A8-1621-4146-95AB-0E4246459CEA}"/>
            </a:ext>
          </a:extLst>
        </xdr:cNvPr>
        <xdr:cNvSpPr txBox="1"/>
      </xdr:nvSpPr>
      <xdr:spPr>
        <a:xfrm>
          <a:off x="7677227" y="13442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1670</xdr:rowOff>
    </xdr:from>
    <xdr:ext cx="469744" cy="259045"/>
    <xdr:sp macro="" textlink="">
      <xdr:nvSpPr>
        <xdr:cNvPr id="376" name="n_3aveValue【福祉施設】&#10;一人当たり面積">
          <a:extLst>
            <a:ext uri="{FF2B5EF4-FFF2-40B4-BE49-F238E27FC236}">
              <a16:creationId xmlns:a16="http://schemas.microsoft.com/office/drawing/2014/main" id="{C1809C73-C62D-4B97-B56F-73D0AD6FEBF2}"/>
            </a:ext>
          </a:extLst>
        </xdr:cNvPr>
        <xdr:cNvSpPr txBox="1"/>
      </xdr:nvSpPr>
      <xdr:spPr>
        <a:xfrm>
          <a:off x="6867602" y="13442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548</xdr:rowOff>
    </xdr:from>
    <xdr:ext cx="469744" cy="259045"/>
    <xdr:sp macro="" textlink="">
      <xdr:nvSpPr>
        <xdr:cNvPr id="377" name="n_4aveValue【福祉施設】&#10;一人当たり面積">
          <a:extLst>
            <a:ext uri="{FF2B5EF4-FFF2-40B4-BE49-F238E27FC236}">
              <a16:creationId xmlns:a16="http://schemas.microsoft.com/office/drawing/2014/main" id="{2548FAD8-1470-428F-8F8D-A54955A8F69E}"/>
            </a:ext>
          </a:extLst>
        </xdr:cNvPr>
        <xdr:cNvSpPr txBox="1"/>
      </xdr:nvSpPr>
      <xdr:spPr>
        <a:xfrm>
          <a:off x="6067502" y="13449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78</xdr:row>
      <xdr:rowOff>138084</xdr:rowOff>
    </xdr:from>
    <xdr:ext cx="469744" cy="259045"/>
    <xdr:sp macro="" textlink="">
      <xdr:nvSpPr>
        <xdr:cNvPr id="378" name="n_1mainValue【福祉施設】&#10;一人当たり面積">
          <a:extLst>
            <a:ext uri="{FF2B5EF4-FFF2-40B4-BE49-F238E27FC236}">
              <a16:creationId xmlns:a16="http://schemas.microsoft.com/office/drawing/2014/main" id="{966DAFC9-83F8-4344-AD9F-61FD4B4C8A31}"/>
            </a:ext>
          </a:extLst>
        </xdr:cNvPr>
        <xdr:cNvSpPr txBox="1"/>
      </xdr:nvSpPr>
      <xdr:spPr>
        <a:xfrm>
          <a:off x="8458277" y="12771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78</xdr:row>
      <xdr:rowOff>138084</xdr:rowOff>
    </xdr:from>
    <xdr:ext cx="469744" cy="259045"/>
    <xdr:sp macro="" textlink="">
      <xdr:nvSpPr>
        <xdr:cNvPr id="379" name="n_2mainValue【福祉施設】&#10;一人当たり面積">
          <a:extLst>
            <a:ext uri="{FF2B5EF4-FFF2-40B4-BE49-F238E27FC236}">
              <a16:creationId xmlns:a16="http://schemas.microsoft.com/office/drawing/2014/main" id="{B5CB61E1-B8D2-44B9-AA13-B5C8B4E84261}"/>
            </a:ext>
          </a:extLst>
        </xdr:cNvPr>
        <xdr:cNvSpPr txBox="1"/>
      </xdr:nvSpPr>
      <xdr:spPr>
        <a:xfrm>
          <a:off x="7677227" y="12771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78</xdr:row>
      <xdr:rowOff>138084</xdr:rowOff>
    </xdr:from>
    <xdr:ext cx="469744" cy="259045"/>
    <xdr:sp macro="" textlink="">
      <xdr:nvSpPr>
        <xdr:cNvPr id="380" name="n_3mainValue【福祉施設】&#10;一人当たり面積">
          <a:extLst>
            <a:ext uri="{FF2B5EF4-FFF2-40B4-BE49-F238E27FC236}">
              <a16:creationId xmlns:a16="http://schemas.microsoft.com/office/drawing/2014/main" id="{A99F81CA-F976-4C68-AD6D-D9D730BC7560}"/>
            </a:ext>
          </a:extLst>
        </xdr:cNvPr>
        <xdr:cNvSpPr txBox="1"/>
      </xdr:nvSpPr>
      <xdr:spPr>
        <a:xfrm>
          <a:off x="6867602" y="12771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78</xdr:row>
      <xdr:rowOff>138084</xdr:rowOff>
    </xdr:from>
    <xdr:ext cx="469744" cy="259045"/>
    <xdr:sp macro="" textlink="">
      <xdr:nvSpPr>
        <xdr:cNvPr id="381" name="n_4mainValue【福祉施設】&#10;一人当たり面積">
          <a:extLst>
            <a:ext uri="{FF2B5EF4-FFF2-40B4-BE49-F238E27FC236}">
              <a16:creationId xmlns:a16="http://schemas.microsoft.com/office/drawing/2014/main" id="{6CC2B0CF-6CE9-4964-8EAF-418325C48632}"/>
            </a:ext>
          </a:extLst>
        </xdr:cNvPr>
        <xdr:cNvSpPr txBox="1"/>
      </xdr:nvSpPr>
      <xdr:spPr>
        <a:xfrm>
          <a:off x="6067502" y="12771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2" name="正方形/長方形 381">
          <a:extLst>
            <a:ext uri="{FF2B5EF4-FFF2-40B4-BE49-F238E27FC236}">
              <a16:creationId xmlns:a16="http://schemas.microsoft.com/office/drawing/2014/main" id="{299E231B-1B2C-45F1-8B39-CB1C6FA7C667}"/>
            </a:ext>
          </a:extLst>
        </xdr:cNvPr>
        <xdr:cNvSpPr/>
      </xdr:nvSpPr>
      <xdr:spPr>
        <a:xfrm>
          <a:off x="685800" y="14754225"/>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3" name="正方形/長方形 382">
          <a:extLst>
            <a:ext uri="{FF2B5EF4-FFF2-40B4-BE49-F238E27FC236}">
              <a16:creationId xmlns:a16="http://schemas.microsoft.com/office/drawing/2014/main" id="{287C7CD5-6D46-43C0-9456-CA6027E86A04}"/>
            </a:ext>
          </a:extLst>
        </xdr:cNvPr>
        <xdr:cNvSpPr/>
      </xdr:nvSpPr>
      <xdr:spPr>
        <a:xfrm>
          <a:off x="8096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4" name="正方形/長方形 383">
          <a:extLst>
            <a:ext uri="{FF2B5EF4-FFF2-40B4-BE49-F238E27FC236}">
              <a16:creationId xmlns:a16="http://schemas.microsoft.com/office/drawing/2014/main" id="{FA9E4CA0-3AE6-48FD-B249-66B02FD36494}"/>
            </a:ext>
          </a:extLst>
        </xdr:cNvPr>
        <xdr:cNvSpPr/>
      </xdr:nvSpPr>
      <xdr:spPr>
        <a:xfrm>
          <a:off x="8096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5" name="正方形/長方形 384">
          <a:extLst>
            <a:ext uri="{FF2B5EF4-FFF2-40B4-BE49-F238E27FC236}">
              <a16:creationId xmlns:a16="http://schemas.microsoft.com/office/drawing/2014/main" id="{A7187ADB-B696-4548-B5CE-7D5B732074CE}"/>
            </a:ext>
          </a:extLst>
        </xdr:cNvPr>
        <xdr:cNvSpPr/>
      </xdr:nvSpPr>
      <xdr:spPr>
        <a:xfrm>
          <a:off x="17145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6" name="正方形/長方形 385">
          <a:extLst>
            <a:ext uri="{FF2B5EF4-FFF2-40B4-BE49-F238E27FC236}">
              <a16:creationId xmlns:a16="http://schemas.microsoft.com/office/drawing/2014/main" id="{A010B444-2E95-451A-8281-A33E198ADFA0}"/>
            </a:ext>
          </a:extLst>
        </xdr:cNvPr>
        <xdr:cNvSpPr/>
      </xdr:nvSpPr>
      <xdr:spPr>
        <a:xfrm>
          <a:off x="17145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7" name="正方形/長方形 386">
          <a:extLst>
            <a:ext uri="{FF2B5EF4-FFF2-40B4-BE49-F238E27FC236}">
              <a16:creationId xmlns:a16="http://schemas.microsoft.com/office/drawing/2014/main" id="{5DFEEA19-7D96-4A64-908B-7B5A5642DB0C}"/>
            </a:ext>
          </a:extLst>
        </xdr:cNvPr>
        <xdr:cNvSpPr/>
      </xdr:nvSpPr>
      <xdr:spPr>
        <a:xfrm>
          <a:off x="27432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8" name="正方形/長方形 387">
          <a:extLst>
            <a:ext uri="{FF2B5EF4-FFF2-40B4-BE49-F238E27FC236}">
              <a16:creationId xmlns:a16="http://schemas.microsoft.com/office/drawing/2014/main" id="{651A719B-8976-4644-9400-CB9FDE7A6147}"/>
            </a:ext>
          </a:extLst>
        </xdr:cNvPr>
        <xdr:cNvSpPr/>
      </xdr:nvSpPr>
      <xdr:spPr>
        <a:xfrm>
          <a:off x="27432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9" name="正方形/長方形 388">
          <a:extLst>
            <a:ext uri="{FF2B5EF4-FFF2-40B4-BE49-F238E27FC236}">
              <a16:creationId xmlns:a16="http://schemas.microsoft.com/office/drawing/2014/main" id="{37ADBC7C-3E98-4ED7-8630-0737D9990FDE}"/>
            </a:ext>
          </a:extLst>
        </xdr:cNvPr>
        <xdr:cNvSpPr/>
      </xdr:nvSpPr>
      <xdr:spPr>
        <a:xfrm>
          <a:off x="685800" y="15840075"/>
          <a:ext cx="426720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0" name="テキスト ボックス 389">
          <a:extLst>
            <a:ext uri="{FF2B5EF4-FFF2-40B4-BE49-F238E27FC236}">
              <a16:creationId xmlns:a16="http://schemas.microsoft.com/office/drawing/2014/main" id="{357320A8-A471-45B8-B413-84B0A4EE9ADD}"/>
            </a:ext>
          </a:extLst>
        </xdr:cNvPr>
        <xdr:cNvSpPr txBox="1"/>
      </xdr:nvSpPr>
      <xdr:spPr>
        <a:xfrm>
          <a:off x="666750" y="156591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1" name="直線コネクタ 390">
          <a:extLst>
            <a:ext uri="{FF2B5EF4-FFF2-40B4-BE49-F238E27FC236}">
              <a16:creationId xmlns:a16="http://schemas.microsoft.com/office/drawing/2014/main" id="{31BB9DD7-055F-44FC-8FAD-432C727C682A}"/>
            </a:ext>
          </a:extLst>
        </xdr:cNvPr>
        <xdr:cNvCxnSpPr/>
      </xdr:nvCxnSpPr>
      <xdr:spPr>
        <a:xfrm>
          <a:off x="685800" y="17992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2" name="テキスト ボックス 391">
          <a:extLst>
            <a:ext uri="{FF2B5EF4-FFF2-40B4-BE49-F238E27FC236}">
              <a16:creationId xmlns:a16="http://schemas.microsoft.com/office/drawing/2014/main" id="{A9363174-4739-45E0-BCC3-988AB556BB66}"/>
            </a:ext>
          </a:extLst>
        </xdr:cNvPr>
        <xdr:cNvSpPr txBox="1"/>
      </xdr:nvSpPr>
      <xdr:spPr>
        <a:xfrm>
          <a:off x="278946" y="17856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3" name="直線コネクタ 392">
          <a:extLst>
            <a:ext uri="{FF2B5EF4-FFF2-40B4-BE49-F238E27FC236}">
              <a16:creationId xmlns:a16="http://schemas.microsoft.com/office/drawing/2014/main" id="{3A5B480E-BD4B-44E3-985F-EBB374A1B7D0}"/>
            </a:ext>
          </a:extLst>
        </xdr:cNvPr>
        <xdr:cNvCxnSpPr/>
      </xdr:nvCxnSpPr>
      <xdr:spPr>
        <a:xfrm>
          <a:off x="685800" y="17640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4" name="テキスト ボックス 393">
          <a:extLst>
            <a:ext uri="{FF2B5EF4-FFF2-40B4-BE49-F238E27FC236}">
              <a16:creationId xmlns:a16="http://schemas.microsoft.com/office/drawing/2014/main" id="{D84B829B-2773-4862-81A2-A1975E41904F}"/>
            </a:ext>
          </a:extLst>
        </xdr:cNvPr>
        <xdr:cNvSpPr txBox="1"/>
      </xdr:nvSpPr>
      <xdr:spPr>
        <a:xfrm>
          <a:off x="278946" y="174949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5" name="直線コネクタ 394">
          <a:extLst>
            <a:ext uri="{FF2B5EF4-FFF2-40B4-BE49-F238E27FC236}">
              <a16:creationId xmlns:a16="http://schemas.microsoft.com/office/drawing/2014/main" id="{F2AA4514-2324-4948-A487-CC45B638D9F4}"/>
            </a:ext>
          </a:extLst>
        </xdr:cNvPr>
        <xdr:cNvCxnSpPr/>
      </xdr:nvCxnSpPr>
      <xdr:spPr>
        <a:xfrm>
          <a:off x="685800" y="17278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6" name="テキスト ボックス 395">
          <a:extLst>
            <a:ext uri="{FF2B5EF4-FFF2-40B4-BE49-F238E27FC236}">
              <a16:creationId xmlns:a16="http://schemas.microsoft.com/office/drawing/2014/main" id="{2172CACA-C00D-4752-834B-550EEAB7D08D}"/>
            </a:ext>
          </a:extLst>
        </xdr:cNvPr>
        <xdr:cNvSpPr txBox="1"/>
      </xdr:nvSpPr>
      <xdr:spPr>
        <a:xfrm>
          <a:off x="339891" y="17142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7" name="直線コネクタ 396">
          <a:extLst>
            <a:ext uri="{FF2B5EF4-FFF2-40B4-BE49-F238E27FC236}">
              <a16:creationId xmlns:a16="http://schemas.microsoft.com/office/drawing/2014/main" id="{8F2C9955-BFA8-4036-A169-43ECA6250597}"/>
            </a:ext>
          </a:extLst>
        </xdr:cNvPr>
        <xdr:cNvCxnSpPr/>
      </xdr:nvCxnSpPr>
      <xdr:spPr>
        <a:xfrm>
          <a:off x="685800" y="16916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8" name="テキスト ボックス 397">
          <a:extLst>
            <a:ext uri="{FF2B5EF4-FFF2-40B4-BE49-F238E27FC236}">
              <a16:creationId xmlns:a16="http://schemas.microsoft.com/office/drawing/2014/main" id="{12C92C2A-AD11-4E38-B363-96D90495DC39}"/>
            </a:ext>
          </a:extLst>
        </xdr:cNvPr>
        <xdr:cNvSpPr txBox="1"/>
      </xdr:nvSpPr>
      <xdr:spPr>
        <a:xfrm>
          <a:off x="339891" y="1678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9" name="直線コネクタ 398">
          <a:extLst>
            <a:ext uri="{FF2B5EF4-FFF2-40B4-BE49-F238E27FC236}">
              <a16:creationId xmlns:a16="http://schemas.microsoft.com/office/drawing/2014/main" id="{E094DCBC-D42C-4BCB-BECA-C30FB02AAA4D}"/>
            </a:ext>
          </a:extLst>
        </xdr:cNvPr>
        <xdr:cNvCxnSpPr/>
      </xdr:nvCxnSpPr>
      <xdr:spPr>
        <a:xfrm>
          <a:off x="685800" y="16554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0" name="テキスト ボックス 399">
          <a:extLst>
            <a:ext uri="{FF2B5EF4-FFF2-40B4-BE49-F238E27FC236}">
              <a16:creationId xmlns:a16="http://schemas.microsoft.com/office/drawing/2014/main" id="{2C178869-A70E-4A4C-A504-09F333002305}"/>
            </a:ext>
          </a:extLst>
        </xdr:cNvPr>
        <xdr:cNvSpPr txBox="1"/>
      </xdr:nvSpPr>
      <xdr:spPr>
        <a:xfrm>
          <a:off x="339891" y="16418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1" name="直線コネクタ 400">
          <a:extLst>
            <a:ext uri="{FF2B5EF4-FFF2-40B4-BE49-F238E27FC236}">
              <a16:creationId xmlns:a16="http://schemas.microsoft.com/office/drawing/2014/main" id="{51A8B242-EDE9-4882-AF38-CDDD6E708280}"/>
            </a:ext>
          </a:extLst>
        </xdr:cNvPr>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2" name="テキスト ボックス 401">
          <a:extLst>
            <a:ext uri="{FF2B5EF4-FFF2-40B4-BE49-F238E27FC236}">
              <a16:creationId xmlns:a16="http://schemas.microsoft.com/office/drawing/2014/main" id="{7BA28ECA-A2AF-4518-A7C8-FBC81A0D38D5}"/>
            </a:ext>
          </a:extLst>
        </xdr:cNvPr>
        <xdr:cNvSpPr txBox="1"/>
      </xdr:nvSpPr>
      <xdr:spPr>
        <a:xfrm>
          <a:off x="339891" y="160566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3" name="直線コネクタ 402">
          <a:extLst>
            <a:ext uri="{FF2B5EF4-FFF2-40B4-BE49-F238E27FC236}">
              <a16:creationId xmlns:a16="http://schemas.microsoft.com/office/drawing/2014/main" id="{81C062B3-B794-4763-ABE7-D2C2E2103301}"/>
            </a:ext>
          </a:extLst>
        </xdr:cNvPr>
        <xdr:cNvCxnSpPr/>
      </xdr:nvCxnSpPr>
      <xdr:spPr>
        <a:xfrm>
          <a:off x="685800" y="158400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4" name="テキスト ボックス 403">
          <a:extLst>
            <a:ext uri="{FF2B5EF4-FFF2-40B4-BE49-F238E27FC236}">
              <a16:creationId xmlns:a16="http://schemas.microsoft.com/office/drawing/2014/main" id="{604B7737-C112-47B5-B5BE-480D02434CA9}"/>
            </a:ext>
          </a:extLst>
        </xdr:cNvPr>
        <xdr:cNvSpPr txBox="1"/>
      </xdr:nvSpPr>
      <xdr:spPr>
        <a:xfrm>
          <a:off x="388136" y="1570420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5" name="【市民会館】&#10;有形固定資産減価償却率グラフ枠">
          <a:extLst>
            <a:ext uri="{FF2B5EF4-FFF2-40B4-BE49-F238E27FC236}">
              <a16:creationId xmlns:a16="http://schemas.microsoft.com/office/drawing/2014/main" id="{A7F74EC5-99E6-4E37-8C1A-61E68BC24E42}"/>
            </a:ext>
          </a:extLst>
        </xdr:cNvPr>
        <xdr:cNvSpPr/>
      </xdr:nvSpPr>
      <xdr:spPr>
        <a:xfrm>
          <a:off x="685800" y="15840075"/>
          <a:ext cx="426720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9525</xdr:rowOff>
    </xdr:from>
    <xdr:to>
      <xdr:col>24</xdr:col>
      <xdr:colOff>62865</xdr:colOff>
      <xdr:row>108</xdr:row>
      <xdr:rowOff>152400</xdr:rowOff>
    </xdr:to>
    <xdr:cxnSp macro="">
      <xdr:nvCxnSpPr>
        <xdr:cNvPr id="406" name="直線コネクタ 405">
          <a:extLst>
            <a:ext uri="{FF2B5EF4-FFF2-40B4-BE49-F238E27FC236}">
              <a16:creationId xmlns:a16="http://schemas.microsoft.com/office/drawing/2014/main" id="{59EC74B8-E1F2-43B8-A498-CBBD761E8F45}"/>
            </a:ext>
          </a:extLst>
        </xdr:cNvPr>
        <xdr:cNvCxnSpPr/>
      </xdr:nvCxnSpPr>
      <xdr:spPr>
        <a:xfrm flipV="1">
          <a:off x="4180840" y="16360775"/>
          <a:ext cx="0" cy="1279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407" name="【市民会館】&#10;有形固定資産減価償却率最小値テキスト">
          <a:extLst>
            <a:ext uri="{FF2B5EF4-FFF2-40B4-BE49-F238E27FC236}">
              <a16:creationId xmlns:a16="http://schemas.microsoft.com/office/drawing/2014/main" id="{5D833D44-856C-450F-82EE-01AE613C9AEF}"/>
            </a:ext>
          </a:extLst>
        </xdr:cNvPr>
        <xdr:cNvSpPr txBox="1"/>
      </xdr:nvSpPr>
      <xdr:spPr>
        <a:xfrm>
          <a:off x="4219575" y="17647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08" name="直線コネクタ 407">
          <a:extLst>
            <a:ext uri="{FF2B5EF4-FFF2-40B4-BE49-F238E27FC236}">
              <a16:creationId xmlns:a16="http://schemas.microsoft.com/office/drawing/2014/main" id="{3645837F-CF0F-4E4F-A3B8-273A831698FF}"/>
            </a:ext>
          </a:extLst>
        </xdr:cNvPr>
        <xdr:cNvCxnSpPr/>
      </xdr:nvCxnSpPr>
      <xdr:spPr>
        <a:xfrm>
          <a:off x="4105275" y="1764030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27652</xdr:rowOff>
    </xdr:from>
    <xdr:ext cx="405111" cy="259045"/>
    <xdr:sp macro="" textlink="">
      <xdr:nvSpPr>
        <xdr:cNvPr id="409" name="【市民会館】&#10;有形固定資産減価償却率最大値テキスト">
          <a:extLst>
            <a:ext uri="{FF2B5EF4-FFF2-40B4-BE49-F238E27FC236}">
              <a16:creationId xmlns:a16="http://schemas.microsoft.com/office/drawing/2014/main" id="{67A888EA-3397-4212-BDBB-C0C52D224727}"/>
            </a:ext>
          </a:extLst>
        </xdr:cNvPr>
        <xdr:cNvSpPr txBox="1"/>
      </xdr:nvSpPr>
      <xdr:spPr>
        <a:xfrm>
          <a:off x="4219575" y="16155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9525</xdr:rowOff>
    </xdr:from>
    <xdr:to>
      <xdr:col>24</xdr:col>
      <xdr:colOff>152400</xdr:colOff>
      <xdr:row>101</xdr:row>
      <xdr:rowOff>9525</xdr:rowOff>
    </xdr:to>
    <xdr:cxnSp macro="">
      <xdr:nvCxnSpPr>
        <xdr:cNvPr id="410" name="直線コネクタ 409">
          <a:extLst>
            <a:ext uri="{FF2B5EF4-FFF2-40B4-BE49-F238E27FC236}">
              <a16:creationId xmlns:a16="http://schemas.microsoft.com/office/drawing/2014/main" id="{AC2FB8FE-6DDF-49AF-80EC-96B730A8E465}"/>
            </a:ext>
          </a:extLst>
        </xdr:cNvPr>
        <xdr:cNvCxnSpPr/>
      </xdr:nvCxnSpPr>
      <xdr:spPr>
        <a:xfrm>
          <a:off x="4105275" y="1636077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7163</xdr:rowOff>
    </xdr:from>
    <xdr:ext cx="405111" cy="259045"/>
    <xdr:sp macro="" textlink="">
      <xdr:nvSpPr>
        <xdr:cNvPr id="411" name="【市民会館】&#10;有形固定資産減価償却率平均値テキスト">
          <a:extLst>
            <a:ext uri="{FF2B5EF4-FFF2-40B4-BE49-F238E27FC236}">
              <a16:creationId xmlns:a16="http://schemas.microsoft.com/office/drawing/2014/main" id="{22A02AB6-0780-4E1C-AFED-94BB1DD52259}"/>
            </a:ext>
          </a:extLst>
        </xdr:cNvPr>
        <xdr:cNvSpPr txBox="1"/>
      </xdr:nvSpPr>
      <xdr:spPr>
        <a:xfrm>
          <a:off x="4219575" y="166954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38736</xdr:rowOff>
    </xdr:from>
    <xdr:to>
      <xdr:col>24</xdr:col>
      <xdr:colOff>114300</xdr:colOff>
      <xdr:row>103</xdr:row>
      <xdr:rowOff>140336</xdr:rowOff>
    </xdr:to>
    <xdr:sp macro="" textlink="">
      <xdr:nvSpPr>
        <xdr:cNvPr id="412" name="フローチャート: 判断 411">
          <a:extLst>
            <a:ext uri="{FF2B5EF4-FFF2-40B4-BE49-F238E27FC236}">
              <a16:creationId xmlns:a16="http://schemas.microsoft.com/office/drawing/2014/main" id="{E5B4037C-4F9A-409F-B011-A2C76E5DEDFF}"/>
            </a:ext>
          </a:extLst>
        </xdr:cNvPr>
        <xdr:cNvSpPr/>
      </xdr:nvSpPr>
      <xdr:spPr>
        <a:xfrm>
          <a:off x="4124325" y="16717011"/>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55880</xdr:rowOff>
    </xdr:from>
    <xdr:to>
      <xdr:col>20</xdr:col>
      <xdr:colOff>38100</xdr:colOff>
      <xdr:row>103</xdr:row>
      <xdr:rowOff>157480</xdr:rowOff>
    </xdr:to>
    <xdr:sp macro="" textlink="">
      <xdr:nvSpPr>
        <xdr:cNvPr id="413" name="フローチャート: 判断 412">
          <a:extLst>
            <a:ext uri="{FF2B5EF4-FFF2-40B4-BE49-F238E27FC236}">
              <a16:creationId xmlns:a16="http://schemas.microsoft.com/office/drawing/2014/main" id="{5597E9DD-F2A2-48EB-B51A-EAE1341B4AFB}"/>
            </a:ext>
          </a:extLst>
        </xdr:cNvPr>
        <xdr:cNvSpPr/>
      </xdr:nvSpPr>
      <xdr:spPr>
        <a:xfrm>
          <a:off x="3381375" y="1673415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44450</xdr:rowOff>
    </xdr:from>
    <xdr:to>
      <xdr:col>15</xdr:col>
      <xdr:colOff>101600</xdr:colOff>
      <xdr:row>103</xdr:row>
      <xdr:rowOff>146050</xdr:rowOff>
    </xdr:to>
    <xdr:sp macro="" textlink="">
      <xdr:nvSpPr>
        <xdr:cNvPr id="414" name="フローチャート: 判断 413">
          <a:extLst>
            <a:ext uri="{FF2B5EF4-FFF2-40B4-BE49-F238E27FC236}">
              <a16:creationId xmlns:a16="http://schemas.microsoft.com/office/drawing/2014/main" id="{064F2E49-3C02-4EC6-8351-938917DACFE7}"/>
            </a:ext>
          </a:extLst>
        </xdr:cNvPr>
        <xdr:cNvSpPr/>
      </xdr:nvSpPr>
      <xdr:spPr>
        <a:xfrm>
          <a:off x="2571750" y="1672590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8255</xdr:rowOff>
    </xdr:from>
    <xdr:to>
      <xdr:col>10</xdr:col>
      <xdr:colOff>165100</xdr:colOff>
      <xdr:row>103</xdr:row>
      <xdr:rowOff>109855</xdr:rowOff>
    </xdr:to>
    <xdr:sp macro="" textlink="">
      <xdr:nvSpPr>
        <xdr:cNvPr id="415" name="フローチャート: 判断 414">
          <a:extLst>
            <a:ext uri="{FF2B5EF4-FFF2-40B4-BE49-F238E27FC236}">
              <a16:creationId xmlns:a16="http://schemas.microsoft.com/office/drawing/2014/main" id="{119BDAD1-CE03-459E-84DF-95860109A186}"/>
            </a:ext>
          </a:extLst>
        </xdr:cNvPr>
        <xdr:cNvSpPr/>
      </xdr:nvSpPr>
      <xdr:spPr>
        <a:xfrm>
          <a:off x="1781175" y="1668970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9686</xdr:rowOff>
    </xdr:from>
    <xdr:to>
      <xdr:col>6</xdr:col>
      <xdr:colOff>38100</xdr:colOff>
      <xdr:row>103</xdr:row>
      <xdr:rowOff>121286</xdr:rowOff>
    </xdr:to>
    <xdr:sp macro="" textlink="">
      <xdr:nvSpPr>
        <xdr:cNvPr id="416" name="フローチャート: 判断 415">
          <a:extLst>
            <a:ext uri="{FF2B5EF4-FFF2-40B4-BE49-F238E27FC236}">
              <a16:creationId xmlns:a16="http://schemas.microsoft.com/office/drawing/2014/main" id="{5E73B62D-8EB3-405B-B38D-6E74C6DE3FD4}"/>
            </a:ext>
          </a:extLst>
        </xdr:cNvPr>
        <xdr:cNvSpPr/>
      </xdr:nvSpPr>
      <xdr:spPr>
        <a:xfrm>
          <a:off x="981075" y="16697961"/>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FFDE2931-F389-462C-825E-14768AE5A6D0}"/>
            </a:ext>
          </a:extLst>
        </xdr:cNvPr>
        <xdr:cNvSpPr txBox="1"/>
      </xdr:nvSpPr>
      <xdr:spPr>
        <a:xfrm>
          <a:off x="40100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A7B91B30-8D7B-44C6-B939-DAE2B5DC43E2}"/>
            </a:ext>
          </a:extLst>
        </xdr:cNvPr>
        <xdr:cNvSpPr txBox="1"/>
      </xdr:nvSpPr>
      <xdr:spPr>
        <a:xfrm>
          <a:off x="32575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0B016F38-427A-4BC9-81DB-897F7DDED94D}"/>
            </a:ext>
          </a:extLst>
        </xdr:cNvPr>
        <xdr:cNvSpPr txBox="1"/>
      </xdr:nvSpPr>
      <xdr:spPr>
        <a:xfrm>
          <a:off x="24479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id="{EA560D58-E886-4114-8003-CB487F0B2C19}"/>
            </a:ext>
          </a:extLst>
        </xdr:cNvPr>
        <xdr:cNvSpPr txBox="1"/>
      </xdr:nvSpPr>
      <xdr:spPr>
        <a:xfrm>
          <a:off x="16573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1" name="テキスト ボックス 420">
          <a:extLst>
            <a:ext uri="{FF2B5EF4-FFF2-40B4-BE49-F238E27FC236}">
              <a16:creationId xmlns:a16="http://schemas.microsoft.com/office/drawing/2014/main" id="{81570EA9-CB6B-4551-9320-A1A0934F9CA7}"/>
            </a:ext>
          </a:extLst>
        </xdr:cNvPr>
        <xdr:cNvSpPr txBox="1"/>
      </xdr:nvSpPr>
      <xdr:spPr>
        <a:xfrm>
          <a:off x="8572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95886</xdr:rowOff>
    </xdr:from>
    <xdr:to>
      <xdr:col>24</xdr:col>
      <xdr:colOff>114300</xdr:colOff>
      <xdr:row>103</xdr:row>
      <xdr:rowOff>26036</xdr:rowOff>
    </xdr:to>
    <xdr:sp macro="" textlink="">
      <xdr:nvSpPr>
        <xdr:cNvPr id="422" name="楕円 421">
          <a:extLst>
            <a:ext uri="{FF2B5EF4-FFF2-40B4-BE49-F238E27FC236}">
              <a16:creationId xmlns:a16="http://schemas.microsoft.com/office/drawing/2014/main" id="{2DF1C2AC-284C-44F2-B06C-6876F2176169}"/>
            </a:ext>
          </a:extLst>
        </xdr:cNvPr>
        <xdr:cNvSpPr/>
      </xdr:nvSpPr>
      <xdr:spPr>
        <a:xfrm>
          <a:off x="4124325" y="16612236"/>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118763</xdr:rowOff>
    </xdr:from>
    <xdr:ext cx="405111" cy="259045"/>
    <xdr:sp macro="" textlink="">
      <xdr:nvSpPr>
        <xdr:cNvPr id="423" name="【市民会館】&#10;有形固定資産減価償却率該当値テキスト">
          <a:extLst>
            <a:ext uri="{FF2B5EF4-FFF2-40B4-BE49-F238E27FC236}">
              <a16:creationId xmlns:a16="http://schemas.microsoft.com/office/drawing/2014/main" id="{9DF2F1DE-3097-4A5E-92F1-5FFC0C89D713}"/>
            </a:ext>
          </a:extLst>
        </xdr:cNvPr>
        <xdr:cNvSpPr txBox="1"/>
      </xdr:nvSpPr>
      <xdr:spPr>
        <a:xfrm>
          <a:off x="4219575" y="16476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28270</xdr:rowOff>
    </xdr:from>
    <xdr:to>
      <xdr:col>20</xdr:col>
      <xdr:colOff>38100</xdr:colOff>
      <xdr:row>103</xdr:row>
      <xdr:rowOff>58420</xdr:rowOff>
    </xdr:to>
    <xdr:sp macro="" textlink="">
      <xdr:nvSpPr>
        <xdr:cNvPr id="424" name="楕円 423">
          <a:extLst>
            <a:ext uri="{FF2B5EF4-FFF2-40B4-BE49-F238E27FC236}">
              <a16:creationId xmlns:a16="http://schemas.microsoft.com/office/drawing/2014/main" id="{608E940A-9465-4C57-8B2F-77A866F627FF}"/>
            </a:ext>
          </a:extLst>
        </xdr:cNvPr>
        <xdr:cNvSpPr/>
      </xdr:nvSpPr>
      <xdr:spPr>
        <a:xfrm>
          <a:off x="3381375" y="1664144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146686</xdr:rowOff>
    </xdr:from>
    <xdr:to>
      <xdr:col>24</xdr:col>
      <xdr:colOff>63500</xdr:colOff>
      <xdr:row>103</xdr:row>
      <xdr:rowOff>7620</xdr:rowOff>
    </xdr:to>
    <xdr:cxnSp macro="">
      <xdr:nvCxnSpPr>
        <xdr:cNvPr id="425" name="直線コネクタ 424">
          <a:extLst>
            <a:ext uri="{FF2B5EF4-FFF2-40B4-BE49-F238E27FC236}">
              <a16:creationId xmlns:a16="http://schemas.microsoft.com/office/drawing/2014/main" id="{0443873C-ADF9-45DF-A835-4CDCF178CE47}"/>
            </a:ext>
          </a:extLst>
        </xdr:cNvPr>
        <xdr:cNvCxnSpPr/>
      </xdr:nvCxnSpPr>
      <xdr:spPr>
        <a:xfrm flipV="1">
          <a:off x="3429000" y="16659861"/>
          <a:ext cx="752475" cy="29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24461</xdr:rowOff>
    </xdr:from>
    <xdr:to>
      <xdr:col>15</xdr:col>
      <xdr:colOff>101600</xdr:colOff>
      <xdr:row>103</xdr:row>
      <xdr:rowOff>54611</xdr:rowOff>
    </xdr:to>
    <xdr:sp macro="" textlink="">
      <xdr:nvSpPr>
        <xdr:cNvPr id="426" name="楕円 425">
          <a:extLst>
            <a:ext uri="{FF2B5EF4-FFF2-40B4-BE49-F238E27FC236}">
              <a16:creationId xmlns:a16="http://schemas.microsoft.com/office/drawing/2014/main" id="{7089D354-B7F9-4176-B37E-935DB68ADF4F}"/>
            </a:ext>
          </a:extLst>
        </xdr:cNvPr>
        <xdr:cNvSpPr/>
      </xdr:nvSpPr>
      <xdr:spPr>
        <a:xfrm>
          <a:off x="2571750" y="16637636"/>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3811</xdr:rowOff>
    </xdr:from>
    <xdr:to>
      <xdr:col>19</xdr:col>
      <xdr:colOff>177800</xdr:colOff>
      <xdr:row>103</xdr:row>
      <xdr:rowOff>7620</xdr:rowOff>
    </xdr:to>
    <xdr:cxnSp macro="">
      <xdr:nvCxnSpPr>
        <xdr:cNvPr id="427" name="直線コネクタ 426">
          <a:extLst>
            <a:ext uri="{FF2B5EF4-FFF2-40B4-BE49-F238E27FC236}">
              <a16:creationId xmlns:a16="http://schemas.microsoft.com/office/drawing/2014/main" id="{C7C6E264-4EDA-4D11-89E2-BE273D15EBA3}"/>
            </a:ext>
          </a:extLst>
        </xdr:cNvPr>
        <xdr:cNvCxnSpPr/>
      </xdr:nvCxnSpPr>
      <xdr:spPr>
        <a:xfrm>
          <a:off x="2619375" y="16685261"/>
          <a:ext cx="809625"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90170</xdr:rowOff>
    </xdr:from>
    <xdr:to>
      <xdr:col>10</xdr:col>
      <xdr:colOff>165100</xdr:colOff>
      <xdr:row>103</xdr:row>
      <xdr:rowOff>20320</xdr:rowOff>
    </xdr:to>
    <xdr:sp macro="" textlink="">
      <xdr:nvSpPr>
        <xdr:cNvPr id="428" name="楕円 427">
          <a:extLst>
            <a:ext uri="{FF2B5EF4-FFF2-40B4-BE49-F238E27FC236}">
              <a16:creationId xmlns:a16="http://schemas.microsoft.com/office/drawing/2014/main" id="{F4708B1B-88D7-49A8-B70D-FBE76059EA1B}"/>
            </a:ext>
          </a:extLst>
        </xdr:cNvPr>
        <xdr:cNvSpPr/>
      </xdr:nvSpPr>
      <xdr:spPr>
        <a:xfrm>
          <a:off x="1781175" y="1660334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140970</xdr:rowOff>
    </xdr:from>
    <xdr:to>
      <xdr:col>15</xdr:col>
      <xdr:colOff>50800</xdr:colOff>
      <xdr:row>103</xdr:row>
      <xdr:rowOff>3811</xdr:rowOff>
    </xdr:to>
    <xdr:cxnSp macro="">
      <xdr:nvCxnSpPr>
        <xdr:cNvPr id="429" name="直線コネクタ 428">
          <a:extLst>
            <a:ext uri="{FF2B5EF4-FFF2-40B4-BE49-F238E27FC236}">
              <a16:creationId xmlns:a16="http://schemas.microsoft.com/office/drawing/2014/main" id="{78853C16-3560-4327-BCF8-448D767C98C5}"/>
            </a:ext>
          </a:extLst>
        </xdr:cNvPr>
        <xdr:cNvCxnSpPr/>
      </xdr:nvCxnSpPr>
      <xdr:spPr>
        <a:xfrm>
          <a:off x="1828800" y="16660495"/>
          <a:ext cx="790575"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74930</xdr:rowOff>
    </xdr:from>
    <xdr:to>
      <xdr:col>6</xdr:col>
      <xdr:colOff>38100</xdr:colOff>
      <xdr:row>103</xdr:row>
      <xdr:rowOff>5080</xdr:rowOff>
    </xdr:to>
    <xdr:sp macro="" textlink="">
      <xdr:nvSpPr>
        <xdr:cNvPr id="430" name="楕円 429">
          <a:extLst>
            <a:ext uri="{FF2B5EF4-FFF2-40B4-BE49-F238E27FC236}">
              <a16:creationId xmlns:a16="http://schemas.microsoft.com/office/drawing/2014/main" id="{EE5B426F-D279-46FC-AA13-11BB1E583AE7}"/>
            </a:ext>
          </a:extLst>
        </xdr:cNvPr>
        <xdr:cNvSpPr/>
      </xdr:nvSpPr>
      <xdr:spPr>
        <a:xfrm>
          <a:off x="981075" y="1659128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125730</xdr:rowOff>
    </xdr:from>
    <xdr:to>
      <xdr:col>10</xdr:col>
      <xdr:colOff>114300</xdr:colOff>
      <xdr:row>102</xdr:row>
      <xdr:rowOff>140970</xdr:rowOff>
    </xdr:to>
    <xdr:cxnSp macro="">
      <xdr:nvCxnSpPr>
        <xdr:cNvPr id="431" name="直線コネクタ 430">
          <a:extLst>
            <a:ext uri="{FF2B5EF4-FFF2-40B4-BE49-F238E27FC236}">
              <a16:creationId xmlns:a16="http://schemas.microsoft.com/office/drawing/2014/main" id="{F0EE2164-2002-4A7A-AFA3-C49B4F3ABC8A}"/>
            </a:ext>
          </a:extLst>
        </xdr:cNvPr>
        <xdr:cNvCxnSpPr/>
      </xdr:nvCxnSpPr>
      <xdr:spPr>
        <a:xfrm>
          <a:off x="1028700" y="16638905"/>
          <a:ext cx="8001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48607</xdr:rowOff>
    </xdr:from>
    <xdr:ext cx="405111" cy="259045"/>
    <xdr:sp macro="" textlink="">
      <xdr:nvSpPr>
        <xdr:cNvPr id="432" name="n_1aveValue【市民会館】&#10;有形固定資産減価償却率">
          <a:extLst>
            <a:ext uri="{FF2B5EF4-FFF2-40B4-BE49-F238E27FC236}">
              <a16:creationId xmlns:a16="http://schemas.microsoft.com/office/drawing/2014/main" id="{0FBE7282-2588-4A3E-BCAA-AEA83C53D1F6}"/>
            </a:ext>
          </a:extLst>
        </xdr:cNvPr>
        <xdr:cNvSpPr txBox="1"/>
      </xdr:nvSpPr>
      <xdr:spPr>
        <a:xfrm>
          <a:off x="3239144" y="1682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37177</xdr:rowOff>
    </xdr:from>
    <xdr:ext cx="405111" cy="259045"/>
    <xdr:sp macro="" textlink="">
      <xdr:nvSpPr>
        <xdr:cNvPr id="433" name="n_2aveValue【市民会館】&#10;有形固定資産減価償却率">
          <a:extLst>
            <a:ext uri="{FF2B5EF4-FFF2-40B4-BE49-F238E27FC236}">
              <a16:creationId xmlns:a16="http://schemas.microsoft.com/office/drawing/2014/main" id="{390447A2-59B1-4D5F-B512-179D2350DB0B}"/>
            </a:ext>
          </a:extLst>
        </xdr:cNvPr>
        <xdr:cNvSpPr txBox="1"/>
      </xdr:nvSpPr>
      <xdr:spPr>
        <a:xfrm>
          <a:off x="2439044" y="16818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00982</xdr:rowOff>
    </xdr:from>
    <xdr:ext cx="405111" cy="259045"/>
    <xdr:sp macro="" textlink="">
      <xdr:nvSpPr>
        <xdr:cNvPr id="434" name="n_3aveValue【市民会館】&#10;有形固定資産減価償却率">
          <a:extLst>
            <a:ext uri="{FF2B5EF4-FFF2-40B4-BE49-F238E27FC236}">
              <a16:creationId xmlns:a16="http://schemas.microsoft.com/office/drawing/2014/main" id="{C268D0CA-2F55-4A27-A9CD-456A9F59B3A0}"/>
            </a:ext>
          </a:extLst>
        </xdr:cNvPr>
        <xdr:cNvSpPr txBox="1"/>
      </xdr:nvSpPr>
      <xdr:spPr>
        <a:xfrm>
          <a:off x="1648469" y="16782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12413</xdr:rowOff>
    </xdr:from>
    <xdr:ext cx="405111" cy="259045"/>
    <xdr:sp macro="" textlink="">
      <xdr:nvSpPr>
        <xdr:cNvPr id="435" name="n_4aveValue【市民会館】&#10;有形固定資産減価償却率">
          <a:extLst>
            <a:ext uri="{FF2B5EF4-FFF2-40B4-BE49-F238E27FC236}">
              <a16:creationId xmlns:a16="http://schemas.microsoft.com/office/drawing/2014/main" id="{8B405B9F-62E8-4689-BF93-CFC4FDB48B14}"/>
            </a:ext>
          </a:extLst>
        </xdr:cNvPr>
        <xdr:cNvSpPr txBox="1"/>
      </xdr:nvSpPr>
      <xdr:spPr>
        <a:xfrm>
          <a:off x="848369" y="16790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74947</xdr:rowOff>
    </xdr:from>
    <xdr:ext cx="405111" cy="259045"/>
    <xdr:sp macro="" textlink="">
      <xdr:nvSpPr>
        <xdr:cNvPr id="436" name="n_1mainValue【市民会館】&#10;有形固定資産減価償却率">
          <a:extLst>
            <a:ext uri="{FF2B5EF4-FFF2-40B4-BE49-F238E27FC236}">
              <a16:creationId xmlns:a16="http://schemas.microsoft.com/office/drawing/2014/main" id="{FBAA70F6-DB93-4263-A81D-9DE90F4A3C50}"/>
            </a:ext>
          </a:extLst>
        </xdr:cNvPr>
        <xdr:cNvSpPr txBox="1"/>
      </xdr:nvSpPr>
      <xdr:spPr>
        <a:xfrm>
          <a:off x="3239144" y="1642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71138</xdr:rowOff>
    </xdr:from>
    <xdr:ext cx="405111" cy="259045"/>
    <xdr:sp macro="" textlink="">
      <xdr:nvSpPr>
        <xdr:cNvPr id="437" name="n_2mainValue【市民会館】&#10;有形固定資産減価償却率">
          <a:extLst>
            <a:ext uri="{FF2B5EF4-FFF2-40B4-BE49-F238E27FC236}">
              <a16:creationId xmlns:a16="http://schemas.microsoft.com/office/drawing/2014/main" id="{36652E9D-5BEE-4A37-8502-2CDB52FCA618}"/>
            </a:ext>
          </a:extLst>
        </xdr:cNvPr>
        <xdr:cNvSpPr txBox="1"/>
      </xdr:nvSpPr>
      <xdr:spPr>
        <a:xfrm>
          <a:off x="2439044" y="1642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36847</xdr:rowOff>
    </xdr:from>
    <xdr:ext cx="405111" cy="259045"/>
    <xdr:sp macro="" textlink="">
      <xdr:nvSpPr>
        <xdr:cNvPr id="438" name="n_3mainValue【市民会館】&#10;有形固定資産減価償却率">
          <a:extLst>
            <a:ext uri="{FF2B5EF4-FFF2-40B4-BE49-F238E27FC236}">
              <a16:creationId xmlns:a16="http://schemas.microsoft.com/office/drawing/2014/main" id="{6C9C7316-9DB7-47AB-AF12-9A4F52ED90A7}"/>
            </a:ext>
          </a:extLst>
        </xdr:cNvPr>
        <xdr:cNvSpPr txBox="1"/>
      </xdr:nvSpPr>
      <xdr:spPr>
        <a:xfrm>
          <a:off x="1648469" y="16391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21607</xdr:rowOff>
    </xdr:from>
    <xdr:ext cx="405111" cy="259045"/>
    <xdr:sp macro="" textlink="">
      <xdr:nvSpPr>
        <xdr:cNvPr id="439" name="n_4mainValue【市民会館】&#10;有形固定資産減価償却率">
          <a:extLst>
            <a:ext uri="{FF2B5EF4-FFF2-40B4-BE49-F238E27FC236}">
              <a16:creationId xmlns:a16="http://schemas.microsoft.com/office/drawing/2014/main" id="{E7768D28-EB4C-4E77-B2DF-1271D1C1372B}"/>
            </a:ext>
          </a:extLst>
        </xdr:cNvPr>
        <xdr:cNvSpPr txBox="1"/>
      </xdr:nvSpPr>
      <xdr:spPr>
        <a:xfrm>
          <a:off x="848369" y="16376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0" name="正方形/長方形 439">
          <a:extLst>
            <a:ext uri="{FF2B5EF4-FFF2-40B4-BE49-F238E27FC236}">
              <a16:creationId xmlns:a16="http://schemas.microsoft.com/office/drawing/2014/main" id="{5A0BE6DF-BA5C-4290-B8EC-3EBBF2F268BE}"/>
            </a:ext>
          </a:extLst>
        </xdr:cNvPr>
        <xdr:cNvSpPr/>
      </xdr:nvSpPr>
      <xdr:spPr>
        <a:xfrm>
          <a:off x="5953125" y="14754225"/>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1" name="正方形/長方形 440">
          <a:extLst>
            <a:ext uri="{FF2B5EF4-FFF2-40B4-BE49-F238E27FC236}">
              <a16:creationId xmlns:a16="http://schemas.microsoft.com/office/drawing/2014/main" id="{BDB7E8A8-DD9B-4AED-9DCE-B2C60EFFF07F}"/>
            </a:ext>
          </a:extLst>
        </xdr:cNvPr>
        <xdr:cNvSpPr/>
      </xdr:nvSpPr>
      <xdr:spPr>
        <a:xfrm>
          <a:off x="60674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2" name="正方形/長方形 441">
          <a:extLst>
            <a:ext uri="{FF2B5EF4-FFF2-40B4-BE49-F238E27FC236}">
              <a16:creationId xmlns:a16="http://schemas.microsoft.com/office/drawing/2014/main" id="{645B7706-3A99-4464-816B-C5E0462A0107}"/>
            </a:ext>
          </a:extLst>
        </xdr:cNvPr>
        <xdr:cNvSpPr/>
      </xdr:nvSpPr>
      <xdr:spPr>
        <a:xfrm>
          <a:off x="60674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3" name="正方形/長方形 442">
          <a:extLst>
            <a:ext uri="{FF2B5EF4-FFF2-40B4-BE49-F238E27FC236}">
              <a16:creationId xmlns:a16="http://schemas.microsoft.com/office/drawing/2014/main" id="{4C278C09-9B67-474E-B022-95E9A75AD887}"/>
            </a:ext>
          </a:extLst>
        </xdr:cNvPr>
        <xdr:cNvSpPr/>
      </xdr:nvSpPr>
      <xdr:spPr>
        <a:xfrm>
          <a:off x="69818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4" name="正方形/長方形 443">
          <a:extLst>
            <a:ext uri="{FF2B5EF4-FFF2-40B4-BE49-F238E27FC236}">
              <a16:creationId xmlns:a16="http://schemas.microsoft.com/office/drawing/2014/main" id="{2C61E5E2-05AF-404D-B375-AA8AD84910D4}"/>
            </a:ext>
          </a:extLst>
        </xdr:cNvPr>
        <xdr:cNvSpPr/>
      </xdr:nvSpPr>
      <xdr:spPr>
        <a:xfrm>
          <a:off x="69818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5" name="正方形/長方形 444">
          <a:extLst>
            <a:ext uri="{FF2B5EF4-FFF2-40B4-BE49-F238E27FC236}">
              <a16:creationId xmlns:a16="http://schemas.microsoft.com/office/drawing/2014/main" id="{A5EF93E1-493E-41BA-9738-4F74F821ECF9}"/>
            </a:ext>
          </a:extLst>
        </xdr:cNvPr>
        <xdr:cNvSpPr/>
      </xdr:nvSpPr>
      <xdr:spPr>
        <a:xfrm>
          <a:off x="80105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6" name="正方形/長方形 445">
          <a:extLst>
            <a:ext uri="{FF2B5EF4-FFF2-40B4-BE49-F238E27FC236}">
              <a16:creationId xmlns:a16="http://schemas.microsoft.com/office/drawing/2014/main" id="{8EF74171-2DDB-4311-A682-CB6E6411746D}"/>
            </a:ext>
          </a:extLst>
        </xdr:cNvPr>
        <xdr:cNvSpPr/>
      </xdr:nvSpPr>
      <xdr:spPr>
        <a:xfrm>
          <a:off x="80105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7" name="正方形/長方形 446">
          <a:extLst>
            <a:ext uri="{FF2B5EF4-FFF2-40B4-BE49-F238E27FC236}">
              <a16:creationId xmlns:a16="http://schemas.microsoft.com/office/drawing/2014/main" id="{5336D1EC-4E06-47E0-81C3-32F7496A6906}"/>
            </a:ext>
          </a:extLst>
        </xdr:cNvPr>
        <xdr:cNvSpPr/>
      </xdr:nvSpPr>
      <xdr:spPr>
        <a:xfrm>
          <a:off x="5953125" y="15840075"/>
          <a:ext cx="424815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8" name="テキスト ボックス 447">
          <a:extLst>
            <a:ext uri="{FF2B5EF4-FFF2-40B4-BE49-F238E27FC236}">
              <a16:creationId xmlns:a16="http://schemas.microsoft.com/office/drawing/2014/main" id="{D2C46DD4-6EB0-4549-800C-232C9A0D60FD}"/>
            </a:ext>
          </a:extLst>
        </xdr:cNvPr>
        <xdr:cNvSpPr txBox="1"/>
      </xdr:nvSpPr>
      <xdr:spPr>
        <a:xfrm>
          <a:off x="5915025" y="156591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9" name="直線コネクタ 448">
          <a:extLst>
            <a:ext uri="{FF2B5EF4-FFF2-40B4-BE49-F238E27FC236}">
              <a16:creationId xmlns:a16="http://schemas.microsoft.com/office/drawing/2014/main" id="{CDDB8DA7-4688-4714-8400-EB5E3778B718}"/>
            </a:ext>
          </a:extLst>
        </xdr:cNvPr>
        <xdr:cNvCxnSpPr/>
      </xdr:nvCxnSpPr>
      <xdr:spPr>
        <a:xfrm>
          <a:off x="5953125" y="179927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0" name="直線コネクタ 449">
          <a:extLst>
            <a:ext uri="{FF2B5EF4-FFF2-40B4-BE49-F238E27FC236}">
              <a16:creationId xmlns:a16="http://schemas.microsoft.com/office/drawing/2014/main" id="{F53D798F-6855-452D-831B-7DCBFC00C75C}"/>
            </a:ext>
          </a:extLst>
        </xdr:cNvPr>
        <xdr:cNvCxnSpPr/>
      </xdr:nvCxnSpPr>
      <xdr:spPr>
        <a:xfrm>
          <a:off x="5953125" y="1756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1" name="テキスト ボックス 450">
          <a:extLst>
            <a:ext uri="{FF2B5EF4-FFF2-40B4-BE49-F238E27FC236}">
              <a16:creationId xmlns:a16="http://schemas.microsoft.com/office/drawing/2014/main" id="{B1FA3624-3446-46D5-8904-45ABF8249EEC}"/>
            </a:ext>
          </a:extLst>
        </xdr:cNvPr>
        <xdr:cNvSpPr txBox="1"/>
      </xdr:nvSpPr>
      <xdr:spPr>
        <a:xfrm>
          <a:off x="5527221" y="1742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2" name="直線コネクタ 451">
          <a:extLst>
            <a:ext uri="{FF2B5EF4-FFF2-40B4-BE49-F238E27FC236}">
              <a16:creationId xmlns:a16="http://schemas.microsoft.com/office/drawing/2014/main" id="{9E1CC831-6D20-4614-AA82-1865CC883C49}"/>
            </a:ext>
          </a:extLst>
        </xdr:cNvPr>
        <xdr:cNvCxnSpPr/>
      </xdr:nvCxnSpPr>
      <xdr:spPr>
        <a:xfrm>
          <a:off x="5953125" y="171354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3" name="テキスト ボックス 452">
          <a:extLst>
            <a:ext uri="{FF2B5EF4-FFF2-40B4-BE49-F238E27FC236}">
              <a16:creationId xmlns:a16="http://schemas.microsoft.com/office/drawing/2014/main" id="{86CC14EC-3E88-4DBA-A444-16E9645106D8}"/>
            </a:ext>
          </a:extLst>
        </xdr:cNvPr>
        <xdr:cNvSpPr txBox="1"/>
      </xdr:nvSpPr>
      <xdr:spPr>
        <a:xfrm>
          <a:off x="5527221" y="169996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4" name="直線コネクタ 453">
          <a:extLst>
            <a:ext uri="{FF2B5EF4-FFF2-40B4-BE49-F238E27FC236}">
              <a16:creationId xmlns:a16="http://schemas.microsoft.com/office/drawing/2014/main" id="{C1E4A938-7634-4A6C-A335-F70FFD4F781D}"/>
            </a:ext>
          </a:extLst>
        </xdr:cNvPr>
        <xdr:cNvCxnSpPr/>
      </xdr:nvCxnSpPr>
      <xdr:spPr>
        <a:xfrm>
          <a:off x="5953125" y="166973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5" name="テキスト ボックス 454">
          <a:extLst>
            <a:ext uri="{FF2B5EF4-FFF2-40B4-BE49-F238E27FC236}">
              <a16:creationId xmlns:a16="http://schemas.microsoft.com/office/drawing/2014/main" id="{9A10063A-C36B-44D2-BC43-A4FDEB3B75F6}"/>
            </a:ext>
          </a:extLst>
        </xdr:cNvPr>
        <xdr:cNvSpPr txBox="1"/>
      </xdr:nvSpPr>
      <xdr:spPr>
        <a:xfrm>
          <a:off x="5527221" y="165614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6" name="直線コネクタ 455">
          <a:extLst>
            <a:ext uri="{FF2B5EF4-FFF2-40B4-BE49-F238E27FC236}">
              <a16:creationId xmlns:a16="http://schemas.microsoft.com/office/drawing/2014/main" id="{C57B326E-6F48-44C1-8DEA-089AFDAA00B7}"/>
            </a:ext>
          </a:extLst>
        </xdr:cNvPr>
        <xdr:cNvCxnSpPr/>
      </xdr:nvCxnSpPr>
      <xdr:spPr>
        <a:xfrm>
          <a:off x="5953125" y="162687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7" name="テキスト ボックス 456">
          <a:extLst>
            <a:ext uri="{FF2B5EF4-FFF2-40B4-BE49-F238E27FC236}">
              <a16:creationId xmlns:a16="http://schemas.microsoft.com/office/drawing/2014/main" id="{98C134E1-A9E1-4D76-AA8B-7AA6604B99D0}"/>
            </a:ext>
          </a:extLst>
        </xdr:cNvPr>
        <xdr:cNvSpPr txBox="1"/>
      </xdr:nvSpPr>
      <xdr:spPr>
        <a:xfrm>
          <a:off x="5527221" y="1613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a:extLst>
            <a:ext uri="{FF2B5EF4-FFF2-40B4-BE49-F238E27FC236}">
              <a16:creationId xmlns:a16="http://schemas.microsoft.com/office/drawing/2014/main" id="{055FE0A0-299D-4390-AE82-37113C3A8F67}"/>
            </a:ext>
          </a:extLst>
        </xdr:cNvPr>
        <xdr:cNvCxnSpPr/>
      </xdr:nvCxnSpPr>
      <xdr:spPr>
        <a:xfrm>
          <a:off x="5953125" y="158400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a:extLst>
            <a:ext uri="{FF2B5EF4-FFF2-40B4-BE49-F238E27FC236}">
              <a16:creationId xmlns:a16="http://schemas.microsoft.com/office/drawing/2014/main" id="{7D617225-D7EC-4168-A7D5-55EAB892E92A}"/>
            </a:ext>
          </a:extLst>
        </xdr:cNvPr>
        <xdr:cNvSpPr txBox="1"/>
      </xdr:nvSpPr>
      <xdr:spPr>
        <a:xfrm>
          <a:off x="5527221" y="157042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a:extLst>
            <a:ext uri="{FF2B5EF4-FFF2-40B4-BE49-F238E27FC236}">
              <a16:creationId xmlns:a16="http://schemas.microsoft.com/office/drawing/2014/main" id="{2F69CA25-C982-4BD2-B55C-F7E0858BB8F7}"/>
            </a:ext>
          </a:extLst>
        </xdr:cNvPr>
        <xdr:cNvSpPr/>
      </xdr:nvSpPr>
      <xdr:spPr>
        <a:xfrm>
          <a:off x="5953125" y="15840075"/>
          <a:ext cx="424815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2</xdr:row>
      <xdr:rowOff>21337</xdr:rowOff>
    </xdr:from>
    <xdr:to>
      <xdr:col>54</xdr:col>
      <xdr:colOff>189865</xdr:colOff>
      <xdr:row>108</xdr:row>
      <xdr:rowOff>48768</xdr:rowOff>
    </xdr:to>
    <xdr:cxnSp macro="">
      <xdr:nvCxnSpPr>
        <xdr:cNvPr id="461" name="直線コネクタ 460">
          <a:extLst>
            <a:ext uri="{FF2B5EF4-FFF2-40B4-BE49-F238E27FC236}">
              <a16:creationId xmlns:a16="http://schemas.microsoft.com/office/drawing/2014/main" id="{353D88E9-6F64-44BE-9EC3-1C99C3BBB203}"/>
            </a:ext>
          </a:extLst>
        </xdr:cNvPr>
        <xdr:cNvCxnSpPr/>
      </xdr:nvCxnSpPr>
      <xdr:spPr>
        <a:xfrm flipV="1">
          <a:off x="9429115" y="16537687"/>
          <a:ext cx="0" cy="9958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2595</xdr:rowOff>
    </xdr:from>
    <xdr:ext cx="469744" cy="259045"/>
    <xdr:sp macro="" textlink="">
      <xdr:nvSpPr>
        <xdr:cNvPr id="462" name="【市民会館】&#10;一人当たり面積最小値テキスト">
          <a:extLst>
            <a:ext uri="{FF2B5EF4-FFF2-40B4-BE49-F238E27FC236}">
              <a16:creationId xmlns:a16="http://schemas.microsoft.com/office/drawing/2014/main" id="{F357CCB7-F546-467F-B24E-31D8749304A8}"/>
            </a:ext>
          </a:extLst>
        </xdr:cNvPr>
        <xdr:cNvSpPr txBox="1"/>
      </xdr:nvSpPr>
      <xdr:spPr>
        <a:xfrm>
          <a:off x="9467850" y="17537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48768</xdr:rowOff>
    </xdr:from>
    <xdr:to>
      <xdr:col>55</xdr:col>
      <xdr:colOff>88900</xdr:colOff>
      <xdr:row>108</xdr:row>
      <xdr:rowOff>48768</xdr:rowOff>
    </xdr:to>
    <xdr:cxnSp macro="">
      <xdr:nvCxnSpPr>
        <xdr:cNvPr id="463" name="直線コネクタ 462">
          <a:extLst>
            <a:ext uri="{FF2B5EF4-FFF2-40B4-BE49-F238E27FC236}">
              <a16:creationId xmlns:a16="http://schemas.microsoft.com/office/drawing/2014/main" id="{2C8B57D0-C31C-4560-9138-2365129D71E8}"/>
            </a:ext>
          </a:extLst>
        </xdr:cNvPr>
        <xdr:cNvCxnSpPr/>
      </xdr:nvCxnSpPr>
      <xdr:spPr>
        <a:xfrm>
          <a:off x="9363075" y="17533493"/>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39464</xdr:rowOff>
    </xdr:from>
    <xdr:ext cx="469744" cy="259045"/>
    <xdr:sp macro="" textlink="">
      <xdr:nvSpPr>
        <xdr:cNvPr id="464" name="【市民会館】&#10;一人当たり面積最大値テキスト">
          <a:extLst>
            <a:ext uri="{FF2B5EF4-FFF2-40B4-BE49-F238E27FC236}">
              <a16:creationId xmlns:a16="http://schemas.microsoft.com/office/drawing/2014/main" id="{C451CBCA-23E3-4F9A-A26E-9566933D0C67}"/>
            </a:ext>
          </a:extLst>
        </xdr:cNvPr>
        <xdr:cNvSpPr txBox="1"/>
      </xdr:nvSpPr>
      <xdr:spPr>
        <a:xfrm>
          <a:off x="9467850" y="16335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2</xdr:row>
      <xdr:rowOff>21337</xdr:rowOff>
    </xdr:from>
    <xdr:to>
      <xdr:col>55</xdr:col>
      <xdr:colOff>88900</xdr:colOff>
      <xdr:row>102</xdr:row>
      <xdr:rowOff>21337</xdr:rowOff>
    </xdr:to>
    <xdr:cxnSp macro="">
      <xdr:nvCxnSpPr>
        <xdr:cNvPr id="465" name="直線コネクタ 464">
          <a:extLst>
            <a:ext uri="{FF2B5EF4-FFF2-40B4-BE49-F238E27FC236}">
              <a16:creationId xmlns:a16="http://schemas.microsoft.com/office/drawing/2014/main" id="{0177A352-735A-4884-88E5-D2062FBAC2A2}"/>
            </a:ext>
          </a:extLst>
        </xdr:cNvPr>
        <xdr:cNvCxnSpPr/>
      </xdr:nvCxnSpPr>
      <xdr:spPr>
        <a:xfrm>
          <a:off x="9363075" y="16537687"/>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7421</xdr:rowOff>
    </xdr:from>
    <xdr:ext cx="469744" cy="259045"/>
    <xdr:sp macro="" textlink="">
      <xdr:nvSpPr>
        <xdr:cNvPr id="466" name="【市民会館】&#10;一人当たり面積平均値テキスト">
          <a:extLst>
            <a:ext uri="{FF2B5EF4-FFF2-40B4-BE49-F238E27FC236}">
              <a16:creationId xmlns:a16="http://schemas.microsoft.com/office/drawing/2014/main" id="{C363FF0D-0BF7-4F99-AF05-E2803A27B3AD}"/>
            </a:ext>
          </a:extLst>
        </xdr:cNvPr>
        <xdr:cNvSpPr txBox="1"/>
      </xdr:nvSpPr>
      <xdr:spPr>
        <a:xfrm>
          <a:off x="9467850" y="17059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34544</xdr:rowOff>
    </xdr:from>
    <xdr:to>
      <xdr:col>55</xdr:col>
      <xdr:colOff>50800</xdr:colOff>
      <xdr:row>106</xdr:row>
      <xdr:rowOff>136144</xdr:rowOff>
    </xdr:to>
    <xdr:sp macro="" textlink="">
      <xdr:nvSpPr>
        <xdr:cNvPr id="467" name="フローチャート: 判断 466">
          <a:extLst>
            <a:ext uri="{FF2B5EF4-FFF2-40B4-BE49-F238E27FC236}">
              <a16:creationId xmlns:a16="http://schemas.microsoft.com/office/drawing/2014/main" id="{238BA1A6-5649-470A-A4AA-A0613C33EA8D}"/>
            </a:ext>
          </a:extLst>
        </xdr:cNvPr>
        <xdr:cNvSpPr/>
      </xdr:nvSpPr>
      <xdr:spPr>
        <a:xfrm>
          <a:off x="9401175" y="17195419"/>
          <a:ext cx="762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4544</xdr:rowOff>
    </xdr:from>
    <xdr:to>
      <xdr:col>50</xdr:col>
      <xdr:colOff>165100</xdr:colOff>
      <xdr:row>106</xdr:row>
      <xdr:rowOff>136144</xdr:rowOff>
    </xdr:to>
    <xdr:sp macro="" textlink="">
      <xdr:nvSpPr>
        <xdr:cNvPr id="468" name="フローチャート: 判断 467">
          <a:extLst>
            <a:ext uri="{FF2B5EF4-FFF2-40B4-BE49-F238E27FC236}">
              <a16:creationId xmlns:a16="http://schemas.microsoft.com/office/drawing/2014/main" id="{8441DB2D-8D57-4195-BBFA-296B5AF64BC7}"/>
            </a:ext>
          </a:extLst>
        </xdr:cNvPr>
        <xdr:cNvSpPr/>
      </xdr:nvSpPr>
      <xdr:spPr>
        <a:xfrm>
          <a:off x="8639175" y="17195419"/>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4544</xdr:rowOff>
    </xdr:from>
    <xdr:to>
      <xdr:col>46</xdr:col>
      <xdr:colOff>38100</xdr:colOff>
      <xdr:row>106</xdr:row>
      <xdr:rowOff>136144</xdr:rowOff>
    </xdr:to>
    <xdr:sp macro="" textlink="">
      <xdr:nvSpPr>
        <xdr:cNvPr id="469" name="フローチャート: 判断 468">
          <a:extLst>
            <a:ext uri="{FF2B5EF4-FFF2-40B4-BE49-F238E27FC236}">
              <a16:creationId xmlns:a16="http://schemas.microsoft.com/office/drawing/2014/main" id="{1D04B4E8-0E44-4C67-BE33-3721D2014C7D}"/>
            </a:ext>
          </a:extLst>
        </xdr:cNvPr>
        <xdr:cNvSpPr/>
      </xdr:nvSpPr>
      <xdr:spPr>
        <a:xfrm>
          <a:off x="7839075" y="17195419"/>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9115</xdr:rowOff>
    </xdr:from>
    <xdr:to>
      <xdr:col>41</xdr:col>
      <xdr:colOff>101600</xdr:colOff>
      <xdr:row>106</xdr:row>
      <xdr:rowOff>140715</xdr:rowOff>
    </xdr:to>
    <xdr:sp macro="" textlink="">
      <xdr:nvSpPr>
        <xdr:cNvPr id="470" name="フローチャート: 判断 469">
          <a:extLst>
            <a:ext uri="{FF2B5EF4-FFF2-40B4-BE49-F238E27FC236}">
              <a16:creationId xmlns:a16="http://schemas.microsoft.com/office/drawing/2014/main" id="{2B151255-AA0B-4AF6-BF70-61072C4DA0D5}"/>
            </a:ext>
          </a:extLst>
        </xdr:cNvPr>
        <xdr:cNvSpPr/>
      </xdr:nvSpPr>
      <xdr:spPr>
        <a:xfrm>
          <a:off x="7029450" y="1720316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43687</xdr:rowOff>
    </xdr:from>
    <xdr:to>
      <xdr:col>36</xdr:col>
      <xdr:colOff>165100</xdr:colOff>
      <xdr:row>106</xdr:row>
      <xdr:rowOff>145287</xdr:rowOff>
    </xdr:to>
    <xdr:sp macro="" textlink="">
      <xdr:nvSpPr>
        <xdr:cNvPr id="471" name="フローチャート: 判断 470">
          <a:extLst>
            <a:ext uri="{FF2B5EF4-FFF2-40B4-BE49-F238E27FC236}">
              <a16:creationId xmlns:a16="http://schemas.microsoft.com/office/drawing/2014/main" id="{894F6CC4-76E1-4854-A755-2C0F204C452A}"/>
            </a:ext>
          </a:extLst>
        </xdr:cNvPr>
        <xdr:cNvSpPr/>
      </xdr:nvSpPr>
      <xdr:spPr>
        <a:xfrm>
          <a:off x="6238875" y="17210912"/>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4A043D93-D99E-4D9E-8C78-DAD0B71A3698}"/>
            </a:ext>
          </a:extLst>
        </xdr:cNvPr>
        <xdr:cNvSpPr txBox="1"/>
      </xdr:nvSpPr>
      <xdr:spPr>
        <a:xfrm>
          <a:off x="925830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A02BB033-5BB3-4D58-9373-FF44D7ABD24D}"/>
            </a:ext>
          </a:extLst>
        </xdr:cNvPr>
        <xdr:cNvSpPr txBox="1"/>
      </xdr:nvSpPr>
      <xdr:spPr>
        <a:xfrm>
          <a:off x="85153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F34DF78E-5BC1-4575-B18C-ECAAACDE90F8}"/>
            </a:ext>
          </a:extLst>
        </xdr:cNvPr>
        <xdr:cNvSpPr txBox="1"/>
      </xdr:nvSpPr>
      <xdr:spPr>
        <a:xfrm>
          <a:off x="77152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AB5A0657-5C7E-407A-B166-918F74014E5C}"/>
            </a:ext>
          </a:extLst>
        </xdr:cNvPr>
        <xdr:cNvSpPr txBox="1"/>
      </xdr:nvSpPr>
      <xdr:spPr>
        <a:xfrm>
          <a:off x="69056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5B8B9AC9-8B5C-461E-8AB1-8E299E853B7E}"/>
            </a:ext>
          </a:extLst>
        </xdr:cNvPr>
        <xdr:cNvSpPr txBox="1"/>
      </xdr:nvSpPr>
      <xdr:spPr>
        <a:xfrm>
          <a:off x="61150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34544</xdr:rowOff>
    </xdr:from>
    <xdr:to>
      <xdr:col>55</xdr:col>
      <xdr:colOff>50800</xdr:colOff>
      <xdr:row>106</xdr:row>
      <xdr:rowOff>136144</xdr:rowOff>
    </xdr:to>
    <xdr:sp macro="" textlink="">
      <xdr:nvSpPr>
        <xdr:cNvPr id="477" name="楕円 476">
          <a:extLst>
            <a:ext uri="{FF2B5EF4-FFF2-40B4-BE49-F238E27FC236}">
              <a16:creationId xmlns:a16="http://schemas.microsoft.com/office/drawing/2014/main" id="{61EE9C86-CDDA-424E-8FDC-42234C34E853}"/>
            </a:ext>
          </a:extLst>
        </xdr:cNvPr>
        <xdr:cNvSpPr/>
      </xdr:nvSpPr>
      <xdr:spPr>
        <a:xfrm>
          <a:off x="9401175" y="17195419"/>
          <a:ext cx="762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2971</xdr:rowOff>
    </xdr:from>
    <xdr:ext cx="469744" cy="259045"/>
    <xdr:sp macro="" textlink="">
      <xdr:nvSpPr>
        <xdr:cNvPr id="478" name="【市民会館】&#10;一人当たり面積該当値テキスト">
          <a:extLst>
            <a:ext uri="{FF2B5EF4-FFF2-40B4-BE49-F238E27FC236}">
              <a16:creationId xmlns:a16="http://schemas.microsoft.com/office/drawing/2014/main" id="{72A5FFB2-63A6-4F1B-BC0A-FC9B7A316342}"/>
            </a:ext>
          </a:extLst>
        </xdr:cNvPr>
        <xdr:cNvSpPr txBox="1"/>
      </xdr:nvSpPr>
      <xdr:spPr>
        <a:xfrm>
          <a:off x="9467850" y="171738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39115</xdr:rowOff>
    </xdr:from>
    <xdr:to>
      <xdr:col>50</xdr:col>
      <xdr:colOff>165100</xdr:colOff>
      <xdr:row>106</xdr:row>
      <xdr:rowOff>140715</xdr:rowOff>
    </xdr:to>
    <xdr:sp macro="" textlink="">
      <xdr:nvSpPr>
        <xdr:cNvPr id="479" name="楕円 478">
          <a:extLst>
            <a:ext uri="{FF2B5EF4-FFF2-40B4-BE49-F238E27FC236}">
              <a16:creationId xmlns:a16="http://schemas.microsoft.com/office/drawing/2014/main" id="{320D3044-A8C3-4263-8636-286C83DBCDEC}"/>
            </a:ext>
          </a:extLst>
        </xdr:cNvPr>
        <xdr:cNvSpPr/>
      </xdr:nvSpPr>
      <xdr:spPr>
        <a:xfrm>
          <a:off x="8639175" y="17203165"/>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85344</xdr:rowOff>
    </xdr:from>
    <xdr:to>
      <xdr:col>55</xdr:col>
      <xdr:colOff>0</xdr:colOff>
      <xdr:row>106</xdr:row>
      <xdr:rowOff>89915</xdr:rowOff>
    </xdr:to>
    <xdr:cxnSp macro="">
      <xdr:nvCxnSpPr>
        <xdr:cNvPr id="480" name="直線コネクタ 479">
          <a:extLst>
            <a:ext uri="{FF2B5EF4-FFF2-40B4-BE49-F238E27FC236}">
              <a16:creationId xmlns:a16="http://schemas.microsoft.com/office/drawing/2014/main" id="{7C6CF494-7E84-4145-B9E6-4D73C5BF9489}"/>
            </a:ext>
          </a:extLst>
        </xdr:cNvPr>
        <xdr:cNvCxnSpPr/>
      </xdr:nvCxnSpPr>
      <xdr:spPr>
        <a:xfrm flipV="1">
          <a:off x="8686800" y="17252569"/>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48261</xdr:rowOff>
    </xdr:from>
    <xdr:to>
      <xdr:col>46</xdr:col>
      <xdr:colOff>38100</xdr:colOff>
      <xdr:row>106</xdr:row>
      <xdr:rowOff>149861</xdr:rowOff>
    </xdr:to>
    <xdr:sp macro="" textlink="">
      <xdr:nvSpPr>
        <xdr:cNvPr id="481" name="楕円 480">
          <a:extLst>
            <a:ext uri="{FF2B5EF4-FFF2-40B4-BE49-F238E27FC236}">
              <a16:creationId xmlns:a16="http://schemas.microsoft.com/office/drawing/2014/main" id="{87109A8A-C018-4660-B2D4-5C79565F1F18}"/>
            </a:ext>
          </a:extLst>
        </xdr:cNvPr>
        <xdr:cNvSpPr/>
      </xdr:nvSpPr>
      <xdr:spPr>
        <a:xfrm>
          <a:off x="7839075" y="17209136"/>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89915</xdr:rowOff>
    </xdr:from>
    <xdr:to>
      <xdr:col>50</xdr:col>
      <xdr:colOff>114300</xdr:colOff>
      <xdr:row>106</xdr:row>
      <xdr:rowOff>99061</xdr:rowOff>
    </xdr:to>
    <xdr:cxnSp macro="">
      <xdr:nvCxnSpPr>
        <xdr:cNvPr id="482" name="直線コネクタ 481">
          <a:extLst>
            <a:ext uri="{FF2B5EF4-FFF2-40B4-BE49-F238E27FC236}">
              <a16:creationId xmlns:a16="http://schemas.microsoft.com/office/drawing/2014/main" id="{272BF9F3-7702-4076-A4EA-7B96C6FD9E74}"/>
            </a:ext>
          </a:extLst>
        </xdr:cNvPr>
        <xdr:cNvCxnSpPr/>
      </xdr:nvCxnSpPr>
      <xdr:spPr>
        <a:xfrm flipV="1">
          <a:off x="7886700" y="17250790"/>
          <a:ext cx="800100" cy="15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43687</xdr:rowOff>
    </xdr:from>
    <xdr:to>
      <xdr:col>41</xdr:col>
      <xdr:colOff>101600</xdr:colOff>
      <xdr:row>106</xdr:row>
      <xdr:rowOff>145287</xdr:rowOff>
    </xdr:to>
    <xdr:sp macro="" textlink="">
      <xdr:nvSpPr>
        <xdr:cNvPr id="483" name="楕円 482">
          <a:extLst>
            <a:ext uri="{FF2B5EF4-FFF2-40B4-BE49-F238E27FC236}">
              <a16:creationId xmlns:a16="http://schemas.microsoft.com/office/drawing/2014/main" id="{E522FE15-7B88-4D04-AC6A-8ADDA09F1FB6}"/>
            </a:ext>
          </a:extLst>
        </xdr:cNvPr>
        <xdr:cNvSpPr/>
      </xdr:nvSpPr>
      <xdr:spPr>
        <a:xfrm>
          <a:off x="7029450" y="17210912"/>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94487</xdr:rowOff>
    </xdr:from>
    <xdr:to>
      <xdr:col>45</xdr:col>
      <xdr:colOff>177800</xdr:colOff>
      <xdr:row>106</xdr:row>
      <xdr:rowOff>99061</xdr:rowOff>
    </xdr:to>
    <xdr:cxnSp macro="">
      <xdr:nvCxnSpPr>
        <xdr:cNvPr id="484" name="直線コネクタ 483">
          <a:extLst>
            <a:ext uri="{FF2B5EF4-FFF2-40B4-BE49-F238E27FC236}">
              <a16:creationId xmlns:a16="http://schemas.microsoft.com/office/drawing/2014/main" id="{21C2581E-D919-4D06-B550-A6EEDB2E0746}"/>
            </a:ext>
          </a:extLst>
        </xdr:cNvPr>
        <xdr:cNvCxnSpPr/>
      </xdr:nvCxnSpPr>
      <xdr:spPr>
        <a:xfrm>
          <a:off x="7077075" y="17258537"/>
          <a:ext cx="809625" cy="7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48261</xdr:rowOff>
    </xdr:from>
    <xdr:to>
      <xdr:col>36</xdr:col>
      <xdr:colOff>165100</xdr:colOff>
      <xdr:row>106</xdr:row>
      <xdr:rowOff>149861</xdr:rowOff>
    </xdr:to>
    <xdr:sp macro="" textlink="">
      <xdr:nvSpPr>
        <xdr:cNvPr id="485" name="楕円 484">
          <a:extLst>
            <a:ext uri="{FF2B5EF4-FFF2-40B4-BE49-F238E27FC236}">
              <a16:creationId xmlns:a16="http://schemas.microsoft.com/office/drawing/2014/main" id="{969A0415-C2C4-468D-B60C-1AC2A17C39EB}"/>
            </a:ext>
          </a:extLst>
        </xdr:cNvPr>
        <xdr:cNvSpPr/>
      </xdr:nvSpPr>
      <xdr:spPr>
        <a:xfrm>
          <a:off x="6238875" y="17209136"/>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94487</xdr:rowOff>
    </xdr:from>
    <xdr:to>
      <xdr:col>41</xdr:col>
      <xdr:colOff>50800</xdr:colOff>
      <xdr:row>106</xdr:row>
      <xdr:rowOff>99061</xdr:rowOff>
    </xdr:to>
    <xdr:cxnSp macro="">
      <xdr:nvCxnSpPr>
        <xdr:cNvPr id="486" name="直線コネクタ 485">
          <a:extLst>
            <a:ext uri="{FF2B5EF4-FFF2-40B4-BE49-F238E27FC236}">
              <a16:creationId xmlns:a16="http://schemas.microsoft.com/office/drawing/2014/main" id="{8D788E7A-09DC-4FEC-A846-2E9C40770D8E}"/>
            </a:ext>
          </a:extLst>
        </xdr:cNvPr>
        <xdr:cNvCxnSpPr/>
      </xdr:nvCxnSpPr>
      <xdr:spPr>
        <a:xfrm flipV="1">
          <a:off x="6286500" y="17258537"/>
          <a:ext cx="790575" cy="7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2671</xdr:rowOff>
    </xdr:from>
    <xdr:ext cx="469744" cy="259045"/>
    <xdr:sp macro="" textlink="">
      <xdr:nvSpPr>
        <xdr:cNvPr id="487" name="n_1aveValue【市民会館】&#10;一人当たり面積">
          <a:extLst>
            <a:ext uri="{FF2B5EF4-FFF2-40B4-BE49-F238E27FC236}">
              <a16:creationId xmlns:a16="http://schemas.microsoft.com/office/drawing/2014/main" id="{2400D990-8734-4EDE-9D8A-3B3C9A116293}"/>
            </a:ext>
          </a:extLst>
        </xdr:cNvPr>
        <xdr:cNvSpPr txBox="1"/>
      </xdr:nvSpPr>
      <xdr:spPr>
        <a:xfrm>
          <a:off x="8458277" y="16992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52671</xdr:rowOff>
    </xdr:from>
    <xdr:ext cx="469744" cy="259045"/>
    <xdr:sp macro="" textlink="">
      <xdr:nvSpPr>
        <xdr:cNvPr id="488" name="n_2aveValue【市民会館】&#10;一人当たり面積">
          <a:extLst>
            <a:ext uri="{FF2B5EF4-FFF2-40B4-BE49-F238E27FC236}">
              <a16:creationId xmlns:a16="http://schemas.microsoft.com/office/drawing/2014/main" id="{4F0DD3E8-326E-4FE8-A105-6A335718F402}"/>
            </a:ext>
          </a:extLst>
        </xdr:cNvPr>
        <xdr:cNvSpPr txBox="1"/>
      </xdr:nvSpPr>
      <xdr:spPr>
        <a:xfrm>
          <a:off x="7677227" y="16992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7242</xdr:rowOff>
    </xdr:from>
    <xdr:ext cx="469744" cy="259045"/>
    <xdr:sp macro="" textlink="">
      <xdr:nvSpPr>
        <xdr:cNvPr id="489" name="n_3aveValue【市民会館】&#10;一人当たり面積">
          <a:extLst>
            <a:ext uri="{FF2B5EF4-FFF2-40B4-BE49-F238E27FC236}">
              <a16:creationId xmlns:a16="http://schemas.microsoft.com/office/drawing/2014/main" id="{E171DD6A-95D9-4235-8C3F-FD73B1FB25ED}"/>
            </a:ext>
          </a:extLst>
        </xdr:cNvPr>
        <xdr:cNvSpPr txBox="1"/>
      </xdr:nvSpPr>
      <xdr:spPr>
        <a:xfrm>
          <a:off x="6867602" y="17000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61814</xdr:rowOff>
    </xdr:from>
    <xdr:ext cx="469744" cy="259045"/>
    <xdr:sp macro="" textlink="">
      <xdr:nvSpPr>
        <xdr:cNvPr id="490" name="n_4aveValue【市民会館】&#10;一人当たり面積">
          <a:extLst>
            <a:ext uri="{FF2B5EF4-FFF2-40B4-BE49-F238E27FC236}">
              <a16:creationId xmlns:a16="http://schemas.microsoft.com/office/drawing/2014/main" id="{D1E496AA-733B-4752-BCCA-475635855648}"/>
            </a:ext>
          </a:extLst>
        </xdr:cNvPr>
        <xdr:cNvSpPr txBox="1"/>
      </xdr:nvSpPr>
      <xdr:spPr>
        <a:xfrm>
          <a:off x="6067502" y="17005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31842</xdr:rowOff>
    </xdr:from>
    <xdr:ext cx="469744" cy="259045"/>
    <xdr:sp macro="" textlink="">
      <xdr:nvSpPr>
        <xdr:cNvPr id="491" name="n_1mainValue【市民会館】&#10;一人当たり面積">
          <a:extLst>
            <a:ext uri="{FF2B5EF4-FFF2-40B4-BE49-F238E27FC236}">
              <a16:creationId xmlns:a16="http://schemas.microsoft.com/office/drawing/2014/main" id="{05E4AAFD-C497-466A-8A8C-E5517025B9C8}"/>
            </a:ext>
          </a:extLst>
        </xdr:cNvPr>
        <xdr:cNvSpPr txBox="1"/>
      </xdr:nvSpPr>
      <xdr:spPr>
        <a:xfrm>
          <a:off x="8458277" y="17295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40988</xdr:rowOff>
    </xdr:from>
    <xdr:ext cx="469744" cy="259045"/>
    <xdr:sp macro="" textlink="">
      <xdr:nvSpPr>
        <xdr:cNvPr id="492" name="n_2mainValue【市民会館】&#10;一人当たり面積">
          <a:extLst>
            <a:ext uri="{FF2B5EF4-FFF2-40B4-BE49-F238E27FC236}">
              <a16:creationId xmlns:a16="http://schemas.microsoft.com/office/drawing/2014/main" id="{BD563BA4-90F9-40EC-9C63-4952AB8A5D59}"/>
            </a:ext>
          </a:extLst>
        </xdr:cNvPr>
        <xdr:cNvSpPr txBox="1"/>
      </xdr:nvSpPr>
      <xdr:spPr>
        <a:xfrm>
          <a:off x="7677227" y="17308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36414</xdr:rowOff>
    </xdr:from>
    <xdr:ext cx="469744" cy="259045"/>
    <xdr:sp macro="" textlink="">
      <xdr:nvSpPr>
        <xdr:cNvPr id="493" name="n_3mainValue【市民会館】&#10;一人当たり面積">
          <a:extLst>
            <a:ext uri="{FF2B5EF4-FFF2-40B4-BE49-F238E27FC236}">
              <a16:creationId xmlns:a16="http://schemas.microsoft.com/office/drawing/2014/main" id="{412EC338-10EC-47AA-BC2D-981FBB7DC52B}"/>
            </a:ext>
          </a:extLst>
        </xdr:cNvPr>
        <xdr:cNvSpPr txBox="1"/>
      </xdr:nvSpPr>
      <xdr:spPr>
        <a:xfrm>
          <a:off x="6867602" y="17300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40988</xdr:rowOff>
    </xdr:from>
    <xdr:ext cx="469744" cy="259045"/>
    <xdr:sp macro="" textlink="">
      <xdr:nvSpPr>
        <xdr:cNvPr id="494" name="n_4mainValue【市民会館】&#10;一人当たり面積">
          <a:extLst>
            <a:ext uri="{FF2B5EF4-FFF2-40B4-BE49-F238E27FC236}">
              <a16:creationId xmlns:a16="http://schemas.microsoft.com/office/drawing/2014/main" id="{3CC1564D-4F01-4A8A-BFA7-CF104AC4501E}"/>
            </a:ext>
          </a:extLst>
        </xdr:cNvPr>
        <xdr:cNvSpPr txBox="1"/>
      </xdr:nvSpPr>
      <xdr:spPr>
        <a:xfrm>
          <a:off x="6067502" y="17308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a:extLst>
            <a:ext uri="{FF2B5EF4-FFF2-40B4-BE49-F238E27FC236}">
              <a16:creationId xmlns:a16="http://schemas.microsoft.com/office/drawing/2014/main" id="{712ACE17-ECED-4071-9182-D106EA1AF66B}"/>
            </a:ext>
          </a:extLst>
        </xdr:cNvPr>
        <xdr:cNvSpPr/>
      </xdr:nvSpPr>
      <xdr:spPr>
        <a:xfrm>
          <a:off x="11210925" y="39624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a:extLst>
            <a:ext uri="{FF2B5EF4-FFF2-40B4-BE49-F238E27FC236}">
              <a16:creationId xmlns:a16="http://schemas.microsoft.com/office/drawing/2014/main" id="{FE9C7464-9650-4B9F-90FC-19302A09C857}"/>
            </a:ext>
          </a:extLst>
        </xdr:cNvPr>
        <xdr:cNvSpPr/>
      </xdr:nvSpPr>
      <xdr:spPr>
        <a:xfrm>
          <a:off x="113157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a:extLst>
            <a:ext uri="{FF2B5EF4-FFF2-40B4-BE49-F238E27FC236}">
              <a16:creationId xmlns:a16="http://schemas.microsoft.com/office/drawing/2014/main" id="{5AE229B7-5001-4321-99C0-7EEC93C92401}"/>
            </a:ext>
          </a:extLst>
        </xdr:cNvPr>
        <xdr:cNvSpPr/>
      </xdr:nvSpPr>
      <xdr:spPr>
        <a:xfrm>
          <a:off x="113157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a:extLst>
            <a:ext uri="{FF2B5EF4-FFF2-40B4-BE49-F238E27FC236}">
              <a16:creationId xmlns:a16="http://schemas.microsoft.com/office/drawing/2014/main" id="{B7441737-A5D8-4624-A4A3-7E99FF8F2398}"/>
            </a:ext>
          </a:extLst>
        </xdr:cNvPr>
        <xdr:cNvSpPr/>
      </xdr:nvSpPr>
      <xdr:spPr>
        <a:xfrm>
          <a:off x="122396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a:extLst>
            <a:ext uri="{FF2B5EF4-FFF2-40B4-BE49-F238E27FC236}">
              <a16:creationId xmlns:a16="http://schemas.microsoft.com/office/drawing/2014/main" id="{B6C4CB49-6228-4BCF-AECD-A5975C566992}"/>
            </a:ext>
          </a:extLst>
        </xdr:cNvPr>
        <xdr:cNvSpPr/>
      </xdr:nvSpPr>
      <xdr:spPr>
        <a:xfrm>
          <a:off x="122396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a:extLst>
            <a:ext uri="{FF2B5EF4-FFF2-40B4-BE49-F238E27FC236}">
              <a16:creationId xmlns:a16="http://schemas.microsoft.com/office/drawing/2014/main" id="{D3AC41E1-0EA5-4089-921F-79D4EF91700B}"/>
            </a:ext>
          </a:extLst>
        </xdr:cNvPr>
        <xdr:cNvSpPr/>
      </xdr:nvSpPr>
      <xdr:spPr>
        <a:xfrm>
          <a:off x="132683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a:extLst>
            <a:ext uri="{FF2B5EF4-FFF2-40B4-BE49-F238E27FC236}">
              <a16:creationId xmlns:a16="http://schemas.microsoft.com/office/drawing/2014/main" id="{8D991618-9663-431A-8AC0-7FA1E1B2FAE9}"/>
            </a:ext>
          </a:extLst>
        </xdr:cNvPr>
        <xdr:cNvSpPr/>
      </xdr:nvSpPr>
      <xdr:spPr>
        <a:xfrm>
          <a:off x="132683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a:extLst>
            <a:ext uri="{FF2B5EF4-FFF2-40B4-BE49-F238E27FC236}">
              <a16:creationId xmlns:a16="http://schemas.microsoft.com/office/drawing/2014/main" id="{02ABCD37-696B-4660-9046-DCDC35CC849C}"/>
            </a:ext>
          </a:extLst>
        </xdr:cNvPr>
        <xdr:cNvSpPr/>
      </xdr:nvSpPr>
      <xdr:spPr>
        <a:xfrm>
          <a:off x="11210925" y="50387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a:extLst>
            <a:ext uri="{FF2B5EF4-FFF2-40B4-BE49-F238E27FC236}">
              <a16:creationId xmlns:a16="http://schemas.microsoft.com/office/drawing/2014/main" id="{92F6D5AB-8D6D-44AA-BF7E-98DD228CFCEE}"/>
            </a:ext>
          </a:extLst>
        </xdr:cNvPr>
        <xdr:cNvSpPr txBox="1"/>
      </xdr:nvSpPr>
      <xdr:spPr>
        <a:xfrm>
          <a:off x="11172825" y="48577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a:extLst>
            <a:ext uri="{FF2B5EF4-FFF2-40B4-BE49-F238E27FC236}">
              <a16:creationId xmlns:a16="http://schemas.microsoft.com/office/drawing/2014/main" id="{B966926D-37C4-426C-9294-A4E1BF0CD67A}"/>
            </a:ext>
          </a:extLst>
        </xdr:cNvPr>
        <xdr:cNvCxnSpPr/>
      </xdr:nvCxnSpPr>
      <xdr:spPr>
        <a:xfrm>
          <a:off x="11210925" y="72009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5" name="テキスト ボックス 504">
          <a:extLst>
            <a:ext uri="{FF2B5EF4-FFF2-40B4-BE49-F238E27FC236}">
              <a16:creationId xmlns:a16="http://schemas.microsoft.com/office/drawing/2014/main" id="{5AD5D3A7-6365-46FE-834A-9EDBD3C8AB58}"/>
            </a:ext>
          </a:extLst>
        </xdr:cNvPr>
        <xdr:cNvSpPr txBox="1"/>
      </xdr:nvSpPr>
      <xdr:spPr>
        <a:xfrm>
          <a:off x="10845966" y="7065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06" name="直線コネクタ 505">
          <a:extLst>
            <a:ext uri="{FF2B5EF4-FFF2-40B4-BE49-F238E27FC236}">
              <a16:creationId xmlns:a16="http://schemas.microsoft.com/office/drawing/2014/main" id="{5A5A82C6-DD79-4CD5-B23E-6697378A858C}"/>
            </a:ext>
          </a:extLst>
        </xdr:cNvPr>
        <xdr:cNvCxnSpPr/>
      </xdr:nvCxnSpPr>
      <xdr:spPr>
        <a:xfrm>
          <a:off x="11210925" y="67722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07" name="テキスト ボックス 506">
          <a:extLst>
            <a:ext uri="{FF2B5EF4-FFF2-40B4-BE49-F238E27FC236}">
              <a16:creationId xmlns:a16="http://schemas.microsoft.com/office/drawing/2014/main" id="{F0E4D2C6-B2E1-4350-B3D4-7E9B078BEDDD}"/>
            </a:ext>
          </a:extLst>
        </xdr:cNvPr>
        <xdr:cNvSpPr txBox="1"/>
      </xdr:nvSpPr>
      <xdr:spPr>
        <a:xfrm>
          <a:off x="10845966" y="66364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08" name="直線コネクタ 507">
          <a:extLst>
            <a:ext uri="{FF2B5EF4-FFF2-40B4-BE49-F238E27FC236}">
              <a16:creationId xmlns:a16="http://schemas.microsoft.com/office/drawing/2014/main" id="{57CF717A-4CD9-4813-A203-1F69EBCAF823}"/>
            </a:ext>
          </a:extLst>
        </xdr:cNvPr>
        <xdr:cNvCxnSpPr/>
      </xdr:nvCxnSpPr>
      <xdr:spPr>
        <a:xfrm>
          <a:off x="11210925" y="63341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09" name="テキスト ボックス 508">
          <a:extLst>
            <a:ext uri="{FF2B5EF4-FFF2-40B4-BE49-F238E27FC236}">
              <a16:creationId xmlns:a16="http://schemas.microsoft.com/office/drawing/2014/main" id="{9530568C-490F-416B-BBDA-574A31954E5D}"/>
            </a:ext>
          </a:extLst>
        </xdr:cNvPr>
        <xdr:cNvSpPr txBox="1"/>
      </xdr:nvSpPr>
      <xdr:spPr>
        <a:xfrm>
          <a:off x="10845966" y="61982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10" name="直線コネクタ 509">
          <a:extLst>
            <a:ext uri="{FF2B5EF4-FFF2-40B4-BE49-F238E27FC236}">
              <a16:creationId xmlns:a16="http://schemas.microsoft.com/office/drawing/2014/main" id="{5E91003B-58C5-4711-B18E-5D67D6D45454}"/>
            </a:ext>
          </a:extLst>
        </xdr:cNvPr>
        <xdr:cNvCxnSpPr/>
      </xdr:nvCxnSpPr>
      <xdr:spPr>
        <a:xfrm>
          <a:off x="11210925" y="59055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11" name="テキスト ボックス 510">
          <a:extLst>
            <a:ext uri="{FF2B5EF4-FFF2-40B4-BE49-F238E27FC236}">
              <a16:creationId xmlns:a16="http://schemas.microsoft.com/office/drawing/2014/main" id="{401EBD42-2F1B-4CAF-B939-56BD293AE603}"/>
            </a:ext>
          </a:extLst>
        </xdr:cNvPr>
        <xdr:cNvSpPr txBox="1"/>
      </xdr:nvSpPr>
      <xdr:spPr>
        <a:xfrm>
          <a:off x="10845966" y="57696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12" name="直線コネクタ 511">
          <a:extLst>
            <a:ext uri="{FF2B5EF4-FFF2-40B4-BE49-F238E27FC236}">
              <a16:creationId xmlns:a16="http://schemas.microsoft.com/office/drawing/2014/main" id="{129822CF-52F0-47B4-96FE-F6EF61F24C66}"/>
            </a:ext>
          </a:extLst>
        </xdr:cNvPr>
        <xdr:cNvCxnSpPr/>
      </xdr:nvCxnSpPr>
      <xdr:spPr>
        <a:xfrm>
          <a:off x="11210925" y="54768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13" name="テキスト ボックス 512">
          <a:extLst>
            <a:ext uri="{FF2B5EF4-FFF2-40B4-BE49-F238E27FC236}">
              <a16:creationId xmlns:a16="http://schemas.microsoft.com/office/drawing/2014/main" id="{2FD0C17D-A346-4F22-A214-22C8A10E9414}"/>
            </a:ext>
          </a:extLst>
        </xdr:cNvPr>
        <xdr:cNvSpPr txBox="1"/>
      </xdr:nvSpPr>
      <xdr:spPr>
        <a:xfrm>
          <a:off x="10845966" y="53410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a:extLst>
            <a:ext uri="{FF2B5EF4-FFF2-40B4-BE49-F238E27FC236}">
              <a16:creationId xmlns:a16="http://schemas.microsoft.com/office/drawing/2014/main" id="{F7AF18AD-9D48-41FC-AB62-EE17CD787D66}"/>
            </a:ext>
          </a:extLst>
        </xdr:cNvPr>
        <xdr:cNvCxnSpPr/>
      </xdr:nvCxnSpPr>
      <xdr:spPr>
        <a:xfrm>
          <a:off x="11210925" y="50387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5" name="テキスト ボックス 514">
          <a:extLst>
            <a:ext uri="{FF2B5EF4-FFF2-40B4-BE49-F238E27FC236}">
              <a16:creationId xmlns:a16="http://schemas.microsoft.com/office/drawing/2014/main" id="{1AAE3FEA-3D8F-4AC2-879F-86008147E6F2}"/>
            </a:ext>
          </a:extLst>
        </xdr:cNvPr>
        <xdr:cNvSpPr txBox="1"/>
      </xdr:nvSpPr>
      <xdr:spPr>
        <a:xfrm>
          <a:off x="10845966" y="49028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一般廃棄物処理施設】&#10;有形固定資産減価償却率グラフ枠">
          <a:extLst>
            <a:ext uri="{FF2B5EF4-FFF2-40B4-BE49-F238E27FC236}">
              <a16:creationId xmlns:a16="http://schemas.microsoft.com/office/drawing/2014/main" id="{994EA0C7-E3D1-44FE-B147-9E3916DD1086}"/>
            </a:ext>
          </a:extLst>
        </xdr:cNvPr>
        <xdr:cNvSpPr/>
      </xdr:nvSpPr>
      <xdr:spPr>
        <a:xfrm>
          <a:off x="11210925" y="50387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89916</xdr:rowOff>
    </xdr:from>
    <xdr:to>
      <xdr:col>85</xdr:col>
      <xdr:colOff>126364</xdr:colOff>
      <xdr:row>42</xdr:row>
      <xdr:rowOff>39624</xdr:rowOff>
    </xdr:to>
    <xdr:cxnSp macro="">
      <xdr:nvCxnSpPr>
        <xdr:cNvPr id="517" name="直線コネクタ 516">
          <a:extLst>
            <a:ext uri="{FF2B5EF4-FFF2-40B4-BE49-F238E27FC236}">
              <a16:creationId xmlns:a16="http://schemas.microsoft.com/office/drawing/2014/main" id="{80518647-F8E5-43D7-A196-87FD41C694AC}"/>
            </a:ext>
          </a:extLst>
        </xdr:cNvPr>
        <xdr:cNvCxnSpPr/>
      </xdr:nvCxnSpPr>
      <xdr:spPr>
        <a:xfrm flipV="1">
          <a:off x="14696439" y="5592191"/>
          <a:ext cx="0" cy="1248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3451</xdr:rowOff>
    </xdr:from>
    <xdr:ext cx="405111" cy="259045"/>
    <xdr:sp macro="" textlink="">
      <xdr:nvSpPr>
        <xdr:cNvPr id="518" name="【一般廃棄物処理施設】&#10;有形固定資産減価償却率最小値テキスト">
          <a:extLst>
            <a:ext uri="{FF2B5EF4-FFF2-40B4-BE49-F238E27FC236}">
              <a16:creationId xmlns:a16="http://schemas.microsoft.com/office/drawing/2014/main" id="{8C734E5C-6F6F-43C7-AFD8-5E1FA777CF85}"/>
            </a:ext>
          </a:extLst>
        </xdr:cNvPr>
        <xdr:cNvSpPr txBox="1"/>
      </xdr:nvSpPr>
      <xdr:spPr>
        <a:xfrm>
          <a:off x="14735175" y="6847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9624</xdr:rowOff>
    </xdr:from>
    <xdr:to>
      <xdr:col>86</xdr:col>
      <xdr:colOff>25400</xdr:colOff>
      <xdr:row>42</xdr:row>
      <xdr:rowOff>39624</xdr:rowOff>
    </xdr:to>
    <xdr:cxnSp macro="">
      <xdr:nvCxnSpPr>
        <xdr:cNvPr id="519" name="直線コネクタ 518">
          <a:extLst>
            <a:ext uri="{FF2B5EF4-FFF2-40B4-BE49-F238E27FC236}">
              <a16:creationId xmlns:a16="http://schemas.microsoft.com/office/drawing/2014/main" id="{A8479FCC-9D85-4126-99B5-A53151AD704D}"/>
            </a:ext>
          </a:extLst>
        </xdr:cNvPr>
        <xdr:cNvCxnSpPr/>
      </xdr:nvCxnSpPr>
      <xdr:spPr>
        <a:xfrm>
          <a:off x="14611350" y="684047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36593</xdr:rowOff>
    </xdr:from>
    <xdr:ext cx="405111" cy="259045"/>
    <xdr:sp macro="" textlink="">
      <xdr:nvSpPr>
        <xdr:cNvPr id="520" name="【一般廃棄物処理施設】&#10;有形固定資産減価償却率最大値テキスト">
          <a:extLst>
            <a:ext uri="{FF2B5EF4-FFF2-40B4-BE49-F238E27FC236}">
              <a16:creationId xmlns:a16="http://schemas.microsoft.com/office/drawing/2014/main" id="{4B1E5663-B257-4DF7-82F5-DABDD7CB284F}"/>
            </a:ext>
          </a:extLst>
        </xdr:cNvPr>
        <xdr:cNvSpPr txBox="1"/>
      </xdr:nvSpPr>
      <xdr:spPr>
        <a:xfrm>
          <a:off x="14735175" y="53801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89916</xdr:rowOff>
    </xdr:from>
    <xdr:to>
      <xdr:col>86</xdr:col>
      <xdr:colOff>25400</xdr:colOff>
      <xdr:row>34</xdr:row>
      <xdr:rowOff>89916</xdr:rowOff>
    </xdr:to>
    <xdr:cxnSp macro="">
      <xdr:nvCxnSpPr>
        <xdr:cNvPr id="521" name="直線コネクタ 520">
          <a:extLst>
            <a:ext uri="{FF2B5EF4-FFF2-40B4-BE49-F238E27FC236}">
              <a16:creationId xmlns:a16="http://schemas.microsoft.com/office/drawing/2014/main" id="{3A04800E-0ABA-468B-B2E8-8AFD628AD8A4}"/>
            </a:ext>
          </a:extLst>
        </xdr:cNvPr>
        <xdr:cNvCxnSpPr/>
      </xdr:nvCxnSpPr>
      <xdr:spPr>
        <a:xfrm>
          <a:off x="14611350" y="5592191"/>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7421</xdr:rowOff>
    </xdr:from>
    <xdr:ext cx="405111" cy="259045"/>
    <xdr:sp macro="" textlink="">
      <xdr:nvSpPr>
        <xdr:cNvPr id="522" name="【一般廃棄物処理施設】&#10;有形固定資産減価償却率平均値テキスト">
          <a:extLst>
            <a:ext uri="{FF2B5EF4-FFF2-40B4-BE49-F238E27FC236}">
              <a16:creationId xmlns:a16="http://schemas.microsoft.com/office/drawing/2014/main" id="{2BBD1894-B4B6-4F02-91BC-C0B724DAE302}"/>
            </a:ext>
          </a:extLst>
        </xdr:cNvPr>
        <xdr:cNvSpPr txBox="1"/>
      </xdr:nvSpPr>
      <xdr:spPr>
        <a:xfrm>
          <a:off x="14735175" y="60486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4544</xdr:rowOff>
    </xdr:from>
    <xdr:to>
      <xdr:col>85</xdr:col>
      <xdr:colOff>177800</xdr:colOff>
      <xdr:row>38</xdr:row>
      <xdr:rowOff>136144</xdr:rowOff>
    </xdr:to>
    <xdr:sp macro="" textlink="">
      <xdr:nvSpPr>
        <xdr:cNvPr id="523" name="フローチャート: 判断 522">
          <a:extLst>
            <a:ext uri="{FF2B5EF4-FFF2-40B4-BE49-F238E27FC236}">
              <a16:creationId xmlns:a16="http://schemas.microsoft.com/office/drawing/2014/main" id="{67C601BC-BAF9-45D0-B80A-191A20DA97BB}"/>
            </a:ext>
          </a:extLst>
        </xdr:cNvPr>
        <xdr:cNvSpPr/>
      </xdr:nvSpPr>
      <xdr:spPr>
        <a:xfrm>
          <a:off x="14649450" y="6184519"/>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5702</xdr:rowOff>
    </xdr:from>
    <xdr:to>
      <xdr:col>81</xdr:col>
      <xdr:colOff>101600</xdr:colOff>
      <xdr:row>38</xdr:row>
      <xdr:rowOff>85852</xdr:rowOff>
    </xdr:to>
    <xdr:sp macro="" textlink="">
      <xdr:nvSpPr>
        <xdr:cNvPr id="524" name="フローチャート: 判断 523">
          <a:extLst>
            <a:ext uri="{FF2B5EF4-FFF2-40B4-BE49-F238E27FC236}">
              <a16:creationId xmlns:a16="http://schemas.microsoft.com/office/drawing/2014/main" id="{7614FF6C-0651-47A7-A257-BD3089AFA144}"/>
            </a:ext>
          </a:extLst>
        </xdr:cNvPr>
        <xdr:cNvSpPr/>
      </xdr:nvSpPr>
      <xdr:spPr>
        <a:xfrm>
          <a:off x="13887450" y="6150102"/>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4544</xdr:rowOff>
    </xdr:from>
    <xdr:to>
      <xdr:col>76</xdr:col>
      <xdr:colOff>165100</xdr:colOff>
      <xdr:row>38</xdr:row>
      <xdr:rowOff>136144</xdr:rowOff>
    </xdr:to>
    <xdr:sp macro="" textlink="">
      <xdr:nvSpPr>
        <xdr:cNvPr id="525" name="フローチャート: 判断 524">
          <a:extLst>
            <a:ext uri="{FF2B5EF4-FFF2-40B4-BE49-F238E27FC236}">
              <a16:creationId xmlns:a16="http://schemas.microsoft.com/office/drawing/2014/main" id="{83625F1A-F6F5-4994-A73E-669B115418D1}"/>
            </a:ext>
          </a:extLst>
        </xdr:cNvPr>
        <xdr:cNvSpPr/>
      </xdr:nvSpPr>
      <xdr:spPr>
        <a:xfrm>
          <a:off x="13096875" y="6184519"/>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2540</xdr:rowOff>
    </xdr:from>
    <xdr:to>
      <xdr:col>72</xdr:col>
      <xdr:colOff>38100</xdr:colOff>
      <xdr:row>38</xdr:row>
      <xdr:rowOff>104140</xdr:rowOff>
    </xdr:to>
    <xdr:sp macro="" textlink="">
      <xdr:nvSpPr>
        <xdr:cNvPr id="526" name="フローチャート: 判断 525">
          <a:extLst>
            <a:ext uri="{FF2B5EF4-FFF2-40B4-BE49-F238E27FC236}">
              <a16:creationId xmlns:a16="http://schemas.microsoft.com/office/drawing/2014/main" id="{3FA60283-A7ED-4E57-BE30-DFF96E0271CE}"/>
            </a:ext>
          </a:extLst>
        </xdr:cNvPr>
        <xdr:cNvSpPr/>
      </xdr:nvSpPr>
      <xdr:spPr>
        <a:xfrm>
          <a:off x="12296775" y="6155690"/>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55118</xdr:rowOff>
    </xdr:from>
    <xdr:to>
      <xdr:col>67</xdr:col>
      <xdr:colOff>101600</xdr:colOff>
      <xdr:row>37</xdr:row>
      <xdr:rowOff>156718</xdr:rowOff>
    </xdr:to>
    <xdr:sp macro="" textlink="">
      <xdr:nvSpPr>
        <xdr:cNvPr id="527" name="フローチャート: 判断 526">
          <a:extLst>
            <a:ext uri="{FF2B5EF4-FFF2-40B4-BE49-F238E27FC236}">
              <a16:creationId xmlns:a16="http://schemas.microsoft.com/office/drawing/2014/main" id="{0F33E712-BF60-4D36-AB06-B2CE59EA5607}"/>
            </a:ext>
          </a:extLst>
        </xdr:cNvPr>
        <xdr:cNvSpPr/>
      </xdr:nvSpPr>
      <xdr:spPr>
        <a:xfrm>
          <a:off x="11487150" y="6046343"/>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C4B06A79-750E-4081-90B4-9B7C04FDE656}"/>
            </a:ext>
          </a:extLst>
        </xdr:cNvPr>
        <xdr:cNvSpPr txBox="1"/>
      </xdr:nvSpPr>
      <xdr:spPr>
        <a:xfrm>
          <a:off x="14525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6EC1D5D3-BCF6-4F06-B55D-75473D9697C8}"/>
            </a:ext>
          </a:extLst>
        </xdr:cNvPr>
        <xdr:cNvSpPr txBox="1"/>
      </xdr:nvSpPr>
      <xdr:spPr>
        <a:xfrm>
          <a:off x="13763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A169B382-8542-46EA-A4F4-052D4129BA78}"/>
            </a:ext>
          </a:extLst>
        </xdr:cNvPr>
        <xdr:cNvSpPr txBox="1"/>
      </xdr:nvSpPr>
      <xdr:spPr>
        <a:xfrm>
          <a:off x="129730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11903EF3-9904-4B87-93B8-3040F5812BB3}"/>
            </a:ext>
          </a:extLst>
        </xdr:cNvPr>
        <xdr:cNvSpPr txBox="1"/>
      </xdr:nvSpPr>
      <xdr:spPr>
        <a:xfrm>
          <a:off x="121729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9A5CFE13-54B0-43B9-9057-F6F27D4A8C18}"/>
            </a:ext>
          </a:extLst>
        </xdr:cNvPr>
        <xdr:cNvSpPr txBox="1"/>
      </xdr:nvSpPr>
      <xdr:spPr>
        <a:xfrm>
          <a:off x="113633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80264</xdr:rowOff>
    </xdr:from>
    <xdr:to>
      <xdr:col>85</xdr:col>
      <xdr:colOff>177800</xdr:colOff>
      <xdr:row>41</xdr:row>
      <xdr:rowOff>10414</xdr:rowOff>
    </xdr:to>
    <xdr:sp macro="" textlink="">
      <xdr:nvSpPr>
        <xdr:cNvPr id="533" name="楕円 532">
          <a:extLst>
            <a:ext uri="{FF2B5EF4-FFF2-40B4-BE49-F238E27FC236}">
              <a16:creationId xmlns:a16="http://schemas.microsoft.com/office/drawing/2014/main" id="{FCDDFADD-6473-4DEB-9980-F7523117E830}"/>
            </a:ext>
          </a:extLst>
        </xdr:cNvPr>
        <xdr:cNvSpPr/>
      </xdr:nvSpPr>
      <xdr:spPr>
        <a:xfrm>
          <a:off x="14649450" y="6560439"/>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58691</xdr:rowOff>
    </xdr:from>
    <xdr:ext cx="405111" cy="259045"/>
    <xdr:sp macro="" textlink="">
      <xdr:nvSpPr>
        <xdr:cNvPr id="534" name="【一般廃棄物処理施設】&#10;有形固定資産減価償却率該当値テキスト">
          <a:extLst>
            <a:ext uri="{FF2B5EF4-FFF2-40B4-BE49-F238E27FC236}">
              <a16:creationId xmlns:a16="http://schemas.microsoft.com/office/drawing/2014/main" id="{AD36721C-E7AE-42F7-85B8-BDEF5FC776C5}"/>
            </a:ext>
          </a:extLst>
        </xdr:cNvPr>
        <xdr:cNvSpPr txBox="1"/>
      </xdr:nvSpPr>
      <xdr:spPr>
        <a:xfrm>
          <a:off x="14735175" y="6535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64846</xdr:rowOff>
    </xdr:from>
    <xdr:to>
      <xdr:col>81</xdr:col>
      <xdr:colOff>101600</xdr:colOff>
      <xdr:row>40</xdr:row>
      <xdr:rowOff>94996</xdr:rowOff>
    </xdr:to>
    <xdr:sp macro="" textlink="">
      <xdr:nvSpPr>
        <xdr:cNvPr id="535" name="楕円 534">
          <a:extLst>
            <a:ext uri="{FF2B5EF4-FFF2-40B4-BE49-F238E27FC236}">
              <a16:creationId xmlns:a16="http://schemas.microsoft.com/office/drawing/2014/main" id="{D75B7ED1-EB04-4B2E-AE70-8254F42F38FA}"/>
            </a:ext>
          </a:extLst>
        </xdr:cNvPr>
        <xdr:cNvSpPr/>
      </xdr:nvSpPr>
      <xdr:spPr>
        <a:xfrm>
          <a:off x="13887450" y="6476746"/>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44196</xdr:rowOff>
    </xdr:from>
    <xdr:to>
      <xdr:col>85</xdr:col>
      <xdr:colOff>127000</xdr:colOff>
      <xdr:row>40</xdr:row>
      <xdr:rowOff>131064</xdr:rowOff>
    </xdr:to>
    <xdr:cxnSp macro="">
      <xdr:nvCxnSpPr>
        <xdr:cNvPr id="536" name="直線コネクタ 535">
          <a:extLst>
            <a:ext uri="{FF2B5EF4-FFF2-40B4-BE49-F238E27FC236}">
              <a16:creationId xmlns:a16="http://schemas.microsoft.com/office/drawing/2014/main" id="{C6AB22E2-9A13-4CCC-8843-A49129C7A821}"/>
            </a:ext>
          </a:extLst>
        </xdr:cNvPr>
        <xdr:cNvCxnSpPr/>
      </xdr:nvCxnSpPr>
      <xdr:spPr>
        <a:xfrm>
          <a:off x="13935075" y="6524371"/>
          <a:ext cx="762000" cy="83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59690</xdr:rowOff>
    </xdr:from>
    <xdr:to>
      <xdr:col>76</xdr:col>
      <xdr:colOff>165100</xdr:colOff>
      <xdr:row>39</xdr:row>
      <xdr:rowOff>161290</xdr:rowOff>
    </xdr:to>
    <xdr:sp macro="" textlink="">
      <xdr:nvSpPr>
        <xdr:cNvPr id="537" name="楕円 536">
          <a:extLst>
            <a:ext uri="{FF2B5EF4-FFF2-40B4-BE49-F238E27FC236}">
              <a16:creationId xmlns:a16="http://schemas.microsoft.com/office/drawing/2014/main" id="{9EFEDB2D-BF2B-4D7D-95EB-42B186EE674F}"/>
            </a:ext>
          </a:extLst>
        </xdr:cNvPr>
        <xdr:cNvSpPr/>
      </xdr:nvSpPr>
      <xdr:spPr>
        <a:xfrm>
          <a:off x="13096875" y="6374765"/>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10490</xdr:rowOff>
    </xdr:from>
    <xdr:to>
      <xdr:col>81</xdr:col>
      <xdr:colOff>50800</xdr:colOff>
      <xdr:row>40</xdr:row>
      <xdr:rowOff>44196</xdr:rowOff>
    </xdr:to>
    <xdr:cxnSp macro="">
      <xdr:nvCxnSpPr>
        <xdr:cNvPr id="538" name="直線コネクタ 537">
          <a:extLst>
            <a:ext uri="{FF2B5EF4-FFF2-40B4-BE49-F238E27FC236}">
              <a16:creationId xmlns:a16="http://schemas.microsoft.com/office/drawing/2014/main" id="{CA5682D4-790F-4F9C-A3D3-0C4CE5CBCED6}"/>
            </a:ext>
          </a:extLst>
        </xdr:cNvPr>
        <xdr:cNvCxnSpPr/>
      </xdr:nvCxnSpPr>
      <xdr:spPr>
        <a:xfrm>
          <a:off x="13144500" y="6422390"/>
          <a:ext cx="790575" cy="101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5984</xdr:rowOff>
    </xdr:from>
    <xdr:to>
      <xdr:col>72</xdr:col>
      <xdr:colOff>38100</xdr:colOff>
      <xdr:row>39</xdr:row>
      <xdr:rowOff>56134</xdr:rowOff>
    </xdr:to>
    <xdr:sp macro="" textlink="">
      <xdr:nvSpPr>
        <xdr:cNvPr id="539" name="楕円 538">
          <a:extLst>
            <a:ext uri="{FF2B5EF4-FFF2-40B4-BE49-F238E27FC236}">
              <a16:creationId xmlns:a16="http://schemas.microsoft.com/office/drawing/2014/main" id="{1A7D7D15-F6C2-44A3-B501-E791D1080C32}"/>
            </a:ext>
          </a:extLst>
        </xdr:cNvPr>
        <xdr:cNvSpPr/>
      </xdr:nvSpPr>
      <xdr:spPr>
        <a:xfrm>
          <a:off x="12296775" y="627595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5334</xdr:rowOff>
    </xdr:from>
    <xdr:to>
      <xdr:col>76</xdr:col>
      <xdr:colOff>114300</xdr:colOff>
      <xdr:row>39</xdr:row>
      <xdr:rowOff>110490</xdr:rowOff>
    </xdr:to>
    <xdr:cxnSp macro="">
      <xdr:nvCxnSpPr>
        <xdr:cNvPr id="540" name="直線コネクタ 539">
          <a:extLst>
            <a:ext uri="{FF2B5EF4-FFF2-40B4-BE49-F238E27FC236}">
              <a16:creationId xmlns:a16="http://schemas.microsoft.com/office/drawing/2014/main" id="{FA967C50-5AE3-45CF-A599-9F115D7DCF04}"/>
            </a:ext>
          </a:extLst>
        </xdr:cNvPr>
        <xdr:cNvCxnSpPr/>
      </xdr:nvCxnSpPr>
      <xdr:spPr>
        <a:xfrm>
          <a:off x="12344400" y="6323584"/>
          <a:ext cx="800100" cy="98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29972</xdr:rowOff>
    </xdr:from>
    <xdr:to>
      <xdr:col>67</xdr:col>
      <xdr:colOff>101600</xdr:colOff>
      <xdr:row>38</xdr:row>
      <xdr:rowOff>131572</xdr:rowOff>
    </xdr:to>
    <xdr:sp macro="" textlink="">
      <xdr:nvSpPr>
        <xdr:cNvPr id="541" name="楕円 540">
          <a:extLst>
            <a:ext uri="{FF2B5EF4-FFF2-40B4-BE49-F238E27FC236}">
              <a16:creationId xmlns:a16="http://schemas.microsoft.com/office/drawing/2014/main" id="{D30E327A-892E-41A0-BE51-BD4C89A8133E}"/>
            </a:ext>
          </a:extLst>
        </xdr:cNvPr>
        <xdr:cNvSpPr/>
      </xdr:nvSpPr>
      <xdr:spPr>
        <a:xfrm>
          <a:off x="11487150" y="6179947"/>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80772</xdr:rowOff>
    </xdr:from>
    <xdr:to>
      <xdr:col>71</xdr:col>
      <xdr:colOff>177800</xdr:colOff>
      <xdr:row>39</xdr:row>
      <xdr:rowOff>5334</xdr:rowOff>
    </xdr:to>
    <xdr:cxnSp macro="">
      <xdr:nvCxnSpPr>
        <xdr:cNvPr id="542" name="直線コネクタ 541">
          <a:extLst>
            <a:ext uri="{FF2B5EF4-FFF2-40B4-BE49-F238E27FC236}">
              <a16:creationId xmlns:a16="http://schemas.microsoft.com/office/drawing/2014/main" id="{F36AF8E6-ACBB-4E9E-9F3D-F83AD59FF27E}"/>
            </a:ext>
          </a:extLst>
        </xdr:cNvPr>
        <xdr:cNvCxnSpPr/>
      </xdr:nvCxnSpPr>
      <xdr:spPr>
        <a:xfrm>
          <a:off x="11534775" y="6237097"/>
          <a:ext cx="809625" cy="86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02379</xdr:rowOff>
    </xdr:from>
    <xdr:ext cx="405111" cy="259045"/>
    <xdr:sp macro="" textlink="">
      <xdr:nvSpPr>
        <xdr:cNvPr id="543" name="n_1aveValue【一般廃棄物処理施設】&#10;有形固定資産減価償却率">
          <a:extLst>
            <a:ext uri="{FF2B5EF4-FFF2-40B4-BE49-F238E27FC236}">
              <a16:creationId xmlns:a16="http://schemas.microsoft.com/office/drawing/2014/main" id="{D72B177C-45E6-4382-BEDB-879D11451EAD}"/>
            </a:ext>
          </a:extLst>
        </xdr:cNvPr>
        <xdr:cNvSpPr txBox="1"/>
      </xdr:nvSpPr>
      <xdr:spPr>
        <a:xfrm>
          <a:off x="13745219" y="59348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2671</xdr:rowOff>
    </xdr:from>
    <xdr:ext cx="405111" cy="259045"/>
    <xdr:sp macro="" textlink="">
      <xdr:nvSpPr>
        <xdr:cNvPr id="544" name="n_2aveValue【一般廃棄物処理施設】&#10;有形固定資産減価償却率">
          <a:extLst>
            <a:ext uri="{FF2B5EF4-FFF2-40B4-BE49-F238E27FC236}">
              <a16:creationId xmlns:a16="http://schemas.microsoft.com/office/drawing/2014/main" id="{E5055258-D5C8-48B2-9528-6A5944B324F8}"/>
            </a:ext>
          </a:extLst>
        </xdr:cNvPr>
        <xdr:cNvSpPr txBox="1"/>
      </xdr:nvSpPr>
      <xdr:spPr>
        <a:xfrm>
          <a:off x="12964169" y="5981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20667</xdr:rowOff>
    </xdr:from>
    <xdr:ext cx="405111" cy="259045"/>
    <xdr:sp macro="" textlink="">
      <xdr:nvSpPr>
        <xdr:cNvPr id="545" name="n_3aveValue【一般廃棄物処理施設】&#10;有形固定資産減価償却率">
          <a:extLst>
            <a:ext uri="{FF2B5EF4-FFF2-40B4-BE49-F238E27FC236}">
              <a16:creationId xmlns:a16="http://schemas.microsoft.com/office/drawing/2014/main" id="{B3526EA6-A44C-45A8-89A6-C2E8D69F053A}"/>
            </a:ext>
          </a:extLst>
        </xdr:cNvPr>
        <xdr:cNvSpPr txBox="1"/>
      </xdr:nvSpPr>
      <xdr:spPr>
        <a:xfrm>
          <a:off x="12164069" y="5953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795</xdr:rowOff>
    </xdr:from>
    <xdr:ext cx="405111" cy="259045"/>
    <xdr:sp macro="" textlink="">
      <xdr:nvSpPr>
        <xdr:cNvPr id="546" name="n_4aveValue【一般廃棄物処理施設】&#10;有形固定資産減価償却率">
          <a:extLst>
            <a:ext uri="{FF2B5EF4-FFF2-40B4-BE49-F238E27FC236}">
              <a16:creationId xmlns:a16="http://schemas.microsoft.com/office/drawing/2014/main" id="{314997F9-BC95-465A-9E75-5C1E2E0AE791}"/>
            </a:ext>
          </a:extLst>
        </xdr:cNvPr>
        <xdr:cNvSpPr txBox="1"/>
      </xdr:nvSpPr>
      <xdr:spPr>
        <a:xfrm>
          <a:off x="11354444" y="5831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86123</xdr:rowOff>
    </xdr:from>
    <xdr:ext cx="405111" cy="259045"/>
    <xdr:sp macro="" textlink="">
      <xdr:nvSpPr>
        <xdr:cNvPr id="547" name="n_1mainValue【一般廃棄物処理施設】&#10;有形固定資産減価償却率">
          <a:extLst>
            <a:ext uri="{FF2B5EF4-FFF2-40B4-BE49-F238E27FC236}">
              <a16:creationId xmlns:a16="http://schemas.microsoft.com/office/drawing/2014/main" id="{5203D672-5B75-47E7-8B49-D0F3C2AE10AD}"/>
            </a:ext>
          </a:extLst>
        </xdr:cNvPr>
        <xdr:cNvSpPr txBox="1"/>
      </xdr:nvSpPr>
      <xdr:spPr>
        <a:xfrm>
          <a:off x="13745219" y="65599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52417</xdr:rowOff>
    </xdr:from>
    <xdr:ext cx="405111" cy="259045"/>
    <xdr:sp macro="" textlink="">
      <xdr:nvSpPr>
        <xdr:cNvPr id="548" name="n_2mainValue【一般廃棄物処理施設】&#10;有形固定資産減価償却率">
          <a:extLst>
            <a:ext uri="{FF2B5EF4-FFF2-40B4-BE49-F238E27FC236}">
              <a16:creationId xmlns:a16="http://schemas.microsoft.com/office/drawing/2014/main" id="{D798B200-4DEC-46D1-99BB-3126169ADEE3}"/>
            </a:ext>
          </a:extLst>
        </xdr:cNvPr>
        <xdr:cNvSpPr txBox="1"/>
      </xdr:nvSpPr>
      <xdr:spPr>
        <a:xfrm>
          <a:off x="12964169" y="6467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47261</xdr:rowOff>
    </xdr:from>
    <xdr:ext cx="405111" cy="259045"/>
    <xdr:sp macro="" textlink="">
      <xdr:nvSpPr>
        <xdr:cNvPr id="549" name="n_3mainValue【一般廃棄物処理施設】&#10;有形固定資産減価償却率">
          <a:extLst>
            <a:ext uri="{FF2B5EF4-FFF2-40B4-BE49-F238E27FC236}">
              <a16:creationId xmlns:a16="http://schemas.microsoft.com/office/drawing/2014/main" id="{C3DFC26A-0FCB-4C6E-ADD8-15B4E4E271E9}"/>
            </a:ext>
          </a:extLst>
        </xdr:cNvPr>
        <xdr:cNvSpPr txBox="1"/>
      </xdr:nvSpPr>
      <xdr:spPr>
        <a:xfrm>
          <a:off x="12164069" y="6365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22699</xdr:rowOff>
    </xdr:from>
    <xdr:ext cx="405111" cy="259045"/>
    <xdr:sp macro="" textlink="">
      <xdr:nvSpPr>
        <xdr:cNvPr id="550" name="n_4mainValue【一般廃棄物処理施設】&#10;有形固定資産減価償却率">
          <a:extLst>
            <a:ext uri="{FF2B5EF4-FFF2-40B4-BE49-F238E27FC236}">
              <a16:creationId xmlns:a16="http://schemas.microsoft.com/office/drawing/2014/main" id="{371106E3-5F76-4130-B4EE-144F7B86BB52}"/>
            </a:ext>
          </a:extLst>
        </xdr:cNvPr>
        <xdr:cNvSpPr txBox="1"/>
      </xdr:nvSpPr>
      <xdr:spPr>
        <a:xfrm>
          <a:off x="11354444" y="6279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a:extLst>
            <a:ext uri="{FF2B5EF4-FFF2-40B4-BE49-F238E27FC236}">
              <a16:creationId xmlns:a16="http://schemas.microsoft.com/office/drawing/2014/main" id="{5C540BC2-13AF-4033-AB32-995E82710589}"/>
            </a:ext>
          </a:extLst>
        </xdr:cNvPr>
        <xdr:cNvSpPr/>
      </xdr:nvSpPr>
      <xdr:spPr>
        <a:xfrm>
          <a:off x="16459200" y="39624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a:extLst>
            <a:ext uri="{FF2B5EF4-FFF2-40B4-BE49-F238E27FC236}">
              <a16:creationId xmlns:a16="http://schemas.microsoft.com/office/drawing/2014/main" id="{A3A8C204-8328-4EE4-9B5A-E47EA1A9B68A}"/>
            </a:ext>
          </a:extLst>
        </xdr:cNvPr>
        <xdr:cNvSpPr/>
      </xdr:nvSpPr>
      <xdr:spPr>
        <a:xfrm>
          <a:off x="165830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a:extLst>
            <a:ext uri="{FF2B5EF4-FFF2-40B4-BE49-F238E27FC236}">
              <a16:creationId xmlns:a16="http://schemas.microsoft.com/office/drawing/2014/main" id="{06CD3901-15F4-4449-A117-0B6BDC1465A0}"/>
            </a:ext>
          </a:extLst>
        </xdr:cNvPr>
        <xdr:cNvSpPr/>
      </xdr:nvSpPr>
      <xdr:spPr>
        <a:xfrm>
          <a:off x="165830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a:extLst>
            <a:ext uri="{FF2B5EF4-FFF2-40B4-BE49-F238E27FC236}">
              <a16:creationId xmlns:a16="http://schemas.microsoft.com/office/drawing/2014/main" id="{FF5AE767-D959-4427-9715-C86D22E4BB6A}"/>
            </a:ext>
          </a:extLst>
        </xdr:cNvPr>
        <xdr:cNvSpPr/>
      </xdr:nvSpPr>
      <xdr:spPr>
        <a:xfrm>
          <a:off x="174879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a:extLst>
            <a:ext uri="{FF2B5EF4-FFF2-40B4-BE49-F238E27FC236}">
              <a16:creationId xmlns:a16="http://schemas.microsoft.com/office/drawing/2014/main" id="{222A1AC5-0F3C-45F4-96A8-677FCF0F25EA}"/>
            </a:ext>
          </a:extLst>
        </xdr:cNvPr>
        <xdr:cNvSpPr/>
      </xdr:nvSpPr>
      <xdr:spPr>
        <a:xfrm>
          <a:off x="174879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a:extLst>
            <a:ext uri="{FF2B5EF4-FFF2-40B4-BE49-F238E27FC236}">
              <a16:creationId xmlns:a16="http://schemas.microsoft.com/office/drawing/2014/main" id="{447C570B-B846-4459-9CE1-62D45A09596A}"/>
            </a:ext>
          </a:extLst>
        </xdr:cNvPr>
        <xdr:cNvSpPr/>
      </xdr:nvSpPr>
      <xdr:spPr>
        <a:xfrm>
          <a:off x="185166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a:extLst>
            <a:ext uri="{FF2B5EF4-FFF2-40B4-BE49-F238E27FC236}">
              <a16:creationId xmlns:a16="http://schemas.microsoft.com/office/drawing/2014/main" id="{0DD28E68-432E-49A1-B576-42D55C7AFFEB}"/>
            </a:ext>
          </a:extLst>
        </xdr:cNvPr>
        <xdr:cNvSpPr/>
      </xdr:nvSpPr>
      <xdr:spPr>
        <a:xfrm>
          <a:off x="185166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a:extLst>
            <a:ext uri="{FF2B5EF4-FFF2-40B4-BE49-F238E27FC236}">
              <a16:creationId xmlns:a16="http://schemas.microsoft.com/office/drawing/2014/main" id="{8804FCC7-A5FA-4D8A-995E-F81D18459A0E}"/>
            </a:ext>
          </a:extLst>
        </xdr:cNvPr>
        <xdr:cNvSpPr/>
      </xdr:nvSpPr>
      <xdr:spPr>
        <a:xfrm>
          <a:off x="16459200" y="50387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a:extLst>
            <a:ext uri="{FF2B5EF4-FFF2-40B4-BE49-F238E27FC236}">
              <a16:creationId xmlns:a16="http://schemas.microsoft.com/office/drawing/2014/main" id="{E358CC5E-7D14-4B77-AFA3-0C9E56DAE388}"/>
            </a:ext>
          </a:extLst>
        </xdr:cNvPr>
        <xdr:cNvSpPr txBox="1"/>
      </xdr:nvSpPr>
      <xdr:spPr>
        <a:xfrm>
          <a:off x="16440150" y="48577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a:extLst>
            <a:ext uri="{FF2B5EF4-FFF2-40B4-BE49-F238E27FC236}">
              <a16:creationId xmlns:a16="http://schemas.microsoft.com/office/drawing/2014/main" id="{B8D4651D-670E-4859-AD0B-1972FBC61242}"/>
            </a:ext>
          </a:extLst>
        </xdr:cNvPr>
        <xdr:cNvCxnSpPr/>
      </xdr:nvCxnSpPr>
      <xdr:spPr>
        <a:xfrm>
          <a:off x="16459200" y="7200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61" name="テキスト ボックス 560">
          <a:extLst>
            <a:ext uri="{FF2B5EF4-FFF2-40B4-BE49-F238E27FC236}">
              <a16:creationId xmlns:a16="http://schemas.microsoft.com/office/drawing/2014/main" id="{D1664951-B491-4828-9360-3DAFFFB0FA77}"/>
            </a:ext>
          </a:extLst>
        </xdr:cNvPr>
        <xdr:cNvSpPr txBox="1"/>
      </xdr:nvSpPr>
      <xdr:spPr>
        <a:xfrm>
          <a:off x="16248514" y="7065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92528</xdr:rowOff>
    </xdr:from>
    <xdr:to>
      <xdr:col>120</xdr:col>
      <xdr:colOff>114300</xdr:colOff>
      <xdr:row>42</xdr:row>
      <xdr:rowOff>92528</xdr:rowOff>
    </xdr:to>
    <xdr:cxnSp macro="">
      <xdr:nvCxnSpPr>
        <xdr:cNvPr id="562" name="直線コネクタ 561">
          <a:extLst>
            <a:ext uri="{FF2B5EF4-FFF2-40B4-BE49-F238E27FC236}">
              <a16:creationId xmlns:a16="http://schemas.microsoft.com/office/drawing/2014/main" id="{1BA20010-4C5F-4192-8A0D-34B17D173138}"/>
            </a:ext>
          </a:extLst>
        </xdr:cNvPr>
        <xdr:cNvCxnSpPr/>
      </xdr:nvCxnSpPr>
      <xdr:spPr>
        <a:xfrm>
          <a:off x="16459200" y="689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121755</xdr:rowOff>
    </xdr:from>
    <xdr:ext cx="531299" cy="259045"/>
    <xdr:sp macro="" textlink="">
      <xdr:nvSpPr>
        <xdr:cNvPr id="563" name="テキスト ボックス 562">
          <a:extLst>
            <a:ext uri="{FF2B5EF4-FFF2-40B4-BE49-F238E27FC236}">
              <a16:creationId xmlns:a16="http://schemas.microsoft.com/office/drawing/2014/main" id="{6314E7C9-0FB2-4D91-B224-16D678991BF5}"/>
            </a:ext>
          </a:extLst>
        </xdr:cNvPr>
        <xdr:cNvSpPr txBox="1"/>
      </xdr:nvSpPr>
      <xdr:spPr>
        <a:xfrm>
          <a:off x="15985051" y="676385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4" name="直線コネクタ 563">
          <a:extLst>
            <a:ext uri="{FF2B5EF4-FFF2-40B4-BE49-F238E27FC236}">
              <a16:creationId xmlns:a16="http://schemas.microsoft.com/office/drawing/2014/main" id="{18253703-DCF3-4E48-87F0-B45B1C7927B3}"/>
            </a:ext>
          </a:extLst>
        </xdr:cNvPr>
        <xdr:cNvCxnSpPr/>
      </xdr:nvCxnSpPr>
      <xdr:spPr>
        <a:xfrm>
          <a:off x="16459200" y="658268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5" name="テキスト ボックス 564">
          <a:extLst>
            <a:ext uri="{FF2B5EF4-FFF2-40B4-BE49-F238E27FC236}">
              <a16:creationId xmlns:a16="http://schemas.microsoft.com/office/drawing/2014/main" id="{3FDCA1A2-40A9-4AD4-A89D-40BD4831AA48}"/>
            </a:ext>
          </a:extLst>
        </xdr:cNvPr>
        <xdr:cNvSpPr txBox="1"/>
      </xdr:nvSpPr>
      <xdr:spPr>
        <a:xfrm>
          <a:off x="15985051" y="64563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6" name="直線コネクタ 565">
          <a:extLst>
            <a:ext uri="{FF2B5EF4-FFF2-40B4-BE49-F238E27FC236}">
              <a16:creationId xmlns:a16="http://schemas.microsoft.com/office/drawing/2014/main" id="{7D3D88A6-2F7B-4A80-9BC6-70DF75DF9839}"/>
            </a:ext>
          </a:extLst>
        </xdr:cNvPr>
        <xdr:cNvCxnSpPr/>
      </xdr:nvCxnSpPr>
      <xdr:spPr>
        <a:xfrm>
          <a:off x="16459200" y="627516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7" name="テキスト ボックス 566">
          <a:extLst>
            <a:ext uri="{FF2B5EF4-FFF2-40B4-BE49-F238E27FC236}">
              <a16:creationId xmlns:a16="http://schemas.microsoft.com/office/drawing/2014/main" id="{DFD147C0-1072-4AB7-81C6-9112BFBF8E3C}"/>
            </a:ext>
          </a:extLst>
        </xdr:cNvPr>
        <xdr:cNvSpPr txBox="1"/>
      </xdr:nvSpPr>
      <xdr:spPr>
        <a:xfrm>
          <a:off x="15985051" y="61456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68" name="直線コネクタ 567">
          <a:extLst>
            <a:ext uri="{FF2B5EF4-FFF2-40B4-BE49-F238E27FC236}">
              <a16:creationId xmlns:a16="http://schemas.microsoft.com/office/drawing/2014/main" id="{AA4CCEA4-D19A-47A9-A5EE-B15EBA796A8A}"/>
            </a:ext>
          </a:extLst>
        </xdr:cNvPr>
        <xdr:cNvCxnSpPr/>
      </xdr:nvCxnSpPr>
      <xdr:spPr>
        <a:xfrm>
          <a:off x="16459200" y="597398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69" name="テキスト ボックス 568">
          <a:extLst>
            <a:ext uri="{FF2B5EF4-FFF2-40B4-BE49-F238E27FC236}">
              <a16:creationId xmlns:a16="http://schemas.microsoft.com/office/drawing/2014/main" id="{613B45C1-96D0-4438-96FA-C5248720F7C6}"/>
            </a:ext>
          </a:extLst>
        </xdr:cNvPr>
        <xdr:cNvSpPr txBox="1"/>
      </xdr:nvSpPr>
      <xdr:spPr>
        <a:xfrm>
          <a:off x="15985051" y="58285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0" name="直線コネクタ 569">
          <a:extLst>
            <a:ext uri="{FF2B5EF4-FFF2-40B4-BE49-F238E27FC236}">
              <a16:creationId xmlns:a16="http://schemas.microsoft.com/office/drawing/2014/main" id="{67ABEC65-6B36-4CB8-8450-DF3BEC8EA912}"/>
            </a:ext>
          </a:extLst>
        </xdr:cNvPr>
        <xdr:cNvCxnSpPr/>
      </xdr:nvCxnSpPr>
      <xdr:spPr>
        <a:xfrm>
          <a:off x="16459200" y="566646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1" name="テキスト ボックス 570">
          <a:extLst>
            <a:ext uri="{FF2B5EF4-FFF2-40B4-BE49-F238E27FC236}">
              <a16:creationId xmlns:a16="http://schemas.microsoft.com/office/drawing/2014/main" id="{6B139369-9D31-4C6D-80E3-FB85A67E355E}"/>
            </a:ext>
          </a:extLst>
        </xdr:cNvPr>
        <xdr:cNvSpPr txBox="1"/>
      </xdr:nvSpPr>
      <xdr:spPr>
        <a:xfrm>
          <a:off x="15936806" y="5517895"/>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2" name="直線コネクタ 571">
          <a:extLst>
            <a:ext uri="{FF2B5EF4-FFF2-40B4-BE49-F238E27FC236}">
              <a16:creationId xmlns:a16="http://schemas.microsoft.com/office/drawing/2014/main" id="{47EBD951-DD44-4361-BAC3-E8A88B2FD6EE}"/>
            </a:ext>
          </a:extLst>
        </xdr:cNvPr>
        <xdr:cNvCxnSpPr/>
      </xdr:nvCxnSpPr>
      <xdr:spPr>
        <a:xfrm>
          <a:off x="16459200" y="534624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3" name="テキスト ボックス 572">
          <a:extLst>
            <a:ext uri="{FF2B5EF4-FFF2-40B4-BE49-F238E27FC236}">
              <a16:creationId xmlns:a16="http://schemas.microsoft.com/office/drawing/2014/main" id="{B0463F2B-2D60-4F55-B1AE-374E5E039676}"/>
            </a:ext>
          </a:extLst>
        </xdr:cNvPr>
        <xdr:cNvSpPr txBox="1"/>
      </xdr:nvSpPr>
      <xdr:spPr>
        <a:xfrm>
          <a:off x="15936806" y="521037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4" name="直線コネクタ 573">
          <a:extLst>
            <a:ext uri="{FF2B5EF4-FFF2-40B4-BE49-F238E27FC236}">
              <a16:creationId xmlns:a16="http://schemas.microsoft.com/office/drawing/2014/main" id="{813C92B7-64DA-4E63-ADA7-35C727296343}"/>
            </a:ext>
          </a:extLst>
        </xdr:cNvPr>
        <xdr:cNvCxnSpPr/>
      </xdr:nvCxnSpPr>
      <xdr:spPr>
        <a:xfrm>
          <a:off x="16459200" y="5038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5" name="テキスト ボックス 574">
          <a:extLst>
            <a:ext uri="{FF2B5EF4-FFF2-40B4-BE49-F238E27FC236}">
              <a16:creationId xmlns:a16="http://schemas.microsoft.com/office/drawing/2014/main" id="{F1124EDC-802B-4AAC-BED4-96BDA8B3A2D9}"/>
            </a:ext>
          </a:extLst>
        </xdr:cNvPr>
        <xdr:cNvSpPr txBox="1"/>
      </xdr:nvSpPr>
      <xdr:spPr>
        <a:xfrm>
          <a:off x="15936806" y="49028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6" name="【一般廃棄物処理施設】&#10;一人当たり有形固定資産（償却資産）額グラフ枠">
          <a:extLst>
            <a:ext uri="{FF2B5EF4-FFF2-40B4-BE49-F238E27FC236}">
              <a16:creationId xmlns:a16="http://schemas.microsoft.com/office/drawing/2014/main" id="{97ADADCB-19E4-4300-A46C-945CA332CAB7}"/>
            </a:ext>
          </a:extLst>
        </xdr:cNvPr>
        <xdr:cNvSpPr/>
      </xdr:nvSpPr>
      <xdr:spPr>
        <a:xfrm>
          <a:off x="16459200" y="50387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64570</xdr:rowOff>
    </xdr:from>
    <xdr:to>
      <xdr:col>116</xdr:col>
      <xdr:colOff>62864</xdr:colOff>
      <xdr:row>42</xdr:row>
      <xdr:rowOff>80609</xdr:rowOff>
    </xdr:to>
    <xdr:cxnSp macro="">
      <xdr:nvCxnSpPr>
        <xdr:cNvPr id="577" name="直線コネクタ 576">
          <a:extLst>
            <a:ext uri="{FF2B5EF4-FFF2-40B4-BE49-F238E27FC236}">
              <a16:creationId xmlns:a16="http://schemas.microsoft.com/office/drawing/2014/main" id="{7AFCAA7F-0A7B-43CE-B7B4-E6EE38AC78BA}"/>
            </a:ext>
          </a:extLst>
        </xdr:cNvPr>
        <xdr:cNvCxnSpPr/>
      </xdr:nvCxnSpPr>
      <xdr:spPr>
        <a:xfrm flipV="1">
          <a:off x="19954239" y="5504920"/>
          <a:ext cx="0" cy="13797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84436</xdr:rowOff>
    </xdr:from>
    <xdr:ext cx="534377" cy="259045"/>
    <xdr:sp macro="" textlink="">
      <xdr:nvSpPr>
        <xdr:cNvPr id="578" name="【一般廃棄物処理施設】&#10;一人当たり有形固定資産（償却資産）額最小値テキスト">
          <a:extLst>
            <a:ext uri="{FF2B5EF4-FFF2-40B4-BE49-F238E27FC236}">
              <a16:creationId xmlns:a16="http://schemas.microsoft.com/office/drawing/2014/main" id="{A2CB3156-BDBC-45FB-BB18-49D29E34CAFD}"/>
            </a:ext>
          </a:extLst>
        </xdr:cNvPr>
        <xdr:cNvSpPr txBox="1"/>
      </xdr:nvSpPr>
      <xdr:spPr>
        <a:xfrm>
          <a:off x="19992975" y="6888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0609</xdr:rowOff>
    </xdr:from>
    <xdr:to>
      <xdr:col>116</xdr:col>
      <xdr:colOff>152400</xdr:colOff>
      <xdr:row>42</xdr:row>
      <xdr:rowOff>80609</xdr:rowOff>
    </xdr:to>
    <xdr:cxnSp macro="">
      <xdr:nvCxnSpPr>
        <xdr:cNvPr id="579" name="直線コネクタ 578">
          <a:extLst>
            <a:ext uri="{FF2B5EF4-FFF2-40B4-BE49-F238E27FC236}">
              <a16:creationId xmlns:a16="http://schemas.microsoft.com/office/drawing/2014/main" id="{4A7E9566-5002-406C-BC5B-9F5DE1FAB864}"/>
            </a:ext>
          </a:extLst>
        </xdr:cNvPr>
        <xdr:cNvCxnSpPr/>
      </xdr:nvCxnSpPr>
      <xdr:spPr>
        <a:xfrm>
          <a:off x="19878675" y="688463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11247</xdr:rowOff>
    </xdr:from>
    <xdr:ext cx="599010" cy="259045"/>
    <xdr:sp macro="" textlink="">
      <xdr:nvSpPr>
        <xdr:cNvPr id="580" name="【一般廃棄物処理施設】&#10;一人当たり有形固定資産（償却資産）額最大値テキスト">
          <a:extLst>
            <a:ext uri="{FF2B5EF4-FFF2-40B4-BE49-F238E27FC236}">
              <a16:creationId xmlns:a16="http://schemas.microsoft.com/office/drawing/2014/main" id="{ECC83047-9902-43FB-B3DE-38CF656C89E5}"/>
            </a:ext>
          </a:extLst>
        </xdr:cNvPr>
        <xdr:cNvSpPr txBox="1"/>
      </xdr:nvSpPr>
      <xdr:spPr>
        <a:xfrm>
          <a:off x="19992975" y="52928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0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64570</xdr:rowOff>
    </xdr:from>
    <xdr:to>
      <xdr:col>116</xdr:col>
      <xdr:colOff>152400</xdr:colOff>
      <xdr:row>33</xdr:row>
      <xdr:rowOff>164570</xdr:rowOff>
    </xdr:to>
    <xdr:cxnSp macro="">
      <xdr:nvCxnSpPr>
        <xdr:cNvPr id="581" name="直線コネクタ 580">
          <a:extLst>
            <a:ext uri="{FF2B5EF4-FFF2-40B4-BE49-F238E27FC236}">
              <a16:creationId xmlns:a16="http://schemas.microsoft.com/office/drawing/2014/main" id="{72BF72D3-6807-4E8A-90E4-C81A74C2B24C}"/>
            </a:ext>
          </a:extLst>
        </xdr:cNvPr>
        <xdr:cNvCxnSpPr/>
      </xdr:nvCxnSpPr>
      <xdr:spPr>
        <a:xfrm>
          <a:off x="19878675" y="550492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72460</xdr:rowOff>
    </xdr:from>
    <xdr:ext cx="534377" cy="259045"/>
    <xdr:sp macro="" textlink="">
      <xdr:nvSpPr>
        <xdr:cNvPr id="582" name="【一般廃棄物処理施設】&#10;一人当たり有形固定資産（償却資産）額平均値テキスト">
          <a:extLst>
            <a:ext uri="{FF2B5EF4-FFF2-40B4-BE49-F238E27FC236}">
              <a16:creationId xmlns:a16="http://schemas.microsoft.com/office/drawing/2014/main" id="{C260A719-4DE6-4B78-9948-7BCF6F301A98}"/>
            </a:ext>
          </a:extLst>
        </xdr:cNvPr>
        <xdr:cNvSpPr txBox="1"/>
      </xdr:nvSpPr>
      <xdr:spPr>
        <a:xfrm>
          <a:off x="19992975" y="60605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9582</xdr:rowOff>
    </xdr:from>
    <xdr:to>
      <xdr:col>116</xdr:col>
      <xdr:colOff>114300</xdr:colOff>
      <xdr:row>38</xdr:row>
      <xdr:rowOff>151182</xdr:rowOff>
    </xdr:to>
    <xdr:sp macro="" textlink="">
      <xdr:nvSpPr>
        <xdr:cNvPr id="583" name="フローチャート: 判断 582">
          <a:extLst>
            <a:ext uri="{FF2B5EF4-FFF2-40B4-BE49-F238E27FC236}">
              <a16:creationId xmlns:a16="http://schemas.microsoft.com/office/drawing/2014/main" id="{F3BA1BDD-7C40-4AA8-9763-8F9E636D8B94}"/>
            </a:ext>
          </a:extLst>
        </xdr:cNvPr>
        <xdr:cNvSpPr/>
      </xdr:nvSpPr>
      <xdr:spPr>
        <a:xfrm>
          <a:off x="19897725" y="6199557"/>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62531</xdr:rowOff>
    </xdr:from>
    <xdr:to>
      <xdr:col>112</xdr:col>
      <xdr:colOff>38100</xdr:colOff>
      <xdr:row>38</xdr:row>
      <xdr:rowOff>164131</xdr:rowOff>
    </xdr:to>
    <xdr:sp macro="" textlink="">
      <xdr:nvSpPr>
        <xdr:cNvPr id="584" name="フローチャート: 判断 583">
          <a:extLst>
            <a:ext uri="{FF2B5EF4-FFF2-40B4-BE49-F238E27FC236}">
              <a16:creationId xmlns:a16="http://schemas.microsoft.com/office/drawing/2014/main" id="{0138681E-F861-4D7D-9AFC-868AECAB2E9F}"/>
            </a:ext>
          </a:extLst>
        </xdr:cNvPr>
        <xdr:cNvSpPr/>
      </xdr:nvSpPr>
      <xdr:spPr>
        <a:xfrm>
          <a:off x="19154775" y="6218856"/>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94307</xdr:rowOff>
    </xdr:from>
    <xdr:to>
      <xdr:col>107</xdr:col>
      <xdr:colOff>101600</xdr:colOff>
      <xdr:row>39</xdr:row>
      <xdr:rowOff>24457</xdr:rowOff>
    </xdr:to>
    <xdr:sp macro="" textlink="">
      <xdr:nvSpPr>
        <xdr:cNvPr id="585" name="フローチャート: 判断 584">
          <a:extLst>
            <a:ext uri="{FF2B5EF4-FFF2-40B4-BE49-F238E27FC236}">
              <a16:creationId xmlns:a16="http://schemas.microsoft.com/office/drawing/2014/main" id="{7A6C5394-41BC-4523-9333-E9A19A9EEFFC}"/>
            </a:ext>
          </a:extLst>
        </xdr:cNvPr>
        <xdr:cNvSpPr/>
      </xdr:nvSpPr>
      <xdr:spPr>
        <a:xfrm>
          <a:off x="18345150" y="6247457"/>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2312</xdr:rowOff>
    </xdr:from>
    <xdr:to>
      <xdr:col>102</xdr:col>
      <xdr:colOff>165100</xdr:colOff>
      <xdr:row>39</xdr:row>
      <xdr:rowOff>2462</xdr:rowOff>
    </xdr:to>
    <xdr:sp macro="" textlink="">
      <xdr:nvSpPr>
        <xdr:cNvPr id="586" name="フローチャート: 判断 585">
          <a:extLst>
            <a:ext uri="{FF2B5EF4-FFF2-40B4-BE49-F238E27FC236}">
              <a16:creationId xmlns:a16="http://schemas.microsoft.com/office/drawing/2014/main" id="{6E1B0E0A-D3D3-4A6A-A61A-538C2BC42F4E}"/>
            </a:ext>
          </a:extLst>
        </xdr:cNvPr>
        <xdr:cNvSpPr/>
      </xdr:nvSpPr>
      <xdr:spPr>
        <a:xfrm>
          <a:off x="17554575" y="622228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7472</xdr:rowOff>
    </xdr:from>
    <xdr:to>
      <xdr:col>98</xdr:col>
      <xdr:colOff>38100</xdr:colOff>
      <xdr:row>39</xdr:row>
      <xdr:rowOff>7622</xdr:rowOff>
    </xdr:to>
    <xdr:sp macro="" textlink="">
      <xdr:nvSpPr>
        <xdr:cNvPr id="587" name="フローチャート: 判断 586">
          <a:extLst>
            <a:ext uri="{FF2B5EF4-FFF2-40B4-BE49-F238E27FC236}">
              <a16:creationId xmlns:a16="http://schemas.microsoft.com/office/drawing/2014/main" id="{F3C4F4AD-D62B-458A-B0E3-BD6DB00E221F}"/>
            </a:ext>
          </a:extLst>
        </xdr:cNvPr>
        <xdr:cNvSpPr/>
      </xdr:nvSpPr>
      <xdr:spPr>
        <a:xfrm>
          <a:off x="16754475" y="6230622"/>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2E8B0460-CC56-43E1-A961-3405E69F3D23}"/>
            </a:ext>
          </a:extLst>
        </xdr:cNvPr>
        <xdr:cNvSpPr txBox="1"/>
      </xdr:nvSpPr>
      <xdr:spPr>
        <a:xfrm>
          <a:off x="197834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D59EA88F-0E14-4D5A-9B40-D1F875BF4B37}"/>
            </a:ext>
          </a:extLst>
        </xdr:cNvPr>
        <xdr:cNvSpPr txBox="1"/>
      </xdr:nvSpPr>
      <xdr:spPr>
        <a:xfrm>
          <a:off x="190309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368B1CAC-FBC7-4735-B4BB-6952C9BC2B89}"/>
            </a:ext>
          </a:extLst>
        </xdr:cNvPr>
        <xdr:cNvSpPr txBox="1"/>
      </xdr:nvSpPr>
      <xdr:spPr>
        <a:xfrm>
          <a:off x="182213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3C69DA12-3815-4353-96A3-A45502084901}"/>
            </a:ext>
          </a:extLst>
        </xdr:cNvPr>
        <xdr:cNvSpPr txBox="1"/>
      </xdr:nvSpPr>
      <xdr:spPr>
        <a:xfrm>
          <a:off x="174307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2" name="テキスト ボックス 591">
          <a:extLst>
            <a:ext uri="{FF2B5EF4-FFF2-40B4-BE49-F238E27FC236}">
              <a16:creationId xmlns:a16="http://schemas.microsoft.com/office/drawing/2014/main" id="{79D6B9DC-2933-4EE5-AA7A-BD223066E1E8}"/>
            </a:ext>
          </a:extLst>
        </xdr:cNvPr>
        <xdr:cNvSpPr txBox="1"/>
      </xdr:nvSpPr>
      <xdr:spPr>
        <a:xfrm>
          <a:off x="166306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45807</xdr:rowOff>
    </xdr:from>
    <xdr:to>
      <xdr:col>116</xdr:col>
      <xdr:colOff>114300</xdr:colOff>
      <xdr:row>39</xdr:row>
      <xdr:rowOff>75957</xdr:rowOff>
    </xdr:to>
    <xdr:sp macro="" textlink="">
      <xdr:nvSpPr>
        <xdr:cNvPr id="593" name="楕円 592">
          <a:extLst>
            <a:ext uri="{FF2B5EF4-FFF2-40B4-BE49-F238E27FC236}">
              <a16:creationId xmlns:a16="http://schemas.microsoft.com/office/drawing/2014/main" id="{70E5473D-A9E3-441E-8EB6-DAC7C4710BA1}"/>
            </a:ext>
          </a:extLst>
        </xdr:cNvPr>
        <xdr:cNvSpPr/>
      </xdr:nvSpPr>
      <xdr:spPr>
        <a:xfrm>
          <a:off x="19897725" y="6295782"/>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24234</xdr:rowOff>
    </xdr:from>
    <xdr:ext cx="534377" cy="259045"/>
    <xdr:sp macro="" textlink="">
      <xdr:nvSpPr>
        <xdr:cNvPr id="594" name="【一般廃棄物処理施設】&#10;一人当たり有形固定資産（償却資産）額該当値テキスト">
          <a:extLst>
            <a:ext uri="{FF2B5EF4-FFF2-40B4-BE49-F238E27FC236}">
              <a16:creationId xmlns:a16="http://schemas.microsoft.com/office/drawing/2014/main" id="{74AE2D4C-76DB-4ED8-9F1B-259185E2EA5A}"/>
            </a:ext>
          </a:extLst>
        </xdr:cNvPr>
        <xdr:cNvSpPr txBox="1"/>
      </xdr:nvSpPr>
      <xdr:spPr>
        <a:xfrm>
          <a:off x="19992975" y="6274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48910</xdr:rowOff>
    </xdr:from>
    <xdr:to>
      <xdr:col>112</xdr:col>
      <xdr:colOff>38100</xdr:colOff>
      <xdr:row>39</xdr:row>
      <xdr:rowOff>79060</xdr:rowOff>
    </xdr:to>
    <xdr:sp macro="" textlink="">
      <xdr:nvSpPr>
        <xdr:cNvPr id="595" name="楕円 594">
          <a:extLst>
            <a:ext uri="{FF2B5EF4-FFF2-40B4-BE49-F238E27FC236}">
              <a16:creationId xmlns:a16="http://schemas.microsoft.com/office/drawing/2014/main" id="{425C371E-4080-45A6-B54F-38212DF691FD}"/>
            </a:ext>
          </a:extLst>
        </xdr:cNvPr>
        <xdr:cNvSpPr/>
      </xdr:nvSpPr>
      <xdr:spPr>
        <a:xfrm>
          <a:off x="19154775" y="629888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25157</xdr:rowOff>
    </xdr:from>
    <xdr:to>
      <xdr:col>116</xdr:col>
      <xdr:colOff>63500</xdr:colOff>
      <xdr:row>39</xdr:row>
      <xdr:rowOff>28260</xdr:rowOff>
    </xdr:to>
    <xdr:cxnSp macro="">
      <xdr:nvCxnSpPr>
        <xdr:cNvPr id="596" name="直線コネクタ 595">
          <a:extLst>
            <a:ext uri="{FF2B5EF4-FFF2-40B4-BE49-F238E27FC236}">
              <a16:creationId xmlns:a16="http://schemas.microsoft.com/office/drawing/2014/main" id="{5D2C7589-BAE2-47BB-BB72-73EA79A97174}"/>
            </a:ext>
          </a:extLst>
        </xdr:cNvPr>
        <xdr:cNvCxnSpPr/>
      </xdr:nvCxnSpPr>
      <xdr:spPr>
        <a:xfrm flipV="1">
          <a:off x="19202400" y="6343407"/>
          <a:ext cx="752475" cy="3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49432</xdr:rowOff>
    </xdr:from>
    <xdr:to>
      <xdr:col>107</xdr:col>
      <xdr:colOff>101600</xdr:colOff>
      <xdr:row>39</xdr:row>
      <xdr:rowOff>79582</xdr:rowOff>
    </xdr:to>
    <xdr:sp macro="" textlink="">
      <xdr:nvSpPr>
        <xdr:cNvPr id="597" name="楕円 596">
          <a:extLst>
            <a:ext uri="{FF2B5EF4-FFF2-40B4-BE49-F238E27FC236}">
              <a16:creationId xmlns:a16="http://schemas.microsoft.com/office/drawing/2014/main" id="{9339391E-B574-4095-A483-D3B05FCED1B6}"/>
            </a:ext>
          </a:extLst>
        </xdr:cNvPr>
        <xdr:cNvSpPr/>
      </xdr:nvSpPr>
      <xdr:spPr>
        <a:xfrm>
          <a:off x="18345150" y="6302582"/>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28260</xdr:rowOff>
    </xdr:from>
    <xdr:to>
      <xdr:col>111</xdr:col>
      <xdr:colOff>177800</xdr:colOff>
      <xdr:row>39</xdr:row>
      <xdr:rowOff>28782</xdr:rowOff>
    </xdr:to>
    <xdr:cxnSp macro="">
      <xdr:nvCxnSpPr>
        <xdr:cNvPr id="598" name="直線コネクタ 597">
          <a:extLst>
            <a:ext uri="{FF2B5EF4-FFF2-40B4-BE49-F238E27FC236}">
              <a16:creationId xmlns:a16="http://schemas.microsoft.com/office/drawing/2014/main" id="{ED688E9F-D0FB-49C1-B618-02CB145F3C20}"/>
            </a:ext>
          </a:extLst>
        </xdr:cNvPr>
        <xdr:cNvCxnSpPr/>
      </xdr:nvCxnSpPr>
      <xdr:spPr>
        <a:xfrm flipV="1">
          <a:off x="18392775" y="6346510"/>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4827</xdr:rowOff>
    </xdr:from>
    <xdr:to>
      <xdr:col>102</xdr:col>
      <xdr:colOff>165100</xdr:colOff>
      <xdr:row>39</xdr:row>
      <xdr:rowOff>74977</xdr:rowOff>
    </xdr:to>
    <xdr:sp macro="" textlink="">
      <xdr:nvSpPr>
        <xdr:cNvPr id="599" name="楕円 598">
          <a:extLst>
            <a:ext uri="{FF2B5EF4-FFF2-40B4-BE49-F238E27FC236}">
              <a16:creationId xmlns:a16="http://schemas.microsoft.com/office/drawing/2014/main" id="{B2A1FF67-FC37-45BA-BD7C-6F5B7B5DB287}"/>
            </a:ext>
          </a:extLst>
        </xdr:cNvPr>
        <xdr:cNvSpPr/>
      </xdr:nvSpPr>
      <xdr:spPr>
        <a:xfrm>
          <a:off x="17554575" y="629480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24177</xdr:rowOff>
    </xdr:from>
    <xdr:to>
      <xdr:col>107</xdr:col>
      <xdr:colOff>50800</xdr:colOff>
      <xdr:row>39</xdr:row>
      <xdr:rowOff>28782</xdr:rowOff>
    </xdr:to>
    <xdr:cxnSp macro="">
      <xdr:nvCxnSpPr>
        <xdr:cNvPr id="600" name="直線コネクタ 599">
          <a:extLst>
            <a:ext uri="{FF2B5EF4-FFF2-40B4-BE49-F238E27FC236}">
              <a16:creationId xmlns:a16="http://schemas.microsoft.com/office/drawing/2014/main" id="{7AF6F3EE-8A23-402C-B684-B89D195F9793}"/>
            </a:ext>
          </a:extLst>
        </xdr:cNvPr>
        <xdr:cNvCxnSpPr/>
      </xdr:nvCxnSpPr>
      <xdr:spPr>
        <a:xfrm>
          <a:off x="17602200" y="6342427"/>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8</xdr:row>
      <xdr:rowOff>148060</xdr:rowOff>
    </xdr:from>
    <xdr:to>
      <xdr:col>98</xdr:col>
      <xdr:colOff>38100</xdr:colOff>
      <xdr:row>39</xdr:row>
      <xdr:rowOff>78210</xdr:rowOff>
    </xdr:to>
    <xdr:sp macro="" textlink="">
      <xdr:nvSpPr>
        <xdr:cNvPr id="601" name="楕円 600">
          <a:extLst>
            <a:ext uri="{FF2B5EF4-FFF2-40B4-BE49-F238E27FC236}">
              <a16:creationId xmlns:a16="http://schemas.microsoft.com/office/drawing/2014/main" id="{695BB0F4-8124-4B68-8854-E82425019A52}"/>
            </a:ext>
          </a:extLst>
        </xdr:cNvPr>
        <xdr:cNvSpPr/>
      </xdr:nvSpPr>
      <xdr:spPr>
        <a:xfrm>
          <a:off x="16754475" y="629803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24177</xdr:rowOff>
    </xdr:from>
    <xdr:to>
      <xdr:col>102</xdr:col>
      <xdr:colOff>114300</xdr:colOff>
      <xdr:row>39</xdr:row>
      <xdr:rowOff>27410</xdr:rowOff>
    </xdr:to>
    <xdr:cxnSp macro="">
      <xdr:nvCxnSpPr>
        <xdr:cNvPr id="602" name="直線コネクタ 601">
          <a:extLst>
            <a:ext uri="{FF2B5EF4-FFF2-40B4-BE49-F238E27FC236}">
              <a16:creationId xmlns:a16="http://schemas.microsoft.com/office/drawing/2014/main" id="{E32436C1-1E0D-458D-8BAA-37441A68845A}"/>
            </a:ext>
          </a:extLst>
        </xdr:cNvPr>
        <xdr:cNvCxnSpPr/>
      </xdr:nvCxnSpPr>
      <xdr:spPr>
        <a:xfrm flipV="1">
          <a:off x="16802100" y="6342427"/>
          <a:ext cx="800100" cy="3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9208</xdr:rowOff>
    </xdr:from>
    <xdr:ext cx="534377" cy="259045"/>
    <xdr:sp macro="" textlink="">
      <xdr:nvSpPr>
        <xdr:cNvPr id="603" name="n_1aveValue【一般廃棄物処理施設】&#10;一人当たり有形固定資産（償却資産）額">
          <a:extLst>
            <a:ext uri="{FF2B5EF4-FFF2-40B4-BE49-F238E27FC236}">
              <a16:creationId xmlns:a16="http://schemas.microsoft.com/office/drawing/2014/main" id="{EB2852A6-5D6F-46C8-BF07-A3BC648E3CE4}"/>
            </a:ext>
          </a:extLst>
        </xdr:cNvPr>
        <xdr:cNvSpPr txBox="1"/>
      </xdr:nvSpPr>
      <xdr:spPr>
        <a:xfrm>
          <a:off x="18944736" y="6003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40984</xdr:rowOff>
    </xdr:from>
    <xdr:ext cx="534377" cy="259045"/>
    <xdr:sp macro="" textlink="">
      <xdr:nvSpPr>
        <xdr:cNvPr id="604" name="n_2aveValue【一般廃棄物処理施設】&#10;一人当たり有形固定資産（償却資産）額">
          <a:extLst>
            <a:ext uri="{FF2B5EF4-FFF2-40B4-BE49-F238E27FC236}">
              <a16:creationId xmlns:a16="http://schemas.microsoft.com/office/drawing/2014/main" id="{C38A4A09-52C8-4AD5-970C-2D90F179F3EB}"/>
            </a:ext>
          </a:extLst>
        </xdr:cNvPr>
        <xdr:cNvSpPr txBox="1"/>
      </xdr:nvSpPr>
      <xdr:spPr>
        <a:xfrm>
          <a:off x="18163686" y="6032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8989</xdr:rowOff>
    </xdr:from>
    <xdr:ext cx="534377" cy="259045"/>
    <xdr:sp macro="" textlink="">
      <xdr:nvSpPr>
        <xdr:cNvPr id="605" name="n_3aveValue【一般廃棄物処理施設】&#10;一人当たり有形固定資産（償却資産）額">
          <a:extLst>
            <a:ext uri="{FF2B5EF4-FFF2-40B4-BE49-F238E27FC236}">
              <a16:creationId xmlns:a16="http://schemas.microsoft.com/office/drawing/2014/main" id="{3420E7DA-09AE-4557-8AF7-D65B48729718}"/>
            </a:ext>
          </a:extLst>
        </xdr:cNvPr>
        <xdr:cNvSpPr txBox="1"/>
      </xdr:nvSpPr>
      <xdr:spPr>
        <a:xfrm>
          <a:off x="17354061" y="6010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24149</xdr:rowOff>
    </xdr:from>
    <xdr:ext cx="534377" cy="259045"/>
    <xdr:sp macro="" textlink="">
      <xdr:nvSpPr>
        <xdr:cNvPr id="606" name="n_4aveValue【一般廃棄物処理施設】&#10;一人当たり有形固定資産（償却資産）額">
          <a:extLst>
            <a:ext uri="{FF2B5EF4-FFF2-40B4-BE49-F238E27FC236}">
              <a16:creationId xmlns:a16="http://schemas.microsoft.com/office/drawing/2014/main" id="{77A8B38A-B227-4B75-A8C0-46A93B0FA53D}"/>
            </a:ext>
          </a:extLst>
        </xdr:cNvPr>
        <xdr:cNvSpPr txBox="1"/>
      </xdr:nvSpPr>
      <xdr:spPr>
        <a:xfrm>
          <a:off x="16563486" y="6018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70187</xdr:rowOff>
    </xdr:from>
    <xdr:ext cx="534377" cy="259045"/>
    <xdr:sp macro="" textlink="">
      <xdr:nvSpPr>
        <xdr:cNvPr id="607" name="n_1mainValue【一般廃棄物処理施設】&#10;一人当たり有形固定資産（償却資産）額">
          <a:extLst>
            <a:ext uri="{FF2B5EF4-FFF2-40B4-BE49-F238E27FC236}">
              <a16:creationId xmlns:a16="http://schemas.microsoft.com/office/drawing/2014/main" id="{B437774F-9A49-4C9B-B0C9-1009BA8CF2B9}"/>
            </a:ext>
          </a:extLst>
        </xdr:cNvPr>
        <xdr:cNvSpPr txBox="1"/>
      </xdr:nvSpPr>
      <xdr:spPr>
        <a:xfrm>
          <a:off x="18944736" y="6382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70709</xdr:rowOff>
    </xdr:from>
    <xdr:ext cx="534377" cy="259045"/>
    <xdr:sp macro="" textlink="">
      <xdr:nvSpPr>
        <xdr:cNvPr id="608" name="n_2mainValue【一般廃棄物処理施設】&#10;一人当たり有形固定資産（償却資産）額">
          <a:extLst>
            <a:ext uri="{FF2B5EF4-FFF2-40B4-BE49-F238E27FC236}">
              <a16:creationId xmlns:a16="http://schemas.microsoft.com/office/drawing/2014/main" id="{FA4F1C72-389F-4A91-A9B2-B9EE3CB3D31F}"/>
            </a:ext>
          </a:extLst>
        </xdr:cNvPr>
        <xdr:cNvSpPr txBox="1"/>
      </xdr:nvSpPr>
      <xdr:spPr>
        <a:xfrm>
          <a:off x="18163686" y="6382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66104</xdr:rowOff>
    </xdr:from>
    <xdr:ext cx="534377" cy="259045"/>
    <xdr:sp macro="" textlink="">
      <xdr:nvSpPr>
        <xdr:cNvPr id="609" name="n_3mainValue【一般廃棄物処理施設】&#10;一人当たり有形固定資産（償却資産）額">
          <a:extLst>
            <a:ext uri="{FF2B5EF4-FFF2-40B4-BE49-F238E27FC236}">
              <a16:creationId xmlns:a16="http://schemas.microsoft.com/office/drawing/2014/main" id="{08101068-C1B5-4D27-83AE-C58186119B9A}"/>
            </a:ext>
          </a:extLst>
        </xdr:cNvPr>
        <xdr:cNvSpPr txBox="1"/>
      </xdr:nvSpPr>
      <xdr:spPr>
        <a:xfrm>
          <a:off x="17354061" y="6384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69337</xdr:rowOff>
    </xdr:from>
    <xdr:ext cx="534377" cy="259045"/>
    <xdr:sp macro="" textlink="">
      <xdr:nvSpPr>
        <xdr:cNvPr id="610" name="n_4mainValue【一般廃棄物処理施設】&#10;一人当たり有形固定資産（償却資産）額">
          <a:extLst>
            <a:ext uri="{FF2B5EF4-FFF2-40B4-BE49-F238E27FC236}">
              <a16:creationId xmlns:a16="http://schemas.microsoft.com/office/drawing/2014/main" id="{48F73F73-493D-4BEE-8999-3FFC3F1B7364}"/>
            </a:ext>
          </a:extLst>
        </xdr:cNvPr>
        <xdr:cNvSpPr txBox="1"/>
      </xdr:nvSpPr>
      <xdr:spPr>
        <a:xfrm>
          <a:off x="16563486" y="6381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1" name="正方形/長方形 610">
          <a:extLst>
            <a:ext uri="{FF2B5EF4-FFF2-40B4-BE49-F238E27FC236}">
              <a16:creationId xmlns:a16="http://schemas.microsoft.com/office/drawing/2014/main" id="{99FE3816-9E89-4ED9-B3DD-67655A0CF33B}"/>
            </a:ext>
          </a:extLst>
        </xdr:cNvPr>
        <xdr:cNvSpPr/>
      </xdr:nvSpPr>
      <xdr:spPr>
        <a:xfrm>
          <a:off x="11210925" y="756285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2" name="正方形/長方形 611">
          <a:extLst>
            <a:ext uri="{FF2B5EF4-FFF2-40B4-BE49-F238E27FC236}">
              <a16:creationId xmlns:a16="http://schemas.microsoft.com/office/drawing/2014/main" id="{EEFB7AA9-375A-4479-A36A-D8E96540B35B}"/>
            </a:ext>
          </a:extLst>
        </xdr:cNvPr>
        <xdr:cNvSpPr/>
      </xdr:nvSpPr>
      <xdr:spPr>
        <a:xfrm>
          <a:off x="113157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3" name="正方形/長方形 612">
          <a:extLst>
            <a:ext uri="{FF2B5EF4-FFF2-40B4-BE49-F238E27FC236}">
              <a16:creationId xmlns:a16="http://schemas.microsoft.com/office/drawing/2014/main" id="{160419D2-3DBA-4190-B903-29B7DEE14325}"/>
            </a:ext>
          </a:extLst>
        </xdr:cNvPr>
        <xdr:cNvSpPr/>
      </xdr:nvSpPr>
      <xdr:spPr>
        <a:xfrm>
          <a:off x="113157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4" name="正方形/長方形 613">
          <a:extLst>
            <a:ext uri="{FF2B5EF4-FFF2-40B4-BE49-F238E27FC236}">
              <a16:creationId xmlns:a16="http://schemas.microsoft.com/office/drawing/2014/main" id="{DDDFF640-1B29-452B-A1C6-C9775C494F08}"/>
            </a:ext>
          </a:extLst>
        </xdr:cNvPr>
        <xdr:cNvSpPr/>
      </xdr:nvSpPr>
      <xdr:spPr>
        <a:xfrm>
          <a:off x="122396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5" name="正方形/長方形 614">
          <a:extLst>
            <a:ext uri="{FF2B5EF4-FFF2-40B4-BE49-F238E27FC236}">
              <a16:creationId xmlns:a16="http://schemas.microsoft.com/office/drawing/2014/main" id="{BA24B0C3-2639-43C5-BB67-1D53045DDB5C}"/>
            </a:ext>
          </a:extLst>
        </xdr:cNvPr>
        <xdr:cNvSpPr/>
      </xdr:nvSpPr>
      <xdr:spPr>
        <a:xfrm>
          <a:off x="122396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6" name="正方形/長方形 615">
          <a:extLst>
            <a:ext uri="{FF2B5EF4-FFF2-40B4-BE49-F238E27FC236}">
              <a16:creationId xmlns:a16="http://schemas.microsoft.com/office/drawing/2014/main" id="{49F404F7-BB56-4451-AC63-B64EC6262959}"/>
            </a:ext>
          </a:extLst>
        </xdr:cNvPr>
        <xdr:cNvSpPr/>
      </xdr:nvSpPr>
      <xdr:spPr>
        <a:xfrm>
          <a:off x="132683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7" name="正方形/長方形 616">
          <a:extLst>
            <a:ext uri="{FF2B5EF4-FFF2-40B4-BE49-F238E27FC236}">
              <a16:creationId xmlns:a16="http://schemas.microsoft.com/office/drawing/2014/main" id="{698F2E6F-A9B0-4B57-8591-5B14909BC96C}"/>
            </a:ext>
          </a:extLst>
        </xdr:cNvPr>
        <xdr:cNvSpPr/>
      </xdr:nvSpPr>
      <xdr:spPr>
        <a:xfrm>
          <a:off x="132683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8" name="正方形/長方形 617">
          <a:extLst>
            <a:ext uri="{FF2B5EF4-FFF2-40B4-BE49-F238E27FC236}">
              <a16:creationId xmlns:a16="http://schemas.microsoft.com/office/drawing/2014/main" id="{99F94DD3-07D1-4E3B-800E-E2C02B8E2500}"/>
            </a:ext>
          </a:extLst>
        </xdr:cNvPr>
        <xdr:cNvSpPr/>
      </xdr:nvSpPr>
      <xdr:spPr>
        <a:xfrm>
          <a:off x="11210925" y="863917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9" name="テキスト ボックス 618">
          <a:extLst>
            <a:ext uri="{FF2B5EF4-FFF2-40B4-BE49-F238E27FC236}">
              <a16:creationId xmlns:a16="http://schemas.microsoft.com/office/drawing/2014/main" id="{B0E511D1-28C1-4CD3-B6BC-AAF58FD5F857}"/>
            </a:ext>
          </a:extLst>
        </xdr:cNvPr>
        <xdr:cNvSpPr txBox="1"/>
      </xdr:nvSpPr>
      <xdr:spPr>
        <a:xfrm>
          <a:off x="11172825" y="8458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0" name="直線コネクタ 619">
          <a:extLst>
            <a:ext uri="{FF2B5EF4-FFF2-40B4-BE49-F238E27FC236}">
              <a16:creationId xmlns:a16="http://schemas.microsoft.com/office/drawing/2014/main" id="{54410AE8-EF92-4F94-853A-D298E958BE5A}"/>
            </a:ext>
          </a:extLst>
        </xdr:cNvPr>
        <xdr:cNvCxnSpPr/>
      </xdr:nvCxnSpPr>
      <xdr:spPr>
        <a:xfrm>
          <a:off x="11210925" y="108013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21" name="テキスト ボックス 620">
          <a:extLst>
            <a:ext uri="{FF2B5EF4-FFF2-40B4-BE49-F238E27FC236}">
              <a16:creationId xmlns:a16="http://schemas.microsoft.com/office/drawing/2014/main" id="{54918078-E83E-442A-9788-7DF27A8BD9B0}"/>
            </a:ext>
          </a:extLst>
        </xdr:cNvPr>
        <xdr:cNvSpPr txBox="1"/>
      </xdr:nvSpPr>
      <xdr:spPr>
        <a:xfrm>
          <a:off x="10845966" y="10665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2" name="直線コネクタ 621">
          <a:extLst>
            <a:ext uri="{FF2B5EF4-FFF2-40B4-BE49-F238E27FC236}">
              <a16:creationId xmlns:a16="http://schemas.microsoft.com/office/drawing/2014/main" id="{1E821C4B-61E4-4E6D-ACCA-003115623F78}"/>
            </a:ext>
          </a:extLst>
        </xdr:cNvPr>
        <xdr:cNvCxnSpPr/>
      </xdr:nvCxnSpPr>
      <xdr:spPr>
        <a:xfrm>
          <a:off x="11210925" y="1049382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23" name="テキスト ボックス 622">
          <a:extLst>
            <a:ext uri="{FF2B5EF4-FFF2-40B4-BE49-F238E27FC236}">
              <a16:creationId xmlns:a16="http://schemas.microsoft.com/office/drawing/2014/main" id="{0F58707C-9363-4B14-93BA-2F4DE068ECE1}"/>
            </a:ext>
          </a:extLst>
        </xdr:cNvPr>
        <xdr:cNvSpPr txBox="1"/>
      </xdr:nvSpPr>
      <xdr:spPr>
        <a:xfrm>
          <a:off x="10845966" y="103643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4" name="直線コネクタ 623">
          <a:extLst>
            <a:ext uri="{FF2B5EF4-FFF2-40B4-BE49-F238E27FC236}">
              <a16:creationId xmlns:a16="http://schemas.microsoft.com/office/drawing/2014/main" id="{17E7132B-261A-4146-A1F7-0DBF8FB0FF37}"/>
            </a:ext>
          </a:extLst>
        </xdr:cNvPr>
        <xdr:cNvCxnSpPr/>
      </xdr:nvCxnSpPr>
      <xdr:spPr>
        <a:xfrm>
          <a:off x="11210925" y="10183132"/>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5" name="テキスト ボックス 624">
          <a:extLst>
            <a:ext uri="{FF2B5EF4-FFF2-40B4-BE49-F238E27FC236}">
              <a16:creationId xmlns:a16="http://schemas.microsoft.com/office/drawing/2014/main" id="{8AFB5609-64BF-418C-8D26-199F22007937}"/>
            </a:ext>
          </a:extLst>
        </xdr:cNvPr>
        <xdr:cNvSpPr txBox="1"/>
      </xdr:nvSpPr>
      <xdr:spPr>
        <a:xfrm>
          <a:off x="10845966" y="1004725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6" name="直線コネクタ 625">
          <a:extLst>
            <a:ext uri="{FF2B5EF4-FFF2-40B4-BE49-F238E27FC236}">
              <a16:creationId xmlns:a16="http://schemas.microsoft.com/office/drawing/2014/main" id="{BF8EAA57-DD49-4873-99B9-9973C8AB22B2}"/>
            </a:ext>
          </a:extLst>
        </xdr:cNvPr>
        <xdr:cNvCxnSpPr/>
      </xdr:nvCxnSpPr>
      <xdr:spPr>
        <a:xfrm>
          <a:off x="11210925" y="987561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7" name="テキスト ボックス 626">
          <a:extLst>
            <a:ext uri="{FF2B5EF4-FFF2-40B4-BE49-F238E27FC236}">
              <a16:creationId xmlns:a16="http://schemas.microsoft.com/office/drawing/2014/main" id="{6C9F9035-AA3B-470A-8FEF-B0FEC59672C9}"/>
            </a:ext>
          </a:extLst>
        </xdr:cNvPr>
        <xdr:cNvSpPr txBox="1"/>
      </xdr:nvSpPr>
      <xdr:spPr>
        <a:xfrm>
          <a:off x="10845966" y="97365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8" name="直線コネクタ 627">
          <a:extLst>
            <a:ext uri="{FF2B5EF4-FFF2-40B4-BE49-F238E27FC236}">
              <a16:creationId xmlns:a16="http://schemas.microsoft.com/office/drawing/2014/main" id="{9A89D601-075E-4A18-B437-12B766CD8F40}"/>
            </a:ext>
          </a:extLst>
        </xdr:cNvPr>
        <xdr:cNvCxnSpPr/>
      </xdr:nvCxnSpPr>
      <xdr:spPr>
        <a:xfrm>
          <a:off x="11210925" y="956491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9" name="テキスト ボックス 628">
          <a:extLst>
            <a:ext uri="{FF2B5EF4-FFF2-40B4-BE49-F238E27FC236}">
              <a16:creationId xmlns:a16="http://schemas.microsoft.com/office/drawing/2014/main" id="{48B38E79-A018-4F22-AAF4-7F8CB022DDDA}"/>
            </a:ext>
          </a:extLst>
        </xdr:cNvPr>
        <xdr:cNvSpPr txBox="1"/>
      </xdr:nvSpPr>
      <xdr:spPr>
        <a:xfrm>
          <a:off x="10845966" y="94290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0" name="直線コネクタ 629">
          <a:extLst>
            <a:ext uri="{FF2B5EF4-FFF2-40B4-BE49-F238E27FC236}">
              <a16:creationId xmlns:a16="http://schemas.microsoft.com/office/drawing/2014/main" id="{777068EA-1C5A-455E-A504-3830071F206B}"/>
            </a:ext>
          </a:extLst>
        </xdr:cNvPr>
        <xdr:cNvCxnSpPr/>
      </xdr:nvCxnSpPr>
      <xdr:spPr>
        <a:xfrm>
          <a:off x="11210925" y="9257393"/>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1" name="テキスト ボックス 630">
          <a:extLst>
            <a:ext uri="{FF2B5EF4-FFF2-40B4-BE49-F238E27FC236}">
              <a16:creationId xmlns:a16="http://schemas.microsoft.com/office/drawing/2014/main" id="{21CE2AE5-42EE-4E49-B7CE-B42783F76E1C}"/>
            </a:ext>
          </a:extLst>
        </xdr:cNvPr>
        <xdr:cNvSpPr txBox="1"/>
      </xdr:nvSpPr>
      <xdr:spPr>
        <a:xfrm>
          <a:off x="10845966" y="911834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2" name="直線コネクタ 631">
          <a:extLst>
            <a:ext uri="{FF2B5EF4-FFF2-40B4-BE49-F238E27FC236}">
              <a16:creationId xmlns:a16="http://schemas.microsoft.com/office/drawing/2014/main" id="{A7BB03FD-4EED-478B-8142-6FECA528830D}"/>
            </a:ext>
          </a:extLst>
        </xdr:cNvPr>
        <xdr:cNvCxnSpPr/>
      </xdr:nvCxnSpPr>
      <xdr:spPr>
        <a:xfrm>
          <a:off x="11210925" y="8946697"/>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33" name="テキスト ボックス 632">
          <a:extLst>
            <a:ext uri="{FF2B5EF4-FFF2-40B4-BE49-F238E27FC236}">
              <a16:creationId xmlns:a16="http://schemas.microsoft.com/office/drawing/2014/main" id="{DEA0EBF9-04CE-4306-9B86-22419CBFBB8C}"/>
            </a:ext>
          </a:extLst>
        </xdr:cNvPr>
        <xdr:cNvSpPr txBox="1"/>
      </xdr:nvSpPr>
      <xdr:spPr>
        <a:xfrm>
          <a:off x="10845966" y="881082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4" name="直線コネクタ 633">
          <a:extLst>
            <a:ext uri="{FF2B5EF4-FFF2-40B4-BE49-F238E27FC236}">
              <a16:creationId xmlns:a16="http://schemas.microsoft.com/office/drawing/2014/main" id="{B3C73FF4-4F70-4880-A925-7AD9EA6DEB8F}"/>
            </a:ext>
          </a:extLst>
        </xdr:cNvPr>
        <xdr:cNvCxnSpPr/>
      </xdr:nvCxnSpPr>
      <xdr:spPr>
        <a:xfrm>
          <a:off x="11210925" y="86391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5" name="テキスト ボックス 634">
          <a:extLst>
            <a:ext uri="{FF2B5EF4-FFF2-40B4-BE49-F238E27FC236}">
              <a16:creationId xmlns:a16="http://schemas.microsoft.com/office/drawing/2014/main" id="{5C51F728-54B9-4637-8EE9-90E0BCDCD742}"/>
            </a:ext>
          </a:extLst>
        </xdr:cNvPr>
        <xdr:cNvSpPr txBox="1"/>
      </xdr:nvSpPr>
      <xdr:spPr>
        <a:xfrm>
          <a:off x="10845966" y="85033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6" name="【保健センター・保健所】&#10;有形固定資産減価償却率グラフ枠">
          <a:extLst>
            <a:ext uri="{FF2B5EF4-FFF2-40B4-BE49-F238E27FC236}">
              <a16:creationId xmlns:a16="http://schemas.microsoft.com/office/drawing/2014/main" id="{B45E0365-1FD3-4942-98FB-CECEB528029B}"/>
            </a:ext>
          </a:extLst>
        </xdr:cNvPr>
        <xdr:cNvSpPr/>
      </xdr:nvSpPr>
      <xdr:spPr>
        <a:xfrm>
          <a:off x="11210925" y="863917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64919</xdr:rowOff>
    </xdr:from>
    <xdr:to>
      <xdr:col>85</xdr:col>
      <xdr:colOff>126364</xdr:colOff>
      <xdr:row>64</xdr:row>
      <xdr:rowOff>9797</xdr:rowOff>
    </xdr:to>
    <xdr:cxnSp macro="">
      <xdr:nvCxnSpPr>
        <xdr:cNvPr id="637" name="直線コネクタ 636">
          <a:extLst>
            <a:ext uri="{FF2B5EF4-FFF2-40B4-BE49-F238E27FC236}">
              <a16:creationId xmlns:a16="http://schemas.microsoft.com/office/drawing/2014/main" id="{AC556122-256E-4973-9011-46E5A6A7AEE8}"/>
            </a:ext>
          </a:extLst>
        </xdr:cNvPr>
        <xdr:cNvCxnSpPr/>
      </xdr:nvCxnSpPr>
      <xdr:spPr>
        <a:xfrm flipV="1">
          <a:off x="14696439" y="9067619"/>
          <a:ext cx="0" cy="1302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624</xdr:rowOff>
    </xdr:from>
    <xdr:ext cx="405111" cy="259045"/>
    <xdr:sp macro="" textlink="">
      <xdr:nvSpPr>
        <xdr:cNvPr id="638" name="【保健センター・保健所】&#10;有形固定資産減価償却率最小値テキスト">
          <a:extLst>
            <a:ext uri="{FF2B5EF4-FFF2-40B4-BE49-F238E27FC236}">
              <a16:creationId xmlns:a16="http://schemas.microsoft.com/office/drawing/2014/main" id="{254D3CD0-B3B5-4C78-ADA1-B4C5BF3F8B20}"/>
            </a:ext>
          </a:extLst>
        </xdr:cNvPr>
        <xdr:cNvSpPr txBox="1"/>
      </xdr:nvSpPr>
      <xdr:spPr>
        <a:xfrm>
          <a:off x="14735175" y="10373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9797</xdr:rowOff>
    </xdr:from>
    <xdr:to>
      <xdr:col>86</xdr:col>
      <xdr:colOff>25400</xdr:colOff>
      <xdr:row>64</xdr:row>
      <xdr:rowOff>9797</xdr:rowOff>
    </xdr:to>
    <xdr:cxnSp macro="">
      <xdr:nvCxnSpPr>
        <xdr:cNvPr id="639" name="直線コネクタ 638">
          <a:extLst>
            <a:ext uri="{FF2B5EF4-FFF2-40B4-BE49-F238E27FC236}">
              <a16:creationId xmlns:a16="http://schemas.microsoft.com/office/drawing/2014/main" id="{14B29507-F82C-48C6-B433-7DAB7566B7FE}"/>
            </a:ext>
          </a:extLst>
        </xdr:cNvPr>
        <xdr:cNvCxnSpPr/>
      </xdr:nvCxnSpPr>
      <xdr:spPr>
        <a:xfrm>
          <a:off x="14611350" y="1036982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1596</xdr:rowOff>
    </xdr:from>
    <xdr:ext cx="405111" cy="259045"/>
    <xdr:sp macro="" textlink="">
      <xdr:nvSpPr>
        <xdr:cNvPr id="640" name="【保健センター・保健所】&#10;有形固定資産減価償却率最大値テキスト">
          <a:extLst>
            <a:ext uri="{FF2B5EF4-FFF2-40B4-BE49-F238E27FC236}">
              <a16:creationId xmlns:a16="http://schemas.microsoft.com/office/drawing/2014/main" id="{A04EFF97-A621-43F1-8125-59BDC50654A0}"/>
            </a:ext>
          </a:extLst>
        </xdr:cNvPr>
        <xdr:cNvSpPr txBox="1"/>
      </xdr:nvSpPr>
      <xdr:spPr>
        <a:xfrm>
          <a:off x="14735175" y="8855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64919</xdr:rowOff>
    </xdr:from>
    <xdr:to>
      <xdr:col>86</xdr:col>
      <xdr:colOff>25400</xdr:colOff>
      <xdr:row>55</xdr:row>
      <xdr:rowOff>164919</xdr:rowOff>
    </xdr:to>
    <xdr:cxnSp macro="">
      <xdr:nvCxnSpPr>
        <xdr:cNvPr id="641" name="直線コネクタ 640">
          <a:extLst>
            <a:ext uri="{FF2B5EF4-FFF2-40B4-BE49-F238E27FC236}">
              <a16:creationId xmlns:a16="http://schemas.microsoft.com/office/drawing/2014/main" id="{AE0C5D43-D110-4586-81EE-4F9B6E5A7828}"/>
            </a:ext>
          </a:extLst>
        </xdr:cNvPr>
        <xdr:cNvCxnSpPr/>
      </xdr:nvCxnSpPr>
      <xdr:spPr>
        <a:xfrm>
          <a:off x="14611350" y="906761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03976</xdr:rowOff>
    </xdr:from>
    <xdr:ext cx="405111" cy="259045"/>
    <xdr:sp macro="" textlink="">
      <xdr:nvSpPr>
        <xdr:cNvPr id="642" name="【保健センター・保健所】&#10;有形固定資産減価償却率平均値テキスト">
          <a:extLst>
            <a:ext uri="{FF2B5EF4-FFF2-40B4-BE49-F238E27FC236}">
              <a16:creationId xmlns:a16="http://schemas.microsoft.com/office/drawing/2014/main" id="{65332B05-D45D-46E3-B874-E60060C17771}"/>
            </a:ext>
          </a:extLst>
        </xdr:cNvPr>
        <xdr:cNvSpPr txBox="1"/>
      </xdr:nvSpPr>
      <xdr:spPr>
        <a:xfrm>
          <a:off x="14735175" y="94988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25549</xdr:rowOff>
    </xdr:from>
    <xdr:to>
      <xdr:col>85</xdr:col>
      <xdr:colOff>177800</xdr:colOff>
      <xdr:row>59</xdr:row>
      <xdr:rowOff>55699</xdr:rowOff>
    </xdr:to>
    <xdr:sp macro="" textlink="">
      <xdr:nvSpPr>
        <xdr:cNvPr id="643" name="フローチャート: 判断 642">
          <a:extLst>
            <a:ext uri="{FF2B5EF4-FFF2-40B4-BE49-F238E27FC236}">
              <a16:creationId xmlns:a16="http://schemas.microsoft.com/office/drawing/2014/main" id="{6F50AD88-E3F3-4846-BE4A-A15E113F6B0B}"/>
            </a:ext>
          </a:extLst>
        </xdr:cNvPr>
        <xdr:cNvSpPr/>
      </xdr:nvSpPr>
      <xdr:spPr>
        <a:xfrm>
          <a:off x="14649450" y="9514024"/>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89626</xdr:rowOff>
    </xdr:from>
    <xdr:to>
      <xdr:col>81</xdr:col>
      <xdr:colOff>101600</xdr:colOff>
      <xdr:row>59</xdr:row>
      <xdr:rowOff>19776</xdr:rowOff>
    </xdr:to>
    <xdr:sp macro="" textlink="">
      <xdr:nvSpPr>
        <xdr:cNvPr id="644" name="フローチャート: 判断 643">
          <a:extLst>
            <a:ext uri="{FF2B5EF4-FFF2-40B4-BE49-F238E27FC236}">
              <a16:creationId xmlns:a16="http://schemas.microsoft.com/office/drawing/2014/main" id="{28E7B6C3-7530-4E64-9EFA-1F451F2E8A7C}"/>
            </a:ext>
          </a:extLst>
        </xdr:cNvPr>
        <xdr:cNvSpPr/>
      </xdr:nvSpPr>
      <xdr:spPr>
        <a:xfrm>
          <a:off x="13887450" y="9478101"/>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63500</xdr:rowOff>
    </xdr:from>
    <xdr:to>
      <xdr:col>76</xdr:col>
      <xdr:colOff>165100</xdr:colOff>
      <xdr:row>58</xdr:row>
      <xdr:rowOff>165100</xdr:rowOff>
    </xdr:to>
    <xdr:sp macro="" textlink="">
      <xdr:nvSpPr>
        <xdr:cNvPr id="645" name="フローチャート: 判断 644">
          <a:extLst>
            <a:ext uri="{FF2B5EF4-FFF2-40B4-BE49-F238E27FC236}">
              <a16:creationId xmlns:a16="http://schemas.microsoft.com/office/drawing/2014/main" id="{059FD57F-D8A4-4014-ABF6-9A078FB7F9D6}"/>
            </a:ext>
          </a:extLst>
        </xdr:cNvPr>
        <xdr:cNvSpPr/>
      </xdr:nvSpPr>
      <xdr:spPr>
        <a:xfrm>
          <a:off x="13096875" y="945832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136978</xdr:rowOff>
    </xdr:from>
    <xdr:to>
      <xdr:col>72</xdr:col>
      <xdr:colOff>38100</xdr:colOff>
      <xdr:row>58</xdr:row>
      <xdr:rowOff>67128</xdr:rowOff>
    </xdr:to>
    <xdr:sp macro="" textlink="">
      <xdr:nvSpPr>
        <xdr:cNvPr id="646" name="フローチャート: 判断 645">
          <a:extLst>
            <a:ext uri="{FF2B5EF4-FFF2-40B4-BE49-F238E27FC236}">
              <a16:creationId xmlns:a16="http://schemas.microsoft.com/office/drawing/2014/main" id="{34C0676B-FCFD-4510-AD4D-1A710FF96495}"/>
            </a:ext>
          </a:extLst>
        </xdr:cNvPr>
        <xdr:cNvSpPr/>
      </xdr:nvSpPr>
      <xdr:spPr>
        <a:xfrm>
          <a:off x="12296775" y="9369878"/>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23916</xdr:rowOff>
    </xdr:from>
    <xdr:to>
      <xdr:col>67</xdr:col>
      <xdr:colOff>101600</xdr:colOff>
      <xdr:row>58</xdr:row>
      <xdr:rowOff>54066</xdr:rowOff>
    </xdr:to>
    <xdr:sp macro="" textlink="">
      <xdr:nvSpPr>
        <xdr:cNvPr id="647" name="フローチャート: 判断 646">
          <a:extLst>
            <a:ext uri="{FF2B5EF4-FFF2-40B4-BE49-F238E27FC236}">
              <a16:creationId xmlns:a16="http://schemas.microsoft.com/office/drawing/2014/main" id="{F6F36D3D-FD9A-4801-A78D-29683098B052}"/>
            </a:ext>
          </a:extLst>
        </xdr:cNvPr>
        <xdr:cNvSpPr/>
      </xdr:nvSpPr>
      <xdr:spPr>
        <a:xfrm>
          <a:off x="11487150" y="9350466"/>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id="{69CF134E-0D30-4EB6-BB40-FD7AB865169A}"/>
            </a:ext>
          </a:extLst>
        </xdr:cNvPr>
        <xdr:cNvSpPr txBox="1"/>
      </xdr:nvSpPr>
      <xdr:spPr>
        <a:xfrm>
          <a:off x="14525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9" name="テキスト ボックス 648">
          <a:extLst>
            <a:ext uri="{FF2B5EF4-FFF2-40B4-BE49-F238E27FC236}">
              <a16:creationId xmlns:a16="http://schemas.microsoft.com/office/drawing/2014/main" id="{A8DF636E-DCFF-443E-9BE5-D7929346FFE1}"/>
            </a:ext>
          </a:extLst>
        </xdr:cNvPr>
        <xdr:cNvSpPr txBox="1"/>
      </xdr:nvSpPr>
      <xdr:spPr>
        <a:xfrm>
          <a:off x="13763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0" name="テキスト ボックス 649">
          <a:extLst>
            <a:ext uri="{FF2B5EF4-FFF2-40B4-BE49-F238E27FC236}">
              <a16:creationId xmlns:a16="http://schemas.microsoft.com/office/drawing/2014/main" id="{7F7EE2DF-442C-45AA-A25F-AADDA75260F8}"/>
            </a:ext>
          </a:extLst>
        </xdr:cNvPr>
        <xdr:cNvSpPr txBox="1"/>
      </xdr:nvSpPr>
      <xdr:spPr>
        <a:xfrm>
          <a:off x="129730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1" name="テキスト ボックス 650">
          <a:extLst>
            <a:ext uri="{FF2B5EF4-FFF2-40B4-BE49-F238E27FC236}">
              <a16:creationId xmlns:a16="http://schemas.microsoft.com/office/drawing/2014/main" id="{96A4E418-A7F6-4517-ABE2-B1DECB22AD75}"/>
            </a:ext>
          </a:extLst>
        </xdr:cNvPr>
        <xdr:cNvSpPr txBox="1"/>
      </xdr:nvSpPr>
      <xdr:spPr>
        <a:xfrm>
          <a:off x="121729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2" name="テキスト ボックス 651">
          <a:extLst>
            <a:ext uri="{FF2B5EF4-FFF2-40B4-BE49-F238E27FC236}">
              <a16:creationId xmlns:a16="http://schemas.microsoft.com/office/drawing/2014/main" id="{670DD622-75B5-40BD-84B5-A837D67A10E9}"/>
            </a:ext>
          </a:extLst>
        </xdr:cNvPr>
        <xdr:cNvSpPr txBox="1"/>
      </xdr:nvSpPr>
      <xdr:spPr>
        <a:xfrm>
          <a:off x="113633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17384</xdr:rowOff>
    </xdr:from>
    <xdr:to>
      <xdr:col>85</xdr:col>
      <xdr:colOff>177800</xdr:colOff>
      <xdr:row>58</xdr:row>
      <xdr:rowOff>47534</xdr:rowOff>
    </xdr:to>
    <xdr:sp macro="" textlink="">
      <xdr:nvSpPr>
        <xdr:cNvPr id="653" name="楕円 652">
          <a:extLst>
            <a:ext uri="{FF2B5EF4-FFF2-40B4-BE49-F238E27FC236}">
              <a16:creationId xmlns:a16="http://schemas.microsoft.com/office/drawing/2014/main" id="{039A4FEA-D6A5-4A2B-BC4E-C3C99866B32F}"/>
            </a:ext>
          </a:extLst>
        </xdr:cNvPr>
        <xdr:cNvSpPr/>
      </xdr:nvSpPr>
      <xdr:spPr>
        <a:xfrm>
          <a:off x="14649450" y="9347109"/>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40261</xdr:rowOff>
    </xdr:from>
    <xdr:ext cx="405111" cy="259045"/>
    <xdr:sp macro="" textlink="">
      <xdr:nvSpPr>
        <xdr:cNvPr id="654" name="【保健センター・保健所】&#10;有形固定資産減価償却率該当値テキスト">
          <a:extLst>
            <a:ext uri="{FF2B5EF4-FFF2-40B4-BE49-F238E27FC236}">
              <a16:creationId xmlns:a16="http://schemas.microsoft.com/office/drawing/2014/main" id="{9AC95440-BE9D-477C-8359-F1BD2942A365}"/>
            </a:ext>
          </a:extLst>
        </xdr:cNvPr>
        <xdr:cNvSpPr txBox="1"/>
      </xdr:nvSpPr>
      <xdr:spPr>
        <a:xfrm>
          <a:off x="14735175" y="92112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55335</xdr:rowOff>
    </xdr:from>
    <xdr:to>
      <xdr:col>81</xdr:col>
      <xdr:colOff>101600</xdr:colOff>
      <xdr:row>57</xdr:row>
      <xdr:rowOff>156935</xdr:rowOff>
    </xdr:to>
    <xdr:sp macro="" textlink="">
      <xdr:nvSpPr>
        <xdr:cNvPr id="655" name="楕円 654">
          <a:extLst>
            <a:ext uri="{FF2B5EF4-FFF2-40B4-BE49-F238E27FC236}">
              <a16:creationId xmlns:a16="http://schemas.microsoft.com/office/drawing/2014/main" id="{25BA6C74-5590-4E00-A57D-A95B7C58F40D}"/>
            </a:ext>
          </a:extLst>
        </xdr:cNvPr>
        <xdr:cNvSpPr/>
      </xdr:nvSpPr>
      <xdr:spPr>
        <a:xfrm>
          <a:off x="13887450" y="928506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106135</xdr:rowOff>
    </xdr:from>
    <xdr:to>
      <xdr:col>85</xdr:col>
      <xdr:colOff>127000</xdr:colOff>
      <xdr:row>57</xdr:row>
      <xdr:rowOff>168184</xdr:rowOff>
    </xdr:to>
    <xdr:cxnSp macro="">
      <xdr:nvCxnSpPr>
        <xdr:cNvPr id="656" name="直線コネクタ 655">
          <a:extLst>
            <a:ext uri="{FF2B5EF4-FFF2-40B4-BE49-F238E27FC236}">
              <a16:creationId xmlns:a16="http://schemas.microsoft.com/office/drawing/2014/main" id="{7D6DF66B-A4CA-49BB-94C2-96D7D00FD5ED}"/>
            </a:ext>
          </a:extLst>
        </xdr:cNvPr>
        <xdr:cNvCxnSpPr/>
      </xdr:nvCxnSpPr>
      <xdr:spPr>
        <a:xfrm>
          <a:off x="13935075" y="9332685"/>
          <a:ext cx="762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1472</xdr:rowOff>
    </xdr:from>
    <xdr:to>
      <xdr:col>76</xdr:col>
      <xdr:colOff>165100</xdr:colOff>
      <xdr:row>57</xdr:row>
      <xdr:rowOff>91622</xdr:rowOff>
    </xdr:to>
    <xdr:sp macro="" textlink="">
      <xdr:nvSpPr>
        <xdr:cNvPr id="657" name="楕円 656">
          <a:extLst>
            <a:ext uri="{FF2B5EF4-FFF2-40B4-BE49-F238E27FC236}">
              <a16:creationId xmlns:a16="http://schemas.microsoft.com/office/drawing/2014/main" id="{92B48CD6-05E2-46E6-AE2C-617A6C6ABC97}"/>
            </a:ext>
          </a:extLst>
        </xdr:cNvPr>
        <xdr:cNvSpPr/>
      </xdr:nvSpPr>
      <xdr:spPr>
        <a:xfrm>
          <a:off x="13096875" y="9232447"/>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40822</xdr:rowOff>
    </xdr:from>
    <xdr:to>
      <xdr:col>81</xdr:col>
      <xdr:colOff>50800</xdr:colOff>
      <xdr:row>57</xdr:row>
      <xdr:rowOff>106135</xdr:rowOff>
    </xdr:to>
    <xdr:cxnSp macro="">
      <xdr:nvCxnSpPr>
        <xdr:cNvPr id="658" name="直線コネクタ 657">
          <a:extLst>
            <a:ext uri="{FF2B5EF4-FFF2-40B4-BE49-F238E27FC236}">
              <a16:creationId xmlns:a16="http://schemas.microsoft.com/office/drawing/2014/main" id="{C2EA1170-8759-422F-8BCB-C3B05DE30BE0}"/>
            </a:ext>
          </a:extLst>
        </xdr:cNvPr>
        <xdr:cNvCxnSpPr/>
      </xdr:nvCxnSpPr>
      <xdr:spPr>
        <a:xfrm>
          <a:off x="13144500" y="9270547"/>
          <a:ext cx="790575" cy="62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2891</xdr:rowOff>
    </xdr:from>
    <xdr:to>
      <xdr:col>72</xdr:col>
      <xdr:colOff>38100</xdr:colOff>
      <xdr:row>57</xdr:row>
      <xdr:rowOff>23041</xdr:rowOff>
    </xdr:to>
    <xdr:sp macro="" textlink="">
      <xdr:nvSpPr>
        <xdr:cNvPr id="659" name="楕円 658">
          <a:extLst>
            <a:ext uri="{FF2B5EF4-FFF2-40B4-BE49-F238E27FC236}">
              <a16:creationId xmlns:a16="http://schemas.microsoft.com/office/drawing/2014/main" id="{4CC2E8BC-9C20-4611-B704-3A72E02708B6}"/>
            </a:ext>
          </a:extLst>
        </xdr:cNvPr>
        <xdr:cNvSpPr/>
      </xdr:nvSpPr>
      <xdr:spPr>
        <a:xfrm>
          <a:off x="12296775" y="9160691"/>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143691</xdr:rowOff>
    </xdr:from>
    <xdr:to>
      <xdr:col>76</xdr:col>
      <xdr:colOff>114300</xdr:colOff>
      <xdr:row>57</xdr:row>
      <xdr:rowOff>40822</xdr:rowOff>
    </xdr:to>
    <xdr:cxnSp macro="">
      <xdr:nvCxnSpPr>
        <xdr:cNvPr id="660" name="直線コネクタ 659">
          <a:extLst>
            <a:ext uri="{FF2B5EF4-FFF2-40B4-BE49-F238E27FC236}">
              <a16:creationId xmlns:a16="http://schemas.microsoft.com/office/drawing/2014/main" id="{004CBFA1-A58A-4303-A212-D34D027C92C6}"/>
            </a:ext>
          </a:extLst>
        </xdr:cNvPr>
        <xdr:cNvCxnSpPr/>
      </xdr:nvCxnSpPr>
      <xdr:spPr>
        <a:xfrm>
          <a:off x="12344400" y="9208316"/>
          <a:ext cx="800100" cy="62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27577</xdr:rowOff>
    </xdr:from>
    <xdr:to>
      <xdr:col>67</xdr:col>
      <xdr:colOff>101600</xdr:colOff>
      <xdr:row>56</xdr:row>
      <xdr:rowOff>129177</xdr:rowOff>
    </xdr:to>
    <xdr:sp macro="" textlink="">
      <xdr:nvSpPr>
        <xdr:cNvPr id="661" name="楕円 660">
          <a:extLst>
            <a:ext uri="{FF2B5EF4-FFF2-40B4-BE49-F238E27FC236}">
              <a16:creationId xmlns:a16="http://schemas.microsoft.com/office/drawing/2014/main" id="{EE9B2B2A-DD66-479E-89E4-A943E20415A5}"/>
            </a:ext>
          </a:extLst>
        </xdr:cNvPr>
        <xdr:cNvSpPr/>
      </xdr:nvSpPr>
      <xdr:spPr>
        <a:xfrm>
          <a:off x="11487150" y="9098552"/>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78377</xdr:rowOff>
    </xdr:from>
    <xdr:to>
      <xdr:col>71</xdr:col>
      <xdr:colOff>177800</xdr:colOff>
      <xdr:row>56</xdr:row>
      <xdr:rowOff>143691</xdr:rowOff>
    </xdr:to>
    <xdr:cxnSp macro="">
      <xdr:nvCxnSpPr>
        <xdr:cNvPr id="662" name="直線コネクタ 661">
          <a:extLst>
            <a:ext uri="{FF2B5EF4-FFF2-40B4-BE49-F238E27FC236}">
              <a16:creationId xmlns:a16="http://schemas.microsoft.com/office/drawing/2014/main" id="{5E4A8969-CF50-43B4-82BC-3994975A839F}"/>
            </a:ext>
          </a:extLst>
        </xdr:cNvPr>
        <xdr:cNvCxnSpPr/>
      </xdr:nvCxnSpPr>
      <xdr:spPr>
        <a:xfrm>
          <a:off x="11534775" y="9146177"/>
          <a:ext cx="809625" cy="62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0903</xdr:rowOff>
    </xdr:from>
    <xdr:ext cx="405111" cy="259045"/>
    <xdr:sp macro="" textlink="">
      <xdr:nvSpPr>
        <xdr:cNvPr id="663" name="n_1aveValue【保健センター・保健所】&#10;有形固定資産減価償却率">
          <a:extLst>
            <a:ext uri="{FF2B5EF4-FFF2-40B4-BE49-F238E27FC236}">
              <a16:creationId xmlns:a16="http://schemas.microsoft.com/office/drawing/2014/main" id="{B26CBB59-C519-4AAB-BC5A-10FC35AEBC25}"/>
            </a:ext>
          </a:extLst>
        </xdr:cNvPr>
        <xdr:cNvSpPr txBox="1"/>
      </xdr:nvSpPr>
      <xdr:spPr>
        <a:xfrm>
          <a:off x="13745219" y="9561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56227</xdr:rowOff>
    </xdr:from>
    <xdr:ext cx="405111" cy="259045"/>
    <xdr:sp macro="" textlink="">
      <xdr:nvSpPr>
        <xdr:cNvPr id="664" name="n_2aveValue【保健センター・保健所】&#10;有形固定資産減価償却率">
          <a:extLst>
            <a:ext uri="{FF2B5EF4-FFF2-40B4-BE49-F238E27FC236}">
              <a16:creationId xmlns:a16="http://schemas.microsoft.com/office/drawing/2014/main" id="{9B041131-EECF-43D2-A1CF-6FE2A6070DD3}"/>
            </a:ext>
          </a:extLst>
        </xdr:cNvPr>
        <xdr:cNvSpPr txBox="1"/>
      </xdr:nvSpPr>
      <xdr:spPr>
        <a:xfrm>
          <a:off x="12964169" y="9551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8255</xdr:rowOff>
    </xdr:from>
    <xdr:ext cx="405111" cy="259045"/>
    <xdr:sp macro="" textlink="">
      <xdr:nvSpPr>
        <xdr:cNvPr id="665" name="n_3aveValue【保健センター・保健所】&#10;有形固定資産減価償却率">
          <a:extLst>
            <a:ext uri="{FF2B5EF4-FFF2-40B4-BE49-F238E27FC236}">
              <a16:creationId xmlns:a16="http://schemas.microsoft.com/office/drawing/2014/main" id="{5D4E6E41-D598-48D3-ABFA-FE8D0777FAFB}"/>
            </a:ext>
          </a:extLst>
        </xdr:cNvPr>
        <xdr:cNvSpPr txBox="1"/>
      </xdr:nvSpPr>
      <xdr:spPr>
        <a:xfrm>
          <a:off x="12164069" y="9449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45193</xdr:rowOff>
    </xdr:from>
    <xdr:ext cx="405111" cy="259045"/>
    <xdr:sp macro="" textlink="">
      <xdr:nvSpPr>
        <xdr:cNvPr id="666" name="n_4aveValue【保健センター・保健所】&#10;有形固定資産減価償却率">
          <a:extLst>
            <a:ext uri="{FF2B5EF4-FFF2-40B4-BE49-F238E27FC236}">
              <a16:creationId xmlns:a16="http://schemas.microsoft.com/office/drawing/2014/main" id="{51A3A3E5-46CC-4B76-AB0A-3AEE0D52BB4B}"/>
            </a:ext>
          </a:extLst>
        </xdr:cNvPr>
        <xdr:cNvSpPr txBox="1"/>
      </xdr:nvSpPr>
      <xdr:spPr>
        <a:xfrm>
          <a:off x="11354444" y="94400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2012</xdr:rowOff>
    </xdr:from>
    <xdr:ext cx="405111" cy="259045"/>
    <xdr:sp macro="" textlink="">
      <xdr:nvSpPr>
        <xdr:cNvPr id="667" name="n_1mainValue【保健センター・保健所】&#10;有形固定資産減価償却率">
          <a:extLst>
            <a:ext uri="{FF2B5EF4-FFF2-40B4-BE49-F238E27FC236}">
              <a16:creationId xmlns:a16="http://schemas.microsoft.com/office/drawing/2014/main" id="{3853AC62-AC4B-4728-8F7C-603BBC293F94}"/>
            </a:ext>
          </a:extLst>
        </xdr:cNvPr>
        <xdr:cNvSpPr txBox="1"/>
      </xdr:nvSpPr>
      <xdr:spPr>
        <a:xfrm>
          <a:off x="13745219" y="9069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08149</xdr:rowOff>
    </xdr:from>
    <xdr:ext cx="405111" cy="259045"/>
    <xdr:sp macro="" textlink="">
      <xdr:nvSpPr>
        <xdr:cNvPr id="668" name="n_2mainValue【保健センター・保健所】&#10;有形固定資産減価償却率">
          <a:extLst>
            <a:ext uri="{FF2B5EF4-FFF2-40B4-BE49-F238E27FC236}">
              <a16:creationId xmlns:a16="http://schemas.microsoft.com/office/drawing/2014/main" id="{3422D8C4-35BE-4CB7-99D5-8BB93ED1ED71}"/>
            </a:ext>
          </a:extLst>
        </xdr:cNvPr>
        <xdr:cNvSpPr txBox="1"/>
      </xdr:nvSpPr>
      <xdr:spPr>
        <a:xfrm>
          <a:off x="12964169" y="90108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39568</xdr:rowOff>
    </xdr:from>
    <xdr:ext cx="405111" cy="259045"/>
    <xdr:sp macro="" textlink="">
      <xdr:nvSpPr>
        <xdr:cNvPr id="669" name="n_3mainValue【保健センター・保健所】&#10;有形固定資産減価償却率">
          <a:extLst>
            <a:ext uri="{FF2B5EF4-FFF2-40B4-BE49-F238E27FC236}">
              <a16:creationId xmlns:a16="http://schemas.microsoft.com/office/drawing/2014/main" id="{427FF6F1-398F-463F-9522-6451048B9605}"/>
            </a:ext>
          </a:extLst>
        </xdr:cNvPr>
        <xdr:cNvSpPr txBox="1"/>
      </xdr:nvSpPr>
      <xdr:spPr>
        <a:xfrm>
          <a:off x="12164069" y="89454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145704</xdr:rowOff>
    </xdr:from>
    <xdr:ext cx="405111" cy="259045"/>
    <xdr:sp macro="" textlink="">
      <xdr:nvSpPr>
        <xdr:cNvPr id="670" name="n_4mainValue【保健センター・保健所】&#10;有形固定資産減価償却率">
          <a:extLst>
            <a:ext uri="{FF2B5EF4-FFF2-40B4-BE49-F238E27FC236}">
              <a16:creationId xmlns:a16="http://schemas.microsoft.com/office/drawing/2014/main" id="{78BE4694-1FFA-4CDF-9421-DFD64C827F1B}"/>
            </a:ext>
          </a:extLst>
        </xdr:cNvPr>
        <xdr:cNvSpPr txBox="1"/>
      </xdr:nvSpPr>
      <xdr:spPr>
        <a:xfrm>
          <a:off x="11354444" y="8886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1" name="正方形/長方形 670">
          <a:extLst>
            <a:ext uri="{FF2B5EF4-FFF2-40B4-BE49-F238E27FC236}">
              <a16:creationId xmlns:a16="http://schemas.microsoft.com/office/drawing/2014/main" id="{77E81D32-3FF8-4363-83C9-9254FCF2BB80}"/>
            </a:ext>
          </a:extLst>
        </xdr:cNvPr>
        <xdr:cNvSpPr/>
      </xdr:nvSpPr>
      <xdr:spPr>
        <a:xfrm>
          <a:off x="16459200" y="756285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2" name="正方形/長方形 671">
          <a:extLst>
            <a:ext uri="{FF2B5EF4-FFF2-40B4-BE49-F238E27FC236}">
              <a16:creationId xmlns:a16="http://schemas.microsoft.com/office/drawing/2014/main" id="{32779D85-B4D5-47E3-B25B-0185C4AC5296}"/>
            </a:ext>
          </a:extLst>
        </xdr:cNvPr>
        <xdr:cNvSpPr/>
      </xdr:nvSpPr>
      <xdr:spPr>
        <a:xfrm>
          <a:off x="165830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3" name="正方形/長方形 672">
          <a:extLst>
            <a:ext uri="{FF2B5EF4-FFF2-40B4-BE49-F238E27FC236}">
              <a16:creationId xmlns:a16="http://schemas.microsoft.com/office/drawing/2014/main" id="{7B05FBE1-3252-474C-901A-4C3483E85B5B}"/>
            </a:ext>
          </a:extLst>
        </xdr:cNvPr>
        <xdr:cNvSpPr/>
      </xdr:nvSpPr>
      <xdr:spPr>
        <a:xfrm>
          <a:off x="165830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4" name="正方形/長方形 673">
          <a:extLst>
            <a:ext uri="{FF2B5EF4-FFF2-40B4-BE49-F238E27FC236}">
              <a16:creationId xmlns:a16="http://schemas.microsoft.com/office/drawing/2014/main" id="{B97C9F19-4A45-4802-A9DC-89443CE3D6C3}"/>
            </a:ext>
          </a:extLst>
        </xdr:cNvPr>
        <xdr:cNvSpPr/>
      </xdr:nvSpPr>
      <xdr:spPr>
        <a:xfrm>
          <a:off x="174879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5" name="正方形/長方形 674">
          <a:extLst>
            <a:ext uri="{FF2B5EF4-FFF2-40B4-BE49-F238E27FC236}">
              <a16:creationId xmlns:a16="http://schemas.microsoft.com/office/drawing/2014/main" id="{DFD64636-AE20-4E34-A158-9E20151DDCEE}"/>
            </a:ext>
          </a:extLst>
        </xdr:cNvPr>
        <xdr:cNvSpPr/>
      </xdr:nvSpPr>
      <xdr:spPr>
        <a:xfrm>
          <a:off x="174879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6" name="正方形/長方形 675">
          <a:extLst>
            <a:ext uri="{FF2B5EF4-FFF2-40B4-BE49-F238E27FC236}">
              <a16:creationId xmlns:a16="http://schemas.microsoft.com/office/drawing/2014/main" id="{6972FFB8-F188-4FE8-A3D0-ED445C314AAF}"/>
            </a:ext>
          </a:extLst>
        </xdr:cNvPr>
        <xdr:cNvSpPr/>
      </xdr:nvSpPr>
      <xdr:spPr>
        <a:xfrm>
          <a:off x="185166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7" name="正方形/長方形 676">
          <a:extLst>
            <a:ext uri="{FF2B5EF4-FFF2-40B4-BE49-F238E27FC236}">
              <a16:creationId xmlns:a16="http://schemas.microsoft.com/office/drawing/2014/main" id="{B1B9420A-8C9B-46BD-A9C5-0E91E9714EDC}"/>
            </a:ext>
          </a:extLst>
        </xdr:cNvPr>
        <xdr:cNvSpPr/>
      </xdr:nvSpPr>
      <xdr:spPr>
        <a:xfrm>
          <a:off x="185166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8" name="正方形/長方形 677">
          <a:extLst>
            <a:ext uri="{FF2B5EF4-FFF2-40B4-BE49-F238E27FC236}">
              <a16:creationId xmlns:a16="http://schemas.microsoft.com/office/drawing/2014/main" id="{E3A9E0BD-DF6E-42D9-B837-38A1B559A176}"/>
            </a:ext>
          </a:extLst>
        </xdr:cNvPr>
        <xdr:cNvSpPr/>
      </xdr:nvSpPr>
      <xdr:spPr>
        <a:xfrm>
          <a:off x="16459200" y="863917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9" name="テキスト ボックス 678">
          <a:extLst>
            <a:ext uri="{FF2B5EF4-FFF2-40B4-BE49-F238E27FC236}">
              <a16:creationId xmlns:a16="http://schemas.microsoft.com/office/drawing/2014/main" id="{C8E3B3AE-B887-4EEF-A391-58CD808F56FB}"/>
            </a:ext>
          </a:extLst>
        </xdr:cNvPr>
        <xdr:cNvSpPr txBox="1"/>
      </xdr:nvSpPr>
      <xdr:spPr>
        <a:xfrm>
          <a:off x="16440150" y="8458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0" name="直線コネクタ 679">
          <a:extLst>
            <a:ext uri="{FF2B5EF4-FFF2-40B4-BE49-F238E27FC236}">
              <a16:creationId xmlns:a16="http://schemas.microsoft.com/office/drawing/2014/main" id="{AAB09BDB-DBC4-40C0-ACCA-444071A124BA}"/>
            </a:ext>
          </a:extLst>
        </xdr:cNvPr>
        <xdr:cNvCxnSpPr/>
      </xdr:nvCxnSpPr>
      <xdr:spPr>
        <a:xfrm>
          <a:off x="16459200" y="10801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81" name="直線コネクタ 680">
          <a:extLst>
            <a:ext uri="{FF2B5EF4-FFF2-40B4-BE49-F238E27FC236}">
              <a16:creationId xmlns:a16="http://schemas.microsoft.com/office/drawing/2014/main" id="{1073FDCD-678F-4030-A4D0-90E3D9727616}"/>
            </a:ext>
          </a:extLst>
        </xdr:cNvPr>
        <xdr:cNvCxnSpPr/>
      </xdr:nvCxnSpPr>
      <xdr:spPr>
        <a:xfrm>
          <a:off x="16459200" y="10439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82" name="テキスト ボックス 681">
          <a:extLst>
            <a:ext uri="{FF2B5EF4-FFF2-40B4-BE49-F238E27FC236}">
              <a16:creationId xmlns:a16="http://schemas.microsoft.com/office/drawing/2014/main" id="{BC64001D-1174-49F6-AB46-625B6FA63DB2}"/>
            </a:ext>
          </a:extLst>
        </xdr:cNvPr>
        <xdr:cNvSpPr txBox="1"/>
      </xdr:nvSpPr>
      <xdr:spPr>
        <a:xfrm>
          <a:off x="16052346" y="10303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83" name="直線コネクタ 682">
          <a:extLst>
            <a:ext uri="{FF2B5EF4-FFF2-40B4-BE49-F238E27FC236}">
              <a16:creationId xmlns:a16="http://schemas.microsoft.com/office/drawing/2014/main" id="{A437FACF-FD7E-4583-B951-549F599BD04B}"/>
            </a:ext>
          </a:extLst>
        </xdr:cNvPr>
        <xdr:cNvCxnSpPr/>
      </xdr:nvCxnSpPr>
      <xdr:spPr>
        <a:xfrm>
          <a:off x="16459200" y="10077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4" name="テキスト ボックス 683">
          <a:extLst>
            <a:ext uri="{FF2B5EF4-FFF2-40B4-BE49-F238E27FC236}">
              <a16:creationId xmlns:a16="http://schemas.microsoft.com/office/drawing/2014/main" id="{715AF0C1-A4EB-49CE-9C0C-9BF0AF6BAB4B}"/>
            </a:ext>
          </a:extLst>
        </xdr:cNvPr>
        <xdr:cNvSpPr txBox="1"/>
      </xdr:nvSpPr>
      <xdr:spPr>
        <a:xfrm>
          <a:off x="16052346" y="9941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5" name="直線コネクタ 684">
          <a:extLst>
            <a:ext uri="{FF2B5EF4-FFF2-40B4-BE49-F238E27FC236}">
              <a16:creationId xmlns:a16="http://schemas.microsoft.com/office/drawing/2014/main" id="{31111F0D-A615-4455-9875-A4958F875231}"/>
            </a:ext>
          </a:extLst>
        </xdr:cNvPr>
        <xdr:cNvCxnSpPr/>
      </xdr:nvCxnSpPr>
      <xdr:spPr>
        <a:xfrm>
          <a:off x="16459200" y="971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6" name="テキスト ボックス 685">
          <a:extLst>
            <a:ext uri="{FF2B5EF4-FFF2-40B4-BE49-F238E27FC236}">
              <a16:creationId xmlns:a16="http://schemas.microsoft.com/office/drawing/2014/main" id="{A98C4F11-1B31-48E0-9E5D-5A01AB724AB6}"/>
            </a:ext>
          </a:extLst>
        </xdr:cNvPr>
        <xdr:cNvSpPr txBox="1"/>
      </xdr:nvSpPr>
      <xdr:spPr>
        <a:xfrm>
          <a:off x="16052346" y="9579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7" name="直線コネクタ 686">
          <a:extLst>
            <a:ext uri="{FF2B5EF4-FFF2-40B4-BE49-F238E27FC236}">
              <a16:creationId xmlns:a16="http://schemas.microsoft.com/office/drawing/2014/main" id="{27308479-B967-4DD9-9D44-BB3FFCD91865}"/>
            </a:ext>
          </a:extLst>
        </xdr:cNvPr>
        <xdr:cNvCxnSpPr/>
      </xdr:nvCxnSpPr>
      <xdr:spPr>
        <a:xfrm>
          <a:off x="16459200" y="93630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8" name="テキスト ボックス 687">
          <a:extLst>
            <a:ext uri="{FF2B5EF4-FFF2-40B4-BE49-F238E27FC236}">
              <a16:creationId xmlns:a16="http://schemas.microsoft.com/office/drawing/2014/main" id="{C6050833-A5DA-408A-A374-CB20FB20C12F}"/>
            </a:ext>
          </a:extLst>
        </xdr:cNvPr>
        <xdr:cNvSpPr txBox="1"/>
      </xdr:nvSpPr>
      <xdr:spPr>
        <a:xfrm>
          <a:off x="16052346" y="92272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9" name="直線コネクタ 688">
          <a:extLst>
            <a:ext uri="{FF2B5EF4-FFF2-40B4-BE49-F238E27FC236}">
              <a16:creationId xmlns:a16="http://schemas.microsoft.com/office/drawing/2014/main" id="{ECDDEABC-C797-4B55-AAE3-5618D82213FD}"/>
            </a:ext>
          </a:extLst>
        </xdr:cNvPr>
        <xdr:cNvCxnSpPr/>
      </xdr:nvCxnSpPr>
      <xdr:spPr>
        <a:xfrm>
          <a:off x="16459200" y="90011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90" name="テキスト ボックス 689">
          <a:extLst>
            <a:ext uri="{FF2B5EF4-FFF2-40B4-BE49-F238E27FC236}">
              <a16:creationId xmlns:a16="http://schemas.microsoft.com/office/drawing/2014/main" id="{B854F679-3F47-40FF-A5F2-D89DFF94FB51}"/>
            </a:ext>
          </a:extLst>
        </xdr:cNvPr>
        <xdr:cNvSpPr txBox="1"/>
      </xdr:nvSpPr>
      <xdr:spPr>
        <a:xfrm>
          <a:off x="16052346" y="88652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1" name="直線コネクタ 690">
          <a:extLst>
            <a:ext uri="{FF2B5EF4-FFF2-40B4-BE49-F238E27FC236}">
              <a16:creationId xmlns:a16="http://schemas.microsoft.com/office/drawing/2014/main" id="{6186B20B-EB29-4912-84CC-A016CF6AAE1F}"/>
            </a:ext>
          </a:extLst>
        </xdr:cNvPr>
        <xdr:cNvCxnSpPr/>
      </xdr:nvCxnSpPr>
      <xdr:spPr>
        <a:xfrm>
          <a:off x="16459200" y="86391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2" name="テキスト ボックス 691">
          <a:extLst>
            <a:ext uri="{FF2B5EF4-FFF2-40B4-BE49-F238E27FC236}">
              <a16:creationId xmlns:a16="http://schemas.microsoft.com/office/drawing/2014/main" id="{F5504C7B-0D26-47C6-90AE-163C79C4E206}"/>
            </a:ext>
          </a:extLst>
        </xdr:cNvPr>
        <xdr:cNvSpPr txBox="1"/>
      </xdr:nvSpPr>
      <xdr:spPr>
        <a:xfrm>
          <a:off x="16052346" y="85033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3" name="【保健センター・保健所】&#10;一人当たり面積グラフ枠">
          <a:extLst>
            <a:ext uri="{FF2B5EF4-FFF2-40B4-BE49-F238E27FC236}">
              <a16:creationId xmlns:a16="http://schemas.microsoft.com/office/drawing/2014/main" id="{EF1C998B-07F4-44BE-8D8A-3A301B5E628C}"/>
            </a:ext>
          </a:extLst>
        </xdr:cNvPr>
        <xdr:cNvSpPr/>
      </xdr:nvSpPr>
      <xdr:spPr>
        <a:xfrm>
          <a:off x="16459200" y="863917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3350</xdr:rowOff>
    </xdr:from>
    <xdr:to>
      <xdr:col>116</xdr:col>
      <xdr:colOff>62864</xdr:colOff>
      <xdr:row>63</xdr:row>
      <xdr:rowOff>133350</xdr:rowOff>
    </xdr:to>
    <xdr:cxnSp macro="">
      <xdr:nvCxnSpPr>
        <xdr:cNvPr id="694" name="直線コネクタ 693">
          <a:extLst>
            <a:ext uri="{FF2B5EF4-FFF2-40B4-BE49-F238E27FC236}">
              <a16:creationId xmlns:a16="http://schemas.microsoft.com/office/drawing/2014/main" id="{671FEB1C-2E3C-48DE-97D4-E61C765D5503}"/>
            </a:ext>
          </a:extLst>
        </xdr:cNvPr>
        <xdr:cNvCxnSpPr/>
      </xdr:nvCxnSpPr>
      <xdr:spPr>
        <a:xfrm flipV="1">
          <a:off x="19954239" y="9039225"/>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37177</xdr:rowOff>
    </xdr:from>
    <xdr:ext cx="469744" cy="259045"/>
    <xdr:sp macro="" textlink="">
      <xdr:nvSpPr>
        <xdr:cNvPr id="695" name="【保健センター・保健所】&#10;一人当たり面積最小値テキスト">
          <a:extLst>
            <a:ext uri="{FF2B5EF4-FFF2-40B4-BE49-F238E27FC236}">
              <a16:creationId xmlns:a16="http://schemas.microsoft.com/office/drawing/2014/main" id="{F2CAD9F9-1AFE-4820-A318-EE08108F6EB2}"/>
            </a:ext>
          </a:extLst>
        </xdr:cNvPr>
        <xdr:cNvSpPr txBox="1"/>
      </xdr:nvSpPr>
      <xdr:spPr>
        <a:xfrm>
          <a:off x="19992975" y="1034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3350</xdr:rowOff>
    </xdr:from>
    <xdr:to>
      <xdr:col>116</xdr:col>
      <xdr:colOff>152400</xdr:colOff>
      <xdr:row>63</xdr:row>
      <xdr:rowOff>133350</xdr:rowOff>
    </xdr:to>
    <xdr:cxnSp macro="">
      <xdr:nvCxnSpPr>
        <xdr:cNvPr id="696" name="直線コネクタ 695">
          <a:extLst>
            <a:ext uri="{FF2B5EF4-FFF2-40B4-BE49-F238E27FC236}">
              <a16:creationId xmlns:a16="http://schemas.microsoft.com/office/drawing/2014/main" id="{9C9E5DA4-4170-4C26-A945-4FE7AAF54538}"/>
            </a:ext>
          </a:extLst>
        </xdr:cNvPr>
        <xdr:cNvCxnSpPr/>
      </xdr:nvCxnSpPr>
      <xdr:spPr>
        <a:xfrm>
          <a:off x="19878675" y="1033462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0027</xdr:rowOff>
    </xdr:from>
    <xdr:ext cx="469744" cy="259045"/>
    <xdr:sp macro="" textlink="">
      <xdr:nvSpPr>
        <xdr:cNvPr id="697" name="【保健センター・保健所】&#10;一人当たり面積最大値テキスト">
          <a:extLst>
            <a:ext uri="{FF2B5EF4-FFF2-40B4-BE49-F238E27FC236}">
              <a16:creationId xmlns:a16="http://schemas.microsoft.com/office/drawing/2014/main" id="{2BBA4E19-4397-4106-874D-6517EEA017CB}"/>
            </a:ext>
          </a:extLst>
        </xdr:cNvPr>
        <xdr:cNvSpPr txBox="1"/>
      </xdr:nvSpPr>
      <xdr:spPr>
        <a:xfrm>
          <a:off x="19992975" y="8827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3350</xdr:rowOff>
    </xdr:from>
    <xdr:to>
      <xdr:col>116</xdr:col>
      <xdr:colOff>152400</xdr:colOff>
      <xdr:row>55</xdr:row>
      <xdr:rowOff>133350</xdr:rowOff>
    </xdr:to>
    <xdr:cxnSp macro="">
      <xdr:nvCxnSpPr>
        <xdr:cNvPr id="698" name="直線コネクタ 697">
          <a:extLst>
            <a:ext uri="{FF2B5EF4-FFF2-40B4-BE49-F238E27FC236}">
              <a16:creationId xmlns:a16="http://schemas.microsoft.com/office/drawing/2014/main" id="{BFB6039B-76A3-433B-93DC-8D4D3F966619}"/>
            </a:ext>
          </a:extLst>
        </xdr:cNvPr>
        <xdr:cNvCxnSpPr/>
      </xdr:nvCxnSpPr>
      <xdr:spPr>
        <a:xfrm>
          <a:off x="19878675" y="903922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29227</xdr:rowOff>
    </xdr:from>
    <xdr:ext cx="469744" cy="259045"/>
    <xdr:sp macro="" textlink="">
      <xdr:nvSpPr>
        <xdr:cNvPr id="699" name="【保健センター・保健所】&#10;一人当たり面積平均値テキスト">
          <a:extLst>
            <a:ext uri="{FF2B5EF4-FFF2-40B4-BE49-F238E27FC236}">
              <a16:creationId xmlns:a16="http://schemas.microsoft.com/office/drawing/2014/main" id="{38446F45-A94F-4F06-9E3C-6FB299C622E3}"/>
            </a:ext>
          </a:extLst>
        </xdr:cNvPr>
        <xdr:cNvSpPr txBox="1"/>
      </xdr:nvSpPr>
      <xdr:spPr>
        <a:xfrm>
          <a:off x="19992975" y="97415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50</xdr:rowOff>
    </xdr:from>
    <xdr:to>
      <xdr:col>116</xdr:col>
      <xdr:colOff>114300</xdr:colOff>
      <xdr:row>61</xdr:row>
      <xdr:rowOff>107950</xdr:rowOff>
    </xdr:to>
    <xdr:sp macro="" textlink="">
      <xdr:nvSpPr>
        <xdr:cNvPr id="700" name="フローチャート: 判断 699">
          <a:extLst>
            <a:ext uri="{FF2B5EF4-FFF2-40B4-BE49-F238E27FC236}">
              <a16:creationId xmlns:a16="http://schemas.microsoft.com/office/drawing/2014/main" id="{A0A97B95-0426-47D5-BED6-BC438C8EF2C1}"/>
            </a:ext>
          </a:extLst>
        </xdr:cNvPr>
        <xdr:cNvSpPr/>
      </xdr:nvSpPr>
      <xdr:spPr>
        <a:xfrm>
          <a:off x="19897725" y="988695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701" name="フローチャート: 判断 700">
          <a:extLst>
            <a:ext uri="{FF2B5EF4-FFF2-40B4-BE49-F238E27FC236}">
              <a16:creationId xmlns:a16="http://schemas.microsoft.com/office/drawing/2014/main" id="{96DE0B2C-5A38-40DF-B84F-D475BF667DD7}"/>
            </a:ext>
          </a:extLst>
        </xdr:cNvPr>
        <xdr:cNvSpPr/>
      </xdr:nvSpPr>
      <xdr:spPr>
        <a:xfrm>
          <a:off x="19154775" y="9858375"/>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9700</xdr:rowOff>
    </xdr:from>
    <xdr:to>
      <xdr:col>107</xdr:col>
      <xdr:colOff>101600</xdr:colOff>
      <xdr:row>61</xdr:row>
      <xdr:rowOff>69850</xdr:rowOff>
    </xdr:to>
    <xdr:sp macro="" textlink="">
      <xdr:nvSpPr>
        <xdr:cNvPr id="702" name="フローチャート: 判断 701">
          <a:extLst>
            <a:ext uri="{FF2B5EF4-FFF2-40B4-BE49-F238E27FC236}">
              <a16:creationId xmlns:a16="http://schemas.microsoft.com/office/drawing/2014/main" id="{91A96B7D-014E-42B0-8543-51BB4506BD52}"/>
            </a:ext>
          </a:extLst>
        </xdr:cNvPr>
        <xdr:cNvSpPr/>
      </xdr:nvSpPr>
      <xdr:spPr>
        <a:xfrm>
          <a:off x="18345150" y="9858375"/>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39700</xdr:rowOff>
    </xdr:from>
    <xdr:to>
      <xdr:col>102</xdr:col>
      <xdr:colOff>165100</xdr:colOff>
      <xdr:row>61</xdr:row>
      <xdr:rowOff>69850</xdr:rowOff>
    </xdr:to>
    <xdr:sp macro="" textlink="">
      <xdr:nvSpPr>
        <xdr:cNvPr id="703" name="フローチャート: 判断 702">
          <a:extLst>
            <a:ext uri="{FF2B5EF4-FFF2-40B4-BE49-F238E27FC236}">
              <a16:creationId xmlns:a16="http://schemas.microsoft.com/office/drawing/2014/main" id="{F1BB1101-79C9-4259-8561-DB19CE39FA44}"/>
            </a:ext>
          </a:extLst>
        </xdr:cNvPr>
        <xdr:cNvSpPr/>
      </xdr:nvSpPr>
      <xdr:spPr>
        <a:xfrm>
          <a:off x="17554575" y="9858375"/>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39700</xdr:rowOff>
    </xdr:from>
    <xdr:to>
      <xdr:col>98</xdr:col>
      <xdr:colOff>38100</xdr:colOff>
      <xdr:row>61</xdr:row>
      <xdr:rowOff>69850</xdr:rowOff>
    </xdr:to>
    <xdr:sp macro="" textlink="">
      <xdr:nvSpPr>
        <xdr:cNvPr id="704" name="フローチャート: 判断 703">
          <a:extLst>
            <a:ext uri="{FF2B5EF4-FFF2-40B4-BE49-F238E27FC236}">
              <a16:creationId xmlns:a16="http://schemas.microsoft.com/office/drawing/2014/main" id="{01100062-4C25-439F-8372-0A097D947162}"/>
            </a:ext>
          </a:extLst>
        </xdr:cNvPr>
        <xdr:cNvSpPr/>
      </xdr:nvSpPr>
      <xdr:spPr>
        <a:xfrm>
          <a:off x="16754475" y="9858375"/>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C94B8842-9E97-4F7F-9564-D8AECD660EC4}"/>
            </a:ext>
          </a:extLst>
        </xdr:cNvPr>
        <xdr:cNvSpPr txBox="1"/>
      </xdr:nvSpPr>
      <xdr:spPr>
        <a:xfrm>
          <a:off x="197834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2AE33E30-1FC1-4B01-8147-933D6F98BE27}"/>
            </a:ext>
          </a:extLst>
        </xdr:cNvPr>
        <xdr:cNvSpPr txBox="1"/>
      </xdr:nvSpPr>
      <xdr:spPr>
        <a:xfrm>
          <a:off x="190309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7" name="テキスト ボックス 706">
          <a:extLst>
            <a:ext uri="{FF2B5EF4-FFF2-40B4-BE49-F238E27FC236}">
              <a16:creationId xmlns:a16="http://schemas.microsoft.com/office/drawing/2014/main" id="{3F6DD04E-A10A-488B-8762-5A0EE5A477ED}"/>
            </a:ext>
          </a:extLst>
        </xdr:cNvPr>
        <xdr:cNvSpPr txBox="1"/>
      </xdr:nvSpPr>
      <xdr:spPr>
        <a:xfrm>
          <a:off x="182213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8" name="テキスト ボックス 707">
          <a:extLst>
            <a:ext uri="{FF2B5EF4-FFF2-40B4-BE49-F238E27FC236}">
              <a16:creationId xmlns:a16="http://schemas.microsoft.com/office/drawing/2014/main" id="{B69AB834-BE1B-4094-9C05-77CEFF68CEBF}"/>
            </a:ext>
          </a:extLst>
        </xdr:cNvPr>
        <xdr:cNvSpPr txBox="1"/>
      </xdr:nvSpPr>
      <xdr:spPr>
        <a:xfrm>
          <a:off x="174307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9" name="テキスト ボックス 708">
          <a:extLst>
            <a:ext uri="{FF2B5EF4-FFF2-40B4-BE49-F238E27FC236}">
              <a16:creationId xmlns:a16="http://schemas.microsoft.com/office/drawing/2014/main" id="{7F265161-D0F2-41B6-942E-1195C3909B5A}"/>
            </a:ext>
          </a:extLst>
        </xdr:cNvPr>
        <xdr:cNvSpPr txBox="1"/>
      </xdr:nvSpPr>
      <xdr:spPr>
        <a:xfrm>
          <a:off x="166306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5400</xdr:rowOff>
    </xdr:from>
    <xdr:to>
      <xdr:col>116</xdr:col>
      <xdr:colOff>114300</xdr:colOff>
      <xdr:row>62</xdr:row>
      <xdr:rowOff>127000</xdr:rowOff>
    </xdr:to>
    <xdr:sp macro="" textlink="">
      <xdr:nvSpPr>
        <xdr:cNvPr id="710" name="楕円 709">
          <a:extLst>
            <a:ext uri="{FF2B5EF4-FFF2-40B4-BE49-F238E27FC236}">
              <a16:creationId xmlns:a16="http://schemas.microsoft.com/office/drawing/2014/main" id="{49EA50F4-59C1-4599-9E08-1EF277620323}"/>
            </a:ext>
          </a:extLst>
        </xdr:cNvPr>
        <xdr:cNvSpPr/>
      </xdr:nvSpPr>
      <xdr:spPr>
        <a:xfrm>
          <a:off x="19897725" y="1006792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3827</xdr:rowOff>
    </xdr:from>
    <xdr:ext cx="469744" cy="259045"/>
    <xdr:sp macro="" textlink="">
      <xdr:nvSpPr>
        <xdr:cNvPr id="711" name="【保健センター・保健所】&#10;一人当たり面積該当値テキスト">
          <a:extLst>
            <a:ext uri="{FF2B5EF4-FFF2-40B4-BE49-F238E27FC236}">
              <a16:creationId xmlns:a16="http://schemas.microsoft.com/office/drawing/2014/main" id="{865C57EE-DA3B-479C-9E06-AE06C9F1FAF0}"/>
            </a:ext>
          </a:extLst>
        </xdr:cNvPr>
        <xdr:cNvSpPr txBox="1"/>
      </xdr:nvSpPr>
      <xdr:spPr>
        <a:xfrm>
          <a:off x="19992975" y="10046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25400</xdr:rowOff>
    </xdr:from>
    <xdr:to>
      <xdr:col>112</xdr:col>
      <xdr:colOff>38100</xdr:colOff>
      <xdr:row>62</xdr:row>
      <xdr:rowOff>127000</xdr:rowOff>
    </xdr:to>
    <xdr:sp macro="" textlink="">
      <xdr:nvSpPr>
        <xdr:cNvPr id="712" name="楕円 711">
          <a:extLst>
            <a:ext uri="{FF2B5EF4-FFF2-40B4-BE49-F238E27FC236}">
              <a16:creationId xmlns:a16="http://schemas.microsoft.com/office/drawing/2014/main" id="{51CC8E63-905C-42F7-9F94-9516E8189BD2}"/>
            </a:ext>
          </a:extLst>
        </xdr:cNvPr>
        <xdr:cNvSpPr/>
      </xdr:nvSpPr>
      <xdr:spPr>
        <a:xfrm>
          <a:off x="19154775" y="1006792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76200</xdr:rowOff>
    </xdr:from>
    <xdr:to>
      <xdr:col>116</xdr:col>
      <xdr:colOff>63500</xdr:colOff>
      <xdr:row>62</xdr:row>
      <xdr:rowOff>76200</xdr:rowOff>
    </xdr:to>
    <xdr:cxnSp macro="">
      <xdr:nvCxnSpPr>
        <xdr:cNvPr id="713" name="直線コネクタ 712">
          <a:extLst>
            <a:ext uri="{FF2B5EF4-FFF2-40B4-BE49-F238E27FC236}">
              <a16:creationId xmlns:a16="http://schemas.microsoft.com/office/drawing/2014/main" id="{75DD5561-1768-42C5-9E7A-15B08CC48345}"/>
            </a:ext>
          </a:extLst>
        </xdr:cNvPr>
        <xdr:cNvCxnSpPr/>
      </xdr:nvCxnSpPr>
      <xdr:spPr>
        <a:xfrm>
          <a:off x="19202400" y="10115550"/>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25400</xdr:rowOff>
    </xdr:from>
    <xdr:to>
      <xdr:col>107</xdr:col>
      <xdr:colOff>101600</xdr:colOff>
      <xdr:row>62</xdr:row>
      <xdr:rowOff>127000</xdr:rowOff>
    </xdr:to>
    <xdr:sp macro="" textlink="">
      <xdr:nvSpPr>
        <xdr:cNvPr id="714" name="楕円 713">
          <a:extLst>
            <a:ext uri="{FF2B5EF4-FFF2-40B4-BE49-F238E27FC236}">
              <a16:creationId xmlns:a16="http://schemas.microsoft.com/office/drawing/2014/main" id="{103FCE4B-4342-4028-ADEC-E309C01F4995}"/>
            </a:ext>
          </a:extLst>
        </xdr:cNvPr>
        <xdr:cNvSpPr/>
      </xdr:nvSpPr>
      <xdr:spPr>
        <a:xfrm>
          <a:off x="18345150" y="1006792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76200</xdr:rowOff>
    </xdr:from>
    <xdr:to>
      <xdr:col>111</xdr:col>
      <xdr:colOff>177800</xdr:colOff>
      <xdr:row>62</xdr:row>
      <xdr:rowOff>76200</xdr:rowOff>
    </xdr:to>
    <xdr:cxnSp macro="">
      <xdr:nvCxnSpPr>
        <xdr:cNvPr id="715" name="直線コネクタ 714">
          <a:extLst>
            <a:ext uri="{FF2B5EF4-FFF2-40B4-BE49-F238E27FC236}">
              <a16:creationId xmlns:a16="http://schemas.microsoft.com/office/drawing/2014/main" id="{481FA3C2-F926-40F2-AE4D-7713FE4CD4B7}"/>
            </a:ext>
          </a:extLst>
        </xdr:cNvPr>
        <xdr:cNvCxnSpPr/>
      </xdr:nvCxnSpPr>
      <xdr:spPr>
        <a:xfrm>
          <a:off x="18392775" y="10115550"/>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25400</xdr:rowOff>
    </xdr:from>
    <xdr:to>
      <xdr:col>102</xdr:col>
      <xdr:colOff>165100</xdr:colOff>
      <xdr:row>62</xdr:row>
      <xdr:rowOff>127000</xdr:rowOff>
    </xdr:to>
    <xdr:sp macro="" textlink="">
      <xdr:nvSpPr>
        <xdr:cNvPr id="716" name="楕円 715">
          <a:extLst>
            <a:ext uri="{FF2B5EF4-FFF2-40B4-BE49-F238E27FC236}">
              <a16:creationId xmlns:a16="http://schemas.microsoft.com/office/drawing/2014/main" id="{EE72917C-D44F-49EE-AD3F-F0583B1B6437}"/>
            </a:ext>
          </a:extLst>
        </xdr:cNvPr>
        <xdr:cNvSpPr/>
      </xdr:nvSpPr>
      <xdr:spPr>
        <a:xfrm>
          <a:off x="17554575" y="1006792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76200</xdr:rowOff>
    </xdr:from>
    <xdr:to>
      <xdr:col>107</xdr:col>
      <xdr:colOff>50800</xdr:colOff>
      <xdr:row>62</xdr:row>
      <xdr:rowOff>76200</xdr:rowOff>
    </xdr:to>
    <xdr:cxnSp macro="">
      <xdr:nvCxnSpPr>
        <xdr:cNvPr id="717" name="直線コネクタ 716">
          <a:extLst>
            <a:ext uri="{FF2B5EF4-FFF2-40B4-BE49-F238E27FC236}">
              <a16:creationId xmlns:a16="http://schemas.microsoft.com/office/drawing/2014/main" id="{893F41E2-9B33-426E-8AC4-D4DFABA7226B}"/>
            </a:ext>
          </a:extLst>
        </xdr:cNvPr>
        <xdr:cNvCxnSpPr/>
      </xdr:nvCxnSpPr>
      <xdr:spPr>
        <a:xfrm>
          <a:off x="17602200" y="10115550"/>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58750</xdr:rowOff>
    </xdr:from>
    <xdr:to>
      <xdr:col>98</xdr:col>
      <xdr:colOff>38100</xdr:colOff>
      <xdr:row>62</xdr:row>
      <xdr:rowOff>88900</xdr:rowOff>
    </xdr:to>
    <xdr:sp macro="" textlink="">
      <xdr:nvSpPr>
        <xdr:cNvPr id="718" name="楕円 717">
          <a:extLst>
            <a:ext uri="{FF2B5EF4-FFF2-40B4-BE49-F238E27FC236}">
              <a16:creationId xmlns:a16="http://schemas.microsoft.com/office/drawing/2014/main" id="{2A5A4822-127B-4CC8-B5F7-C7A7B16E5525}"/>
            </a:ext>
          </a:extLst>
        </xdr:cNvPr>
        <xdr:cNvSpPr/>
      </xdr:nvSpPr>
      <xdr:spPr>
        <a:xfrm>
          <a:off x="16754475" y="10039350"/>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38100</xdr:rowOff>
    </xdr:from>
    <xdr:to>
      <xdr:col>102</xdr:col>
      <xdr:colOff>114300</xdr:colOff>
      <xdr:row>62</xdr:row>
      <xdr:rowOff>76200</xdr:rowOff>
    </xdr:to>
    <xdr:cxnSp macro="">
      <xdr:nvCxnSpPr>
        <xdr:cNvPr id="719" name="直線コネクタ 718">
          <a:extLst>
            <a:ext uri="{FF2B5EF4-FFF2-40B4-BE49-F238E27FC236}">
              <a16:creationId xmlns:a16="http://schemas.microsoft.com/office/drawing/2014/main" id="{C25580A0-2DC8-4742-91C1-5897E2193D5B}"/>
            </a:ext>
          </a:extLst>
        </xdr:cNvPr>
        <xdr:cNvCxnSpPr/>
      </xdr:nvCxnSpPr>
      <xdr:spPr>
        <a:xfrm>
          <a:off x="16802100" y="10077450"/>
          <a:ext cx="8001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86377</xdr:rowOff>
    </xdr:from>
    <xdr:ext cx="469744" cy="259045"/>
    <xdr:sp macro="" textlink="">
      <xdr:nvSpPr>
        <xdr:cNvPr id="720" name="n_1aveValue【保健センター・保健所】&#10;一人当たり面積">
          <a:extLst>
            <a:ext uri="{FF2B5EF4-FFF2-40B4-BE49-F238E27FC236}">
              <a16:creationId xmlns:a16="http://schemas.microsoft.com/office/drawing/2014/main" id="{CB0D8594-C2E8-4B32-97C7-9D991EF10395}"/>
            </a:ext>
          </a:extLst>
        </xdr:cNvPr>
        <xdr:cNvSpPr txBox="1"/>
      </xdr:nvSpPr>
      <xdr:spPr>
        <a:xfrm>
          <a:off x="18983402" y="9636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86377</xdr:rowOff>
    </xdr:from>
    <xdr:ext cx="469744" cy="259045"/>
    <xdr:sp macro="" textlink="">
      <xdr:nvSpPr>
        <xdr:cNvPr id="721" name="n_2aveValue【保健センター・保健所】&#10;一人当たり面積">
          <a:extLst>
            <a:ext uri="{FF2B5EF4-FFF2-40B4-BE49-F238E27FC236}">
              <a16:creationId xmlns:a16="http://schemas.microsoft.com/office/drawing/2014/main" id="{A1869350-7A6F-4294-ABF4-95A16F724D65}"/>
            </a:ext>
          </a:extLst>
        </xdr:cNvPr>
        <xdr:cNvSpPr txBox="1"/>
      </xdr:nvSpPr>
      <xdr:spPr>
        <a:xfrm>
          <a:off x="18183302" y="9636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86377</xdr:rowOff>
    </xdr:from>
    <xdr:ext cx="469744" cy="259045"/>
    <xdr:sp macro="" textlink="">
      <xdr:nvSpPr>
        <xdr:cNvPr id="722" name="n_3aveValue【保健センター・保健所】&#10;一人当たり面積">
          <a:extLst>
            <a:ext uri="{FF2B5EF4-FFF2-40B4-BE49-F238E27FC236}">
              <a16:creationId xmlns:a16="http://schemas.microsoft.com/office/drawing/2014/main" id="{7EB0A770-DAC1-4275-A3D4-12694375C06C}"/>
            </a:ext>
          </a:extLst>
        </xdr:cNvPr>
        <xdr:cNvSpPr txBox="1"/>
      </xdr:nvSpPr>
      <xdr:spPr>
        <a:xfrm>
          <a:off x="17383202" y="9636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86377</xdr:rowOff>
    </xdr:from>
    <xdr:ext cx="469744" cy="259045"/>
    <xdr:sp macro="" textlink="">
      <xdr:nvSpPr>
        <xdr:cNvPr id="723" name="n_4aveValue【保健センター・保健所】&#10;一人当たり面積">
          <a:extLst>
            <a:ext uri="{FF2B5EF4-FFF2-40B4-BE49-F238E27FC236}">
              <a16:creationId xmlns:a16="http://schemas.microsoft.com/office/drawing/2014/main" id="{07EF3DD1-BB19-42D5-A451-5C9C4837C155}"/>
            </a:ext>
          </a:extLst>
        </xdr:cNvPr>
        <xdr:cNvSpPr txBox="1"/>
      </xdr:nvSpPr>
      <xdr:spPr>
        <a:xfrm>
          <a:off x="16592627" y="9636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18127</xdr:rowOff>
    </xdr:from>
    <xdr:ext cx="469744" cy="259045"/>
    <xdr:sp macro="" textlink="">
      <xdr:nvSpPr>
        <xdr:cNvPr id="724" name="n_1mainValue【保健センター・保健所】&#10;一人当たり面積">
          <a:extLst>
            <a:ext uri="{FF2B5EF4-FFF2-40B4-BE49-F238E27FC236}">
              <a16:creationId xmlns:a16="http://schemas.microsoft.com/office/drawing/2014/main" id="{B096B243-AF3B-4C45-A17E-D6E7A1C1B6D4}"/>
            </a:ext>
          </a:extLst>
        </xdr:cNvPr>
        <xdr:cNvSpPr txBox="1"/>
      </xdr:nvSpPr>
      <xdr:spPr>
        <a:xfrm>
          <a:off x="18983402" y="10160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18127</xdr:rowOff>
    </xdr:from>
    <xdr:ext cx="469744" cy="259045"/>
    <xdr:sp macro="" textlink="">
      <xdr:nvSpPr>
        <xdr:cNvPr id="725" name="n_2mainValue【保健センター・保健所】&#10;一人当たり面積">
          <a:extLst>
            <a:ext uri="{FF2B5EF4-FFF2-40B4-BE49-F238E27FC236}">
              <a16:creationId xmlns:a16="http://schemas.microsoft.com/office/drawing/2014/main" id="{F9EAFB2D-A972-4C8A-B75B-723D20A56737}"/>
            </a:ext>
          </a:extLst>
        </xdr:cNvPr>
        <xdr:cNvSpPr txBox="1"/>
      </xdr:nvSpPr>
      <xdr:spPr>
        <a:xfrm>
          <a:off x="18183302" y="10160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18127</xdr:rowOff>
    </xdr:from>
    <xdr:ext cx="469744" cy="259045"/>
    <xdr:sp macro="" textlink="">
      <xdr:nvSpPr>
        <xdr:cNvPr id="726" name="n_3mainValue【保健センター・保健所】&#10;一人当たり面積">
          <a:extLst>
            <a:ext uri="{FF2B5EF4-FFF2-40B4-BE49-F238E27FC236}">
              <a16:creationId xmlns:a16="http://schemas.microsoft.com/office/drawing/2014/main" id="{735B875C-06A2-4E89-AFC0-051BEAA39A60}"/>
            </a:ext>
          </a:extLst>
        </xdr:cNvPr>
        <xdr:cNvSpPr txBox="1"/>
      </xdr:nvSpPr>
      <xdr:spPr>
        <a:xfrm>
          <a:off x="17383202" y="10160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80027</xdr:rowOff>
    </xdr:from>
    <xdr:ext cx="469744" cy="259045"/>
    <xdr:sp macro="" textlink="">
      <xdr:nvSpPr>
        <xdr:cNvPr id="727" name="n_4mainValue【保健センター・保健所】&#10;一人当たり面積">
          <a:extLst>
            <a:ext uri="{FF2B5EF4-FFF2-40B4-BE49-F238E27FC236}">
              <a16:creationId xmlns:a16="http://schemas.microsoft.com/office/drawing/2014/main" id="{C2BAEA0A-51D3-41B5-920B-D2D092CE0327}"/>
            </a:ext>
          </a:extLst>
        </xdr:cNvPr>
        <xdr:cNvSpPr txBox="1"/>
      </xdr:nvSpPr>
      <xdr:spPr>
        <a:xfrm>
          <a:off x="16592627" y="10122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8" name="正方形/長方形 727">
          <a:extLst>
            <a:ext uri="{FF2B5EF4-FFF2-40B4-BE49-F238E27FC236}">
              <a16:creationId xmlns:a16="http://schemas.microsoft.com/office/drawing/2014/main" id="{F3DBD678-A9A8-4B05-B3B8-41E6D9522EAF}"/>
            </a:ext>
          </a:extLst>
        </xdr:cNvPr>
        <xdr:cNvSpPr/>
      </xdr:nvSpPr>
      <xdr:spPr>
        <a:xfrm>
          <a:off x="11210925" y="111633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9" name="正方形/長方形 728">
          <a:extLst>
            <a:ext uri="{FF2B5EF4-FFF2-40B4-BE49-F238E27FC236}">
              <a16:creationId xmlns:a16="http://schemas.microsoft.com/office/drawing/2014/main" id="{B6A3A898-83A9-4EBC-8411-10FB16D58C76}"/>
            </a:ext>
          </a:extLst>
        </xdr:cNvPr>
        <xdr:cNvSpPr/>
      </xdr:nvSpPr>
      <xdr:spPr>
        <a:xfrm>
          <a:off x="113157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0" name="正方形/長方形 729">
          <a:extLst>
            <a:ext uri="{FF2B5EF4-FFF2-40B4-BE49-F238E27FC236}">
              <a16:creationId xmlns:a16="http://schemas.microsoft.com/office/drawing/2014/main" id="{78751CA4-15E8-4FDE-A368-F3222BB440C3}"/>
            </a:ext>
          </a:extLst>
        </xdr:cNvPr>
        <xdr:cNvSpPr/>
      </xdr:nvSpPr>
      <xdr:spPr>
        <a:xfrm>
          <a:off x="113157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1" name="正方形/長方形 730">
          <a:extLst>
            <a:ext uri="{FF2B5EF4-FFF2-40B4-BE49-F238E27FC236}">
              <a16:creationId xmlns:a16="http://schemas.microsoft.com/office/drawing/2014/main" id="{96E6BD0D-4B35-434A-A036-601F2E090303}"/>
            </a:ext>
          </a:extLst>
        </xdr:cNvPr>
        <xdr:cNvSpPr/>
      </xdr:nvSpPr>
      <xdr:spPr>
        <a:xfrm>
          <a:off x="122396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2" name="正方形/長方形 731">
          <a:extLst>
            <a:ext uri="{FF2B5EF4-FFF2-40B4-BE49-F238E27FC236}">
              <a16:creationId xmlns:a16="http://schemas.microsoft.com/office/drawing/2014/main" id="{0DE3EC2F-C58D-47D8-BCD4-BEA88AF22B26}"/>
            </a:ext>
          </a:extLst>
        </xdr:cNvPr>
        <xdr:cNvSpPr/>
      </xdr:nvSpPr>
      <xdr:spPr>
        <a:xfrm>
          <a:off x="122396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3" name="正方形/長方形 732">
          <a:extLst>
            <a:ext uri="{FF2B5EF4-FFF2-40B4-BE49-F238E27FC236}">
              <a16:creationId xmlns:a16="http://schemas.microsoft.com/office/drawing/2014/main" id="{B293A93D-2B80-422C-8F84-21E220E0F316}"/>
            </a:ext>
          </a:extLst>
        </xdr:cNvPr>
        <xdr:cNvSpPr/>
      </xdr:nvSpPr>
      <xdr:spPr>
        <a:xfrm>
          <a:off x="132683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4" name="正方形/長方形 733">
          <a:extLst>
            <a:ext uri="{FF2B5EF4-FFF2-40B4-BE49-F238E27FC236}">
              <a16:creationId xmlns:a16="http://schemas.microsoft.com/office/drawing/2014/main" id="{67EDFA84-2385-4F9B-B8CA-2623D6A8F523}"/>
            </a:ext>
          </a:extLst>
        </xdr:cNvPr>
        <xdr:cNvSpPr/>
      </xdr:nvSpPr>
      <xdr:spPr>
        <a:xfrm>
          <a:off x="132683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5" name="正方形/長方形 734">
          <a:extLst>
            <a:ext uri="{FF2B5EF4-FFF2-40B4-BE49-F238E27FC236}">
              <a16:creationId xmlns:a16="http://schemas.microsoft.com/office/drawing/2014/main" id="{20958C3F-1F33-4EA5-8E17-E79A3313DF7B}"/>
            </a:ext>
          </a:extLst>
        </xdr:cNvPr>
        <xdr:cNvSpPr/>
      </xdr:nvSpPr>
      <xdr:spPr>
        <a:xfrm>
          <a:off x="11210925" y="122396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6" name="テキスト ボックス 735">
          <a:extLst>
            <a:ext uri="{FF2B5EF4-FFF2-40B4-BE49-F238E27FC236}">
              <a16:creationId xmlns:a16="http://schemas.microsoft.com/office/drawing/2014/main" id="{5D692436-38DD-4D81-8239-D02F1E014E27}"/>
            </a:ext>
          </a:extLst>
        </xdr:cNvPr>
        <xdr:cNvSpPr txBox="1"/>
      </xdr:nvSpPr>
      <xdr:spPr>
        <a:xfrm>
          <a:off x="11172825" y="12058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7" name="直線コネクタ 736">
          <a:extLst>
            <a:ext uri="{FF2B5EF4-FFF2-40B4-BE49-F238E27FC236}">
              <a16:creationId xmlns:a16="http://schemas.microsoft.com/office/drawing/2014/main" id="{D167D426-AE46-4C87-B560-2E042148553B}"/>
            </a:ext>
          </a:extLst>
        </xdr:cNvPr>
        <xdr:cNvCxnSpPr/>
      </xdr:nvCxnSpPr>
      <xdr:spPr>
        <a:xfrm>
          <a:off x="11210925" y="144018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738" name="テキスト ボックス 737">
          <a:extLst>
            <a:ext uri="{FF2B5EF4-FFF2-40B4-BE49-F238E27FC236}">
              <a16:creationId xmlns:a16="http://schemas.microsoft.com/office/drawing/2014/main" id="{32E56EC2-F0E7-41DF-9FE2-D35CFEEB91B2}"/>
            </a:ext>
          </a:extLst>
        </xdr:cNvPr>
        <xdr:cNvSpPr txBox="1"/>
      </xdr:nvSpPr>
      <xdr:spPr>
        <a:xfrm>
          <a:off x="10845966" y="142564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39" name="直線コネクタ 738">
          <a:extLst>
            <a:ext uri="{FF2B5EF4-FFF2-40B4-BE49-F238E27FC236}">
              <a16:creationId xmlns:a16="http://schemas.microsoft.com/office/drawing/2014/main" id="{4CD92278-E075-468F-9B07-75104F241A3F}"/>
            </a:ext>
          </a:extLst>
        </xdr:cNvPr>
        <xdr:cNvCxnSpPr/>
      </xdr:nvCxnSpPr>
      <xdr:spPr>
        <a:xfrm>
          <a:off x="11210925" y="140398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740" name="テキスト ボックス 739">
          <a:extLst>
            <a:ext uri="{FF2B5EF4-FFF2-40B4-BE49-F238E27FC236}">
              <a16:creationId xmlns:a16="http://schemas.microsoft.com/office/drawing/2014/main" id="{408CD529-711C-482B-8FB0-BD22A35A4A48}"/>
            </a:ext>
          </a:extLst>
        </xdr:cNvPr>
        <xdr:cNvSpPr txBox="1"/>
      </xdr:nvSpPr>
      <xdr:spPr>
        <a:xfrm>
          <a:off x="10845966" y="13903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41" name="直線コネクタ 740">
          <a:extLst>
            <a:ext uri="{FF2B5EF4-FFF2-40B4-BE49-F238E27FC236}">
              <a16:creationId xmlns:a16="http://schemas.microsoft.com/office/drawing/2014/main" id="{F048FBE7-9F78-44A5-906C-AEAAE12AEB64}"/>
            </a:ext>
          </a:extLst>
        </xdr:cNvPr>
        <xdr:cNvCxnSpPr/>
      </xdr:nvCxnSpPr>
      <xdr:spPr>
        <a:xfrm>
          <a:off x="11210925" y="136779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42" name="テキスト ボックス 741">
          <a:extLst>
            <a:ext uri="{FF2B5EF4-FFF2-40B4-BE49-F238E27FC236}">
              <a16:creationId xmlns:a16="http://schemas.microsoft.com/office/drawing/2014/main" id="{55FD8977-C83C-47BE-8B84-EC6F5B9A877C}"/>
            </a:ext>
          </a:extLst>
        </xdr:cNvPr>
        <xdr:cNvSpPr txBox="1"/>
      </xdr:nvSpPr>
      <xdr:spPr>
        <a:xfrm>
          <a:off x="10845966" y="1354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3" name="直線コネクタ 742">
          <a:extLst>
            <a:ext uri="{FF2B5EF4-FFF2-40B4-BE49-F238E27FC236}">
              <a16:creationId xmlns:a16="http://schemas.microsoft.com/office/drawing/2014/main" id="{700A52FB-F0A3-472F-B83E-C229617EF56B}"/>
            </a:ext>
          </a:extLst>
        </xdr:cNvPr>
        <xdr:cNvCxnSpPr/>
      </xdr:nvCxnSpPr>
      <xdr:spPr>
        <a:xfrm>
          <a:off x="11210925" y="133159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44" name="テキスト ボックス 743">
          <a:extLst>
            <a:ext uri="{FF2B5EF4-FFF2-40B4-BE49-F238E27FC236}">
              <a16:creationId xmlns:a16="http://schemas.microsoft.com/office/drawing/2014/main" id="{168424DA-DC2C-4D9D-A6AC-E23F261EC1F6}"/>
            </a:ext>
          </a:extLst>
        </xdr:cNvPr>
        <xdr:cNvSpPr txBox="1"/>
      </xdr:nvSpPr>
      <xdr:spPr>
        <a:xfrm>
          <a:off x="10845966" y="13180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45" name="直線コネクタ 744">
          <a:extLst>
            <a:ext uri="{FF2B5EF4-FFF2-40B4-BE49-F238E27FC236}">
              <a16:creationId xmlns:a16="http://schemas.microsoft.com/office/drawing/2014/main" id="{2F958BCA-EB93-41AE-BEC6-CF6DB088185D}"/>
            </a:ext>
          </a:extLst>
        </xdr:cNvPr>
        <xdr:cNvCxnSpPr/>
      </xdr:nvCxnSpPr>
      <xdr:spPr>
        <a:xfrm>
          <a:off x="11210925" y="129540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46" name="テキスト ボックス 745">
          <a:extLst>
            <a:ext uri="{FF2B5EF4-FFF2-40B4-BE49-F238E27FC236}">
              <a16:creationId xmlns:a16="http://schemas.microsoft.com/office/drawing/2014/main" id="{96722432-F8E4-47D8-8617-C760DF060FA1}"/>
            </a:ext>
          </a:extLst>
        </xdr:cNvPr>
        <xdr:cNvSpPr txBox="1"/>
      </xdr:nvSpPr>
      <xdr:spPr>
        <a:xfrm>
          <a:off x="10845966" y="12818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47" name="直線コネクタ 746">
          <a:extLst>
            <a:ext uri="{FF2B5EF4-FFF2-40B4-BE49-F238E27FC236}">
              <a16:creationId xmlns:a16="http://schemas.microsoft.com/office/drawing/2014/main" id="{70605D0C-2022-4018-8A43-0FEA3DFD71FC}"/>
            </a:ext>
          </a:extLst>
        </xdr:cNvPr>
        <xdr:cNvCxnSpPr/>
      </xdr:nvCxnSpPr>
      <xdr:spPr>
        <a:xfrm>
          <a:off x="11210925" y="126015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48" name="テキスト ボックス 747">
          <a:extLst>
            <a:ext uri="{FF2B5EF4-FFF2-40B4-BE49-F238E27FC236}">
              <a16:creationId xmlns:a16="http://schemas.microsoft.com/office/drawing/2014/main" id="{4B970231-AC15-4B26-A031-4E53C321DCE5}"/>
            </a:ext>
          </a:extLst>
        </xdr:cNvPr>
        <xdr:cNvSpPr txBox="1"/>
      </xdr:nvSpPr>
      <xdr:spPr>
        <a:xfrm>
          <a:off x="10845966" y="124657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9" name="直線コネクタ 748">
          <a:extLst>
            <a:ext uri="{FF2B5EF4-FFF2-40B4-BE49-F238E27FC236}">
              <a16:creationId xmlns:a16="http://schemas.microsoft.com/office/drawing/2014/main" id="{E665A13B-E42B-43C6-AD71-6C73152E9BCA}"/>
            </a:ext>
          </a:extLst>
        </xdr:cNvPr>
        <xdr:cNvCxnSpPr/>
      </xdr:nvCxnSpPr>
      <xdr:spPr>
        <a:xfrm>
          <a:off x="11210925" y="122396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50" name="テキスト ボックス 749">
          <a:extLst>
            <a:ext uri="{FF2B5EF4-FFF2-40B4-BE49-F238E27FC236}">
              <a16:creationId xmlns:a16="http://schemas.microsoft.com/office/drawing/2014/main" id="{05662325-7F51-46D9-951E-51FB609D0092}"/>
            </a:ext>
          </a:extLst>
        </xdr:cNvPr>
        <xdr:cNvSpPr txBox="1"/>
      </xdr:nvSpPr>
      <xdr:spPr>
        <a:xfrm>
          <a:off x="10845966" y="121037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51" name="【消防施設】&#10;有形固定資産減価償却率グラフ枠">
          <a:extLst>
            <a:ext uri="{FF2B5EF4-FFF2-40B4-BE49-F238E27FC236}">
              <a16:creationId xmlns:a16="http://schemas.microsoft.com/office/drawing/2014/main" id="{5B7CF789-A4A3-4336-B109-C6CAE815A233}"/>
            </a:ext>
          </a:extLst>
        </xdr:cNvPr>
        <xdr:cNvSpPr/>
      </xdr:nvSpPr>
      <xdr:spPr>
        <a:xfrm>
          <a:off x="11210925" y="122396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7620</xdr:rowOff>
    </xdr:from>
    <xdr:to>
      <xdr:col>85</xdr:col>
      <xdr:colOff>126364</xdr:colOff>
      <xdr:row>87</xdr:row>
      <xdr:rowOff>34289</xdr:rowOff>
    </xdr:to>
    <xdr:cxnSp macro="">
      <xdr:nvCxnSpPr>
        <xdr:cNvPr id="752" name="直線コネクタ 751">
          <a:extLst>
            <a:ext uri="{FF2B5EF4-FFF2-40B4-BE49-F238E27FC236}">
              <a16:creationId xmlns:a16="http://schemas.microsoft.com/office/drawing/2014/main" id="{F1019914-7518-4398-977D-93073D188176}"/>
            </a:ext>
          </a:extLst>
        </xdr:cNvPr>
        <xdr:cNvCxnSpPr/>
      </xdr:nvCxnSpPr>
      <xdr:spPr>
        <a:xfrm flipV="1">
          <a:off x="14696439" y="12802870"/>
          <a:ext cx="0" cy="13157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38116</xdr:rowOff>
    </xdr:from>
    <xdr:ext cx="405111" cy="259045"/>
    <xdr:sp macro="" textlink="">
      <xdr:nvSpPr>
        <xdr:cNvPr id="753" name="【消防施設】&#10;有形固定資産減価償却率最小値テキスト">
          <a:extLst>
            <a:ext uri="{FF2B5EF4-FFF2-40B4-BE49-F238E27FC236}">
              <a16:creationId xmlns:a16="http://schemas.microsoft.com/office/drawing/2014/main" id="{96BADF3F-9D5A-451B-888D-424C4D16129E}"/>
            </a:ext>
          </a:extLst>
        </xdr:cNvPr>
        <xdr:cNvSpPr txBox="1"/>
      </xdr:nvSpPr>
      <xdr:spPr>
        <a:xfrm>
          <a:off x="14735175" y="14125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7</xdr:row>
      <xdr:rowOff>34289</xdr:rowOff>
    </xdr:from>
    <xdr:to>
      <xdr:col>86</xdr:col>
      <xdr:colOff>25400</xdr:colOff>
      <xdr:row>87</xdr:row>
      <xdr:rowOff>34289</xdr:rowOff>
    </xdr:to>
    <xdr:cxnSp macro="">
      <xdr:nvCxnSpPr>
        <xdr:cNvPr id="754" name="直線コネクタ 753">
          <a:extLst>
            <a:ext uri="{FF2B5EF4-FFF2-40B4-BE49-F238E27FC236}">
              <a16:creationId xmlns:a16="http://schemas.microsoft.com/office/drawing/2014/main" id="{F07F7734-B834-46DA-BE84-2B0C9EF9E1F9}"/>
            </a:ext>
          </a:extLst>
        </xdr:cNvPr>
        <xdr:cNvCxnSpPr/>
      </xdr:nvCxnSpPr>
      <xdr:spPr>
        <a:xfrm>
          <a:off x="14611350" y="1411858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25747</xdr:rowOff>
    </xdr:from>
    <xdr:ext cx="405111" cy="259045"/>
    <xdr:sp macro="" textlink="">
      <xdr:nvSpPr>
        <xdr:cNvPr id="755" name="【消防施設】&#10;有形固定資産減価償却率最大値テキスト">
          <a:extLst>
            <a:ext uri="{FF2B5EF4-FFF2-40B4-BE49-F238E27FC236}">
              <a16:creationId xmlns:a16="http://schemas.microsoft.com/office/drawing/2014/main" id="{5BFEA594-FA2F-44AC-9A9E-56867332BB77}"/>
            </a:ext>
          </a:extLst>
        </xdr:cNvPr>
        <xdr:cNvSpPr txBox="1"/>
      </xdr:nvSpPr>
      <xdr:spPr>
        <a:xfrm>
          <a:off x="14735175" y="12590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620</xdr:rowOff>
    </xdr:from>
    <xdr:to>
      <xdr:col>86</xdr:col>
      <xdr:colOff>25400</xdr:colOff>
      <xdr:row>79</xdr:row>
      <xdr:rowOff>7620</xdr:rowOff>
    </xdr:to>
    <xdr:cxnSp macro="">
      <xdr:nvCxnSpPr>
        <xdr:cNvPr id="756" name="直線コネクタ 755">
          <a:extLst>
            <a:ext uri="{FF2B5EF4-FFF2-40B4-BE49-F238E27FC236}">
              <a16:creationId xmlns:a16="http://schemas.microsoft.com/office/drawing/2014/main" id="{02F098EE-48E6-4FEF-8883-49A48585E56F}"/>
            </a:ext>
          </a:extLst>
        </xdr:cNvPr>
        <xdr:cNvCxnSpPr/>
      </xdr:nvCxnSpPr>
      <xdr:spPr>
        <a:xfrm>
          <a:off x="14611350" y="1280287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71138</xdr:rowOff>
    </xdr:from>
    <xdr:ext cx="405111" cy="259045"/>
    <xdr:sp macro="" textlink="">
      <xdr:nvSpPr>
        <xdr:cNvPr id="757" name="【消防施設】&#10;有形固定資産減価償却率平均値テキスト">
          <a:extLst>
            <a:ext uri="{FF2B5EF4-FFF2-40B4-BE49-F238E27FC236}">
              <a16:creationId xmlns:a16="http://schemas.microsoft.com/office/drawing/2014/main" id="{1373234D-18E6-4CED-A9D4-342BC254CAE1}"/>
            </a:ext>
          </a:extLst>
        </xdr:cNvPr>
        <xdr:cNvSpPr txBox="1"/>
      </xdr:nvSpPr>
      <xdr:spPr>
        <a:xfrm>
          <a:off x="14735175" y="133458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48261</xdr:rowOff>
    </xdr:from>
    <xdr:to>
      <xdr:col>85</xdr:col>
      <xdr:colOff>177800</xdr:colOff>
      <xdr:row>83</xdr:row>
      <xdr:rowOff>149861</xdr:rowOff>
    </xdr:to>
    <xdr:sp macro="" textlink="">
      <xdr:nvSpPr>
        <xdr:cNvPr id="758" name="フローチャート: 判断 757">
          <a:extLst>
            <a:ext uri="{FF2B5EF4-FFF2-40B4-BE49-F238E27FC236}">
              <a16:creationId xmlns:a16="http://schemas.microsoft.com/office/drawing/2014/main" id="{EC3660AB-87F8-48A2-8DAF-4FD4DEE689D2}"/>
            </a:ext>
          </a:extLst>
        </xdr:cNvPr>
        <xdr:cNvSpPr/>
      </xdr:nvSpPr>
      <xdr:spPr>
        <a:xfrm>
          <a:off x="14649450" y="13484861"/>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74930</xdr:rowOff>
    </xdr:from>
    <xdr:to>
      <xdr:col>81</xdr:col>
      <xdr:colOff>101600</xdr:colOff>
      <xdr:row>84</xdr:row>
      <xdr:rowOff>5080</xdr:rowOff>
    </xdr:to>
    <xdr:sp macro="" textlink="">
      <xdr:nvSpPr>
        <xdr:cNvPr id="759" name="フローチャート: 判断 758">
          <a:extLst>
            <a:ext uri="{FF2B5EF4-FFF2-40B4-BE49-F238E27FC236}">
              <a16:creationId xmlns:a16="http://schemas.microsoft.com/office/drawing/2014/main" id="{98E32F43-D1E5-4C93-9DAF-3AE5B316609D}"/>
            </a:ext>
          </a:extLst>
        </xdr:cNvPr>
        <xdr:cNvSpPr/>
      </xdr:nvSpPr>
      <xdr:spPr>
        <a:xfrm>
          <a:off x="13887450" y="1351470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21589</xdr:rowOff>
    </xdr:from>
    <xdr:to>
      <xdr:col>76</xdr:col>
      <xdr:colOff>165100</xdr:colOff>
      <xdr:row>83</xdr:row>
      <xdr:rowOff>123189</xdr:rowOff>
    </xdr:to>
    <xdr:sp macro="" textlink="">
      <xdr:nvSpPr>
        <xdr:cNvPr id="760" name="フローチャート: 判断 759">
          <a:extLst>
            <a:ext uri="{FF2B5EF4-FFF2-40B4-BE49-F238E27FC236}">
              <a16:creationId xmlns:a16="http://schemas.microsoft.com/office/drawing/2014/main" id="{87D34A69-0505-444B-8AA1-3599B0E09B97}"/>
            </a:ext>
          </a:extLst>
        </xdr:cNvPr>
        <xdr:cNvSpPr/>
      </xdr:nvSpPr>
      <xdr:spPr>
        <a:xfrm>
          <a:off x="13096875" y="13461364"/>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66370</xdr:rowOff>
    </xdr:from>
    <xdr:to>
      <xdr:col>72</xdr:col>
      <xdr:colOff>38100</xdr:colOff>
      <xdr:row>83</xdr:row>
      <xdr:rowOff>96520</xdr:rowOff>
    </xdr:to>
    <xdr:sp macro="" textlink="">
      <xdr:nvSpPr>
        <xdr:cNvPr id="761" name="フローチャート: 判断 760">
          <a:extLst>
            <a:ext uri="{FF2B5EF4-FFF2-40B4-BE49-F238E27FC236}">
              <a16:creationId xmlns:a16="http://schemas.microsoft.com/office/drawing/2014/main" id="{99AF8EDE-C8C8-46B9-8D69-6AED15F6521C}"/>
            </a:ext>
          </a:extLst>
        </xdr:cNvPr>
        <xdr:cNvSpPr/>
      </xdr:nvSpPr>
      <xdr:spPr>
        <a:xfrm>
          <a:off x="12296775" y="1344104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20650</xdr:rowOff>
    </xdr:from>
    <xdr:to>
      <xdr:col>67</xdr:col>
      <xdr:colOff>101600</xdr:colOff>
      <xdr:row>83</xdr:row>
      <xdr:rowOff>50800</xdr:rowOff>
    </xdr:to>
    <xdr:sp macro="" textlink="">
      <xdr:nvSpPr>
        <xdr:cNvPr id="762" name="フローチャート: 判断 761">
          <a:extLst>
            <a:ext uri="{FF2B5EF4-FFF2-40B4-BE49-F238E27FC236}">
              <a16:creationId xmlns:a16="http://schemas.microsoft.com/office/drawing/2014/main" id="{24C01D2D-E8BC-4E83-8D1E-1A7E10DE8DB8}"/>
            </a:ext>
          </a:extLst>
        </xdr:cNvPr>
        <xdr:cNvSpPr/>
      </xdr:nvSpPr>
      <xdr:spPr>
        <a:xfrm>
          <a:off x="11487150" y="13401675"/>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3" name="テキスト ボックス 762">
          <a:extLst>
            <a:ext uri="{FF2B5EF4-FFF2-40B4-BE49-F238E27FC236}">
              <a16:creationId xmlns:a16="http://schemas.microsoft.com/office/drawing/2014/main" id="{D06861CD-08DF-4592-A599-6974392F3821}"/>
            </a:ext>
          </a:extLst>
        </xdr:cNvPr>
        <xdr:cNvSpPr txBox="1"/>
      </xdr:nvSpPr>
      <xdr:spPr>
        <a:xfrm>
          <a:off x="145256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4" name="テキスト ボックス 763">
          <a:extLst>
            <a:ext uri="{FF2B5EF4-FFF2-40B4-BE49-F238E27FC236}">
              <a16:creationId xmlns:a16="http://schemas.microsoft.com/office/drawing/2014/main" id="{AC63D5DF-050E-4C7E-9A9E-12CCD1A1AF97}"/>
            </a:ext>
          </a:extLst>
        </xdr:cNvPr>
        <xdr:cNvSpPr txBox="1"/>
      </xdr:nvSpPr>
      <xdr:spPr>
        <a:xfrm>
          <a:off x="137636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5" name="テキスト ボックス 764">
          <a:extLst>
            <a:ext uri="{FF2B5EF4-FFF2-40B4-BE49-F238E27FC236}">
              <a16:creationId xmlns:a16="http://schemas.microsoft.com/office/drawing/2014/main" id="{44086AA4-22CF-4C27-B1EC-91091975B978}"/>
            </a:ext>
          </a:extLst>
        </xdr:cNvPr>
        <xdr:cNvSpPr txBox="1"/>
      </xdr:nvSpPr>
      <xdr:spPr>
        <a:xfrm>
          <a:off x="129730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6" name="テキスト ボックス 765">
          <a:extLst>
            <a:ext uri="{FF2B5EF4-FFF2-40B4-BE49-F238E27FC236}">
              <a16:creationId xmlns:a16="http://schemas.microsoft.com/office/drawing/2014/main" id="{BABB350D-3177-4A79-9DAB-26CC28975963}"/>
            </a:ext>
          </a:extLst>
        </xdr:cNvPr>
        <xdr:cNvSpPr txBox="1"/>
      </xdr:nvSpPr>
      <xdr:spPr>
        <a:xfrm>
          <a:off x="121729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7" name="テキスト ボックス 766">
          <a:extLst>
            <a:ext uri="{FF2B5EF4-FFF2-40B4-BE49-F238E27FC236}">
              <a16:creationId xmlns:a16="http://schemas.microsoft.com/office/drawing/2014/main" id="{D2EA1F7B-0365-447B-A334-BF02343DACD8}"/>
            </a:ext>
          </a:extLst>
        </xdr:cNvPr>
        <xdr:cNvSpPr txBox="1"/>
      </xdr:nvSpPr>
      <xdr:spPr>
        <a:xfrm>
          <a:off x="113633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40639</xdr:rowOff>
    </xdr:from>
    <xdr:to>
      <xdr:col>85</xdr:col>
      <xdr:colOff>177800</xdr:colOff>
      <xdr:row>85</xdr:row>
      <xdr:rowOff>142239</xdr:rowOff>
    </xdr:to>
    <xdr:sp macro="" textlink="">
      <xdr:nvSpPr>
        <xdr:cNvPr id="768" name="楕円 767">
          <a:extLst>
            <a:ext uri="{FF2B5EF4-FFF2-40B4-BE49-F238E27FC236}">
              <a16:creationId xmlns:a16="http://schemas.microsoft.com/office/drawing/2014/main" id="{09E23319-1699-4FB5-AE75-96AE4387C72E}"/>
            </a:ext>
          </a:extLst>
        </xdr:cNvPr>
        <xdr:cNvSpPr/>
      </xdr:nvSpPr>
      <xdr:spPr>
        <a:xfrm>
          <a:off x="14649450" y="13804264"/>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9066</xdr:rowOff>
    </xdr:from>
    <xdr:ext cx="405111" cy="259045"/>
    <xdr:sp macro="" textlink="">
      <xdr:nvSpPr>
        <xdr:cNvPr id="769" name="【消防施設】&#10;有形固定資産減価償却率該当値テキスト">
          <a:extLst>
            <a:ext uri="{FF2B5EF4-FFF2-40B4-BE49-F238E27FC236}">
              <a16:creationId xmlns:a16="http://schemas.microsoft.com/office/drawing/2014/main" id="{FFD32E25-C5DF-432C-9C16-87A508594940}"/>
            </a:ext>
          </a:extLst>
        </xdr:cNvPr>
        <xdr:cNvSpPr txBox="1"/>
      </xdr:nvSpPr>
      <xdr:spPr>
        <a:xfrm>
          <a:off x="14735175" y="13782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52070</xdr:rowOff>
    </xdr:from>
    <xdr:to>
      <xdr:col>81</xdr:col>
      <xdr:colOff>101600</xdr:colOff>
      <xdr:row>85</xdr:row>
      <xdr:rowOff>153670</xdr:rowOff>
    </xdr:to>
    <xdr:sp macro="" textlink="">
      <xdr:nvSpPr>
        <xdr:cNvPr id="770" name="楕円 769">
          <a:extLst>
            <a:ext uri="{FF2B5EF4-FFF2-40B4-BE49-F238E27FC236}">
              <a16:creationId xmlns:a16="http://schemas.microsoft.com/office/drawing/2014/main" id="{EF2371C4-8D67-438E-8502-EA6F9A2BCDFA}"/>
            </a:ext>
          </a:extLst>
        </xdr:cNvPr>
        <xdr:cNvSpPr/>
      </xdr:nvSpPr>
      <xdr:spPr>
        <a:xfrm>
          <a:off x="13887450" y="1381252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91439</xdr:rowOff>
    </xdr:from>
    <xdr:to>
      <xdr:col>85</xdr:col>
      <xdr:colOff>127000</xdr:colOff>
      <xdr:row>85</xdr:row>
      <xdr:rowOff>102870</xdr:rowOff>
    </xdr:to>
    <xdr:cxnSp macro="">
      <xdr:nvCxnSpPr>
        <xdr:cNvPr id="771" name="直線コネクタ 770">
          <a:extLst>
            <a:ext uri="{FF2B5EF4-FFF2-40B4-BE49-F238E27FC236}">
              <a16:creationId xmlns:a16="http://schemas.microsoft.com/office/drawing/2014/main" id="{B10E1AE2-6565-47DE-B08C-379C4AC71CC8}"/>
            </a:ext>
          </a:extLst>
        </xdr:cNvPr>
        <xdr:cNvCxnSpPr/>
      </xdr:nvCxnSpPr>
      <xdr:spPr>
        <a:xfrm flipV="1">
          <a:off x="13935075" y="13851889"/>
          <a:ext cx="762000" cy="17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47320</xdr:rowOff>
    </xdr:from>
    <xdr:to>
      <xdr:col>76</xdr:col>
      <xdr:colOff>165100</xdr:colOff>
      <xdr:row>85</xdr:row>
      <xdr:rowOff>77470</xdr:rowOff>
    </xdr:to>
    <xdr:sp macro="" textlink="">
      <xdr:nvSpPr>
        <xdr:cNvPr id="772" name="楕円 771">
          <a:extLst>
            <a:ext uri="{FF2B5EF4-FFF2-40B4-BE49-F238E27FC236}">
              <a16:creationId xmlns:a16="http://schemas.microsoft.com/office/drawing/2014/main" id="{F0624FE9-FA0E-42F7-9285-D19EBD2CFE09}"/>
            </a:ext>
          </a:extLst>
        </xdr:cNvPr>
        <xdr:cNvSpPr/>
      </xdr:nvSpPr>
      <xdr:spPr>
        <a:xfrm>
          <a:off x="13096875" y="1374584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26670</xdr:rowOff>
    </xdr:from>
    <xdr:to>
      <xdr:col>81</xdr:col>
      <xdr:colOff>50800</xdr:colOff>
      <xdr:row>85</xdr:row>
      <xdr:rowOff>102870</xdr:rowOff>
    </xdr:to>
    <xdr:cxnSp macro="">
      <xdr:nvCxnSpPr>
        <xdr:cNvPr id="773" name="直線コネクタ 772">
          <a:extLst>
            <a:ext uri="{FF2B5EF4-FFF2-40B4-BE49-F238E27FC236}">
              <a16:creationId xmlns:a16="http://schemas.microsoft.com/office/drawing/2014/main" id="{A50B32FD-5588-442C-BEB3-982571A1342F}"/>
            </a:ext>
          </a:extLst>
        </xdr:cNvPr>
        <xdr:cNvCxnSpPr/>
      </xdr:nvCxnSpPr>
      <xdr:spPr>
        <a:xfrm>
          <a:off x="13144500" y="13793470"/>
          <a:ext cx="790575"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170180</xdr:rowOff>
    </xdr:from>
    <xdr:to>
      <xdr:col>72</xdr:col>
      <xdr:colOff>38100</xdr:colOff>
      <xdr:row>85</xdr:row>
      <xdr:rowOff>100330</xdr:rowOff>
    </xdr:to>
    <xdr:sp macro="" textlink="">
      <xdr:nvSpPr>
        <xdr:cNvPr id="774" name="楕円 773">
          <a:extLst>
            <a:ext uri="{FF2B5EF4-FFF2-40B4-BE49-F238E27FC236}">
              <a16:creationId xmlns:a16="http://schemas.microsoft.com/office/drawing/2014/main" id="{DC03ADAD-93B5-460D-B3FF-9EFC31087008}"/>
            </a:ext>
          </a:extLst>
        </xdr:cNvPr>
        <xdr:cNvSpPr/>
      </xdr:nvSpPr>
      <xdr:spPr>
        <a:xfrm>
          <a:off x="12296775" y="13762355"/>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26670</xdr:rowOff>
    </xdr:from>
    <xdr:to>
      <xdr:col>76</xdr:col>
      <xdr:colOff>114300</xdr:colOff>
      <xdr:row>85</xdr:row>
      <xdr:rowOff>49530</xdr:rowOff>
    </xdr:to>
    <xdr:cxnSp macro="">
      <xdr:nvCxnSpPr>
        <xdr:cNvPr id="775" name="直線コネクタ 774">
          <a:extLst>
            <a:ext uri="{FF2B5EF4-FFF2-40B4-BE49-F238E27FC236}">
              <a16:creationId xmlns:a16="http://schemas.microsoft.com/office/drawing/2014/main" id="{56D9E909-7B51-48E9-BB56-8742AE67DC85}"/>
            </a:ext>
          </a:extLst>
        </xdr:cNvPr>
        <xdr:cNvCxnSpPr/>
      </xdr:nvCxnSpPr>
      <xdr:spPr>
        <a:xfrm flipV="1">
          <a:off x="12344400" y="13793470"/>
          <a:ext cx="8001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135889</xdr:rowOff>
    </xdr:from>
    <xdr:to>
      <xdr:col>67</xdr:col>
      <xdr:colOff>101600</xdr:colOff>
      <xdr:row>85</xdr:row>
      <xdr:rowOff>66039</xdr:rowOff>
    </xdr:to>
    <xdr:sp macro="" textlink="">
      <xdr:nvSpPr>
        <xdr:cNvPr id="776" name="楕円 775">
          <a:extLst>
            <a:ext uri="{FF2B5EF4-FFF2-40B4-BE49-F238E27FC236}">
              <a16:creationId xmlns:a16="http://schemas.microsoft.com/office/drawing/2014/main" id="{BE46D66C-C3AE-4C58-B50E-AEBDB7448E19}"/>
            </a:ext>
          </a:extLst>
        </xdr:cNvPr>
        <xdr:cNvSpPr/>
      </xdr:nvSpPr>
      <xdr:spPr>
        <a:xfrm>
          <a:off x="11487150" y="13737589"/>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5</xdr:row>
      <xdr:rowOff>15239</xdr:rowOff>
    </xdr:from>
    <xdr:to>
      <xdr:col>71</xdr:col>
      <xdr:colOff>177800</xdr:colOff>
      <xdr:row>85</xdr:row>
      <xdr:rowOff>49530</xdr:rowOff>
    </xdr:to>
    <xdr:cxnSp macro="">
      <xdr:nvCxnSpPr>
        <xdr:cNvPr id="777" name="直線コネクタ 776">
          <a:extLst>
            <a:ext uri="{FF2B5EF4-FFF2-40B4-BE49-F238E27FC236}">
              <a16:creationId xmlns:a16="http://schemas.microsoft.com/office/drawing/2014/main" id="{268A2461-4AB4-4733-86F7-41B2798B4AC6}"/>
            </a:ext>
          </a:extLst>
        </xdr:cNvPr>
        <xdr:cNvCxnSpPr/>
      </xdr:nvCxnSpPr>
      <xdr:spPr>
        <a:xfrm>
          <a:off x="11534775" y="13775689"/>
          <a:ext cx="809625"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21607</xdr:rowOff>
    </xdr:from>
    <xdr:ext cx="405111" cy="259045"/>
    <xdr:sp macro="" textlink="">
      <xdr:nvSpPr>
        <xdr:cNvPr id="778" name="n_1aveValue【消防施設】&#10;有形固定資産減価償却率">
          <a:extLst>
            <a:ext uri="{FF2B5EF4-FFF2-40B4-BE49-F238E27FC236}">
              <a16:creationId xmlns:a16="http://schemas.microsoft.com/office/drawing/2014/main" id="{38D6C3F6-BE51-4F96-92B2-46D8539BA82B}"/>
            </a:ext>
          </a:extLst>
        </xdr:cNvPr>
        <xdr:cNvSpPr txBox="1"/>
      </xdr:nvSpPr>
      <xdr:spPr>
        <a:xfrm>
          <a:off x="13745219" y="1329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39716</xdr:rowOff>
    </xdr:from>
    <xdr:ext cx="405111" cy="259045"/>
    <xdr:sp macro="" textlink="">
      <xdr:nvSpPr>
        <xdr:cNvPr id="779" name="n_2aveValue【消防施設】&#10;有形固定資産減価償却率">
          <a:extLst>
            <a:ext uri="{FF2B5EF4-FFF2-40B4-BE49-F238E27FC236}">
              <a16:creationId xmlns:a16="http://schemas.microsoft.com/office/drawing/2014/main" id="{3020C119-03C6-4543-AAC3-2A63B91FDB82}"/>
            </a:ext>
          </a:extLst>
        </xdr:cNvPr>
        <xdr:cNvSpPr txBox="1"/>
      </xdr:nvSpPr>
      <xdr:spPr>
        <a:xfrm>
          <a:off x="12964169" y="13258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13047</xdr:rowOff>
    </xdr:from>
    <xdr:ext cx="405111" cy="259045"/>
    <xdr:sp macro="" textlink="">
      <xdr:nvSpPr>
        <xdr:cNvPr id="780" name="n_3aveValue【消防施設】&#10;有形固定資産減価償却率">
          <a:extLst>
            <a:ext uri="{FF2B5EF4-FFF2-40B4-BE49-F238E27FC236}">
              <a16:creationId xmlns:a16="http://schemas.microsoft.com/office/drawing/2014/main" id="{E8F5D548-91F3-4405-A2D5-60B1F85BF0B3}"/>
            </a:ext>
          </a:extLst>
        </xdr:cNvPr>
        <xdr:cNvSpPr txBox="1"/>
      </xdr:nvSpPr>
      <xdr:spPr>
        <a:xfrm>
          <a:off x="12164069" y="1322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67327</xdr:rowOff>
    </xdr:from>
    <xdr:ext cx="405111" cy="259045"/>
    <xdr:sp macro="" textlink="">
      <xdr:nvSpPr>
        <xdr:cNvPr id="781" name="n_4aveValue【消防施設】&#10;有形固定資産減価償却率">
          <a:extLst>
            <a:ext uri="{FF2B5EF4-FFF2-40B4-BE49-F238E27FC236}">
              <a16:creationId xmlns:a16="http://schemas.microsoft.com/office/drawing/2014/main" id="{2887D6B5-FFED-4E1B-B0E4-44ED56F6C9FF}"/>
            </a:ext>
          </a:extLst>
        </xdr:cNvPr>
        <xdr:cNvSpPr txBox="1"/>
      </xdr:nvSpPr>
      <xdr:spPr>
        <a:xfrm>
          <a:off x="11354444" y="13180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144797</xdr:rowOff>
    </xdr:from>
    <xdr:ext cx="405111" cy="259045"/>
    <xdr:sp macro="" textlink="">
      <xdr:nvSpPr>
        <xdr:cNvPr id="782" name="n_1mainValue【消防施設】&#10;有形固定資産減価償却率">
          <a:extLst>
            <a:ext uri="{FF2B5EF4-FFF2-40B4-BE49-F238E27FC236}">
              <a16:creationId xmlns:a16="http://schemas.microsoft.com/office/drawing/2014/main" id="{930F7CB3-1BFE-4742-B4E8-3B663837D04F}"/>
            </a:ext>
          </a:extLst>
        </xdr:cNvPr>
        <xdr:cNvSpPr txBox="1"/>
      </xdr:nvSpPr>
      <xdr:spPr>
        <a:xfrm>
          <a:off x="13745219" y="13905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68597</xdr:rowOff>
    </xdr:from>
    <xdr:ext cx="405111" cy="259045"/>
    <xdr:sp macro="" textlink="">
      <xdr:nvSpPr>
        <xdr:cNvPr id="783" name="n_2mainValue【消防施設】&#10;有形固定資産減価償却率">
          <a:extLst>
            <a:ext uri="{FF2B5EF4-FFF2-40B4-BE49-F238E27FC236}">
              <a16:creationId xmlns:a16="http://schemas.microsoft.com/office/drawing/2014/main" id="{D9C68599-A28A-436F-BA31-34C20C7426B4}"/>
            </a:ext>
          </a:extLst>
        </xdr:cNvPr>
        <xdr:cNvSpPr txBox="1"/>
      </xdr:nvSpPr>
      <xdr:spPr>
        <a:xfrm>
          <a:off x="12964169" y="1382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91457</xdr:rowOff>
    </xdr:from>
    <xdr:ext cx="405111" cy="259045"/>
    <xdr:sp macro="" textlink="">
      <xdr:nvSpPr>
        <xdr:cNvPr id="784" name="n_3mainValue【消防施設】&#10;有形固定資産減価償却率">
          <a:extLst>
            <a:ext uri="{FF2B5EF4-FFF2-40B4-BE49-F238E27FC236}">
              <a16:creationId xmlns:a16="http://schemas.microsoft.com/office/drawing/2014/main" id="{FA0AE259-E42B-4879-8C4A-FBE2E41D1053}"/>
            </a:ext>
          </a:extLst>
        </xdr:cNvPr>
        <xdr:cNvSpPr txBox="1"/>
      </xdr:nvSpPr>
      <xdr:spPr>
        <a:xfrm>
          <a:off x="12164069" y="1385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5</xdr:row>
      <xdr:rowOff>57166</xdr:rowOff>
    </xdr:from>
    <xdr:ext cx="405111" cy="259045"/>
    <xdr:sp macro="" textlink="">
      <xdr:nvSpPr>
        <xdr:cNvPr id="785" name="n_4mainValue【消防施設】&#10;有形固定資産減価償却率">
          <a:extLst>
            <a:ext uri="{FF2B5EF4-FFF2-40B4-BE49-F238E27FC236}">
              <a16:creationId xmlns:a16="http://schemas.microsoft.com/office/drawing/2014/main" id="{C17116BF-9FDE-40CE-93E5-114922B4F12E}"/>
            </a:ext>
          </a:extLst>
        </xdr:cNvPr>
        <xdr:cNvSpPr txBox="1"/>
      </xdr:nvSpPr>
      <xdr:spPr>
        <a:xfrm>
          <a:off x="11354444" y="13820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6" name="正方形/長方形 785">
          <a:extLst>
            <a:ext uri="{FF2B5EF4-FFF2-40B4-BE49-F238E27FC236}">
              <a16:creationId xmlns:a16="http://schemas.microsoft.com/office/drawing/2014/main" id="{8DBEF92C-A66C-46B7-BE3E-B8170710E506}"/>
            </a:ext>
          </a:extLst>
        </xdr:cNvPr>
        <xdr:cNvSpPr/>
      </xdr:nvSpPr>
      <xdr:spPr>
        <a:xfrm>
          <a:off x="16459200" y="111633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7" name="正方形/長方形 786">
          <a:extLst>
            <a:ext uri="{FF2B5EF4-FFF2-40B4-BE49-F238E27FC236}">
              <a16:creationId xmlns:a16="http://schemas.microsoft.com/office/drawing/2014/main" id="{BFEF6E39-E447-47EB-8282-3386A0CBCC95}"/>
            </a:ext>
          </a:extLst>
        </xdr:cNvPr>
        <xdr:cNvSpPr/>
      </xdr:nvSpPr>
      <xdr:spPr>
        <a:xfrm>
          <a:off x="165830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8" name="正方形/長方形 787">
          <a:extLst>
            <a:ext uri="{FF2B5EF4-FFF2-40B4-BE49-F238E27FC236}">
              <a16:creationId xmlns:a16="http://schemas.microsoft.com/office/drawing/2014/main" id="{595E7073-63FE-4998-87D8-716004850511}"/>
            </a:ext>
          </a:extLst>
        </xdr:cNvPr>
        <xdr:cNvSpPr/>
      </xdr:nvSpPr>
      <xdr:spPr>
        <a:xfrm>
          <a:off x="165830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9" name="正方形/長方形 788">
          <a:extLst>
            <a:ext uri="{FF2B5EF4-FFF2-40B4-BE49-F238E27FC236}">
              <a16:creationId xmlns:a16="http://schemas.microsoft.com/office/drawing/2014/main" id="{7FCE2274-228F-4426-9484-C699916EC79B}"/>
            </a:ext>
          </a:extLst>
        </xdr:cNvPr>
        <xdr:cNvSpPr/>
      </xdr:nvSpPr>
      <xdr:spPr>
        <a:xfrm>
          <a:off x="174879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90" name="正方形/長方形 789">
          <a:extLst>
            <a:ext uri="{FF2B5EF4-FFF2-40B4-BE49-F238E27FC236}">
              <a16:creationId xmlns:a16="http://schemas.microsoft.com/office/drawing/2014/main" id="{2A4D6E0C-2139-4D56-91E5-8E750FA27494}"/>
            </a:ext>
          </a:extLst>
        </xdr:cNvPr>
        <xdr:cNvSpPr/>
      </xdr:nvSpPr>
      <xdr:spPr>
        <a:xfrm>
          <a:off x="174879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91" name="正方形/長方形 790">
          <a:extLst>
            <a:ext uri="{FF2B5EF4-FFF2-40B4-BE49-F238E27FC236}">
              <a16:creationId xmlns:a16="http://schemas.microsoft.com/office/drawing/2014/main" id="{F9DD9F69-B807-4C46-B333-23AB5AAC7B43}"/>
            </a:ext>
          </a:extLst>
        </xdr:cNvPr>
        <xdr:cNvSpPr/>
      </xdr:nvSpPr>
      <xdr:spPr>
        <a:xfrm>
          <a:off x="185166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2" name="正方形/長方形 791">
          <a:extLst>
            <a:ext uri="{FF2B5EF4-FFF2-40B4-BE49-F238E27FC236}">
              <a16:creationId xmlns:a16="http://schemas.microsoft.com/office/drawing/2014/main" id="{7B31FC21-31F8-443E-8D8C-29539618AFE3}"/>
            </a:ext>
          </a:extLst>
        </xdr:cNvPr>
        <xdr:cNvSpPr/>
      </xdr:nvSpPr>
      <xdr:spPr>
        <a:xfrm>
          <a:off x="185166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3" name="正方形/長方形 792">
          <a:extLst>
            <a:ext uri="{FF2B5EF4-FFF2-40B4-BE49-F238E27FC236}">
              <a16:creationId xmlns:a16="http://schemas.microsoft.com/office/drawing/2014/main" id="{07E668C2-D54E-4061-ADA7-AE91B834B722}"/>
            </a:ext>
          </a:extLst>
        </xdr:cNvPr>
        <xdr:cNvSpPr/>
      </xdr:nvSpPr>
      <xdr:spPr>
        <a:xfrm>
          <a:off x="16459200" y="122396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4" name="テキスト ボックス 793">
          <a:extLst>
            <a:ext uri="{FF2B5EF4-FFF2-40B4-BE49-F238E27FC236}">
              <a16:creationId xmlns:a16="http://schemas.microsoft.com/office/drawing/2014/main" id="{5CFD761F-0C52-41E7-BCBC-F9359C4D6977}"/>
            </a:ext>
          </a:extLst>
        </xdr:cNvPr>
        <xdr:cNvSpPr txBox="1"/>
      </xdr:nvSpPr>
      <xdr:spPr>
        <a:xfrm>
          <a:off x="16440150" y="12058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5" name="直線コネクタ 794">
          <a:extLst>
            <a:ext uri="{FF2B5EF4-FFF2-40B4-BE49-F238E27FC236}">
              <a16:creationId xmlns:a16="http://schemas.microsoft.com/office/drawing/2014/main" id="{0ECAFDAA-E974-43A6-BA12-F19EAD9A751C}"/>
            </a:ext>
          </a:extLst>
        </xdr:cNvPr>
        <xdr:cNvCxnSpPr/>
      </xdr:nvCxnSpPr>
      <xdr:spPr>
        <a:xfrm>
          <a:off x="16459200" y="1440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96" name="テキスト ボックス 795">
          <a:extLst>
            <a:ext uri="{FF2B5EF4-FFF2-40B4-BE49-F238E27FC236}">
              <a16:creationId xmlns:a16="http://schemas.microsoft.com/office/drawing/2014/main" id="{70B5C085-425E-4518-81FE-72FD00E17CC0}"/>
            </a:ext>
          </a:extLst>
        </xdr:cNvPr>
        <xdr:cNvSpPr txBox="1"/>
      </xdr:nvSpPr>
      <xdr:spPr>
        <a:xfrm>
          <a:off x="16052346" y="142564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68729</xdr:rowOff>
    </xdr:from>
    <xdr:to>
      <xdr:col>120</xdr:col>
      <xdr:colOff>114300</xdr:colOff>
      <xdr:row>86</xdr:row>
      <xdr:rowOff>168729</xdr:rowOff>
    </xdr:to>
    <xdr:cxnSp macro="">
      <xdr:nvCxnSpPr>
        <xdr:cNvPr id="797" name="直線コネクタ 796">
          <a:extLst>
            <a:ext uri="{FF2B5EF4-FFF2-40B4-BE49-F238E27FC236}">
              <a16:creationId xmlns:a16="http://schemas.microsoft.com/office/drawing/2014/main" id="{4B8C1397-0EF6-43CC-8678-0973CC684035}"/>
            </a:ext>
          </a:extLst>
        </xdr:cNvPr>
        <xdr:cNvCxnSpPr/>
      </xdr:nvCxnSpPr>
      <xdr:spPr>
        <a:xfrm>
          <a:off x="16459200" y="1408475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798" name="テキスト ボックス 797">
          <a:extLst>
            <a:ext uri="{FF2B5EF4-FFF2-40B4-BE49-F238E27FC236}">
              <a16:creationId xmlns:a16="http://schemas.microsoft.com/office/drawing/2014/main" id="{5E395863-180E-418F-BD80-A0762B68755C}"/>
            </a:ext>
          </a:extLst>
        </xdr:cNvPr>
        <xdr:cNvSpPr txBox="1"/>
      </xdr:nvSpPr>
      <xdr:spPr>
        <a:xfrm>
          <a:off x="16052346" y="1395523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799" name="直線コネクタ 798">
          <a:extLst>
            <a:ext uri="{FF2B5EF4-FFF2-40B4-BE49-F238E27FC236}">
              <a16:creationId xmlns:a16="http://schemas.microsoft.com/office/drawing/2014/main" id="{7ED094BF-E1D4-4680-AEA3-FC8E6D461595}"/>
            </a:ext>
          </a:extLst>
        </xdr:cNvPr>
        <xdr:cNvCxnSpPr/>
      </xdr:nvCxnSpPr>
      <xdr:spPr>
        <a:xfrm>
          <a:off x="16459200" y="137740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800" name="テキスト ボックス 799">
          <a:extLst>
            <a:ext uri="{FF2B5EF4-FFF2-40B4-BE49-F238E27FC236}">
              <a16:creationId xmlns:a16="http://schemas.microsoft.com/office/drawing/2014/main" id="{BF4D2E8D-7F26-4250-BDBF-1E4FB0901F35}"/>
            </a:ext>
          </a:extLst>
        </xdr:cNvPr>
        <xdr:cNvSpPr txBox="1"/>
      </xdr:nvSpPr>
      <xdr:spPr>
        <a:xfrm>
          <a:off x="16052346" y="136477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801" name="直線コネクタ 800">
          <a:extLst>
            <a:ext uri="{FF2B5EF4-FFF2-40B4-BE49-F238E27FC236}">
              <a16:creationId xmlns:a16="http://schemas.microsoft.com/office/drawing/2014/main" id="{91882B9A-68D8-49F2-BADD-A76D43DA1B15}"/>
            </a:ext>
          </a:extLst>
        </xdr:cNvPr>
        <xdr:cNvCxnSpPr/>
      </xdr:nvCxnSpPr>
      <xdr:spPr>
        <a:xfrm>
          <a:off x="16459200" y="1346653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802" name="テキスト ボックス 801">
          <a:extLst>
            <a:ext uri="{FF2B5EF4-FFF2-40B4-BE49-F238E27FC236}">
              <a16:creationId xmlns:a16="http://schemas.microsoft.com/office/drawing/2014/main" id="{E145473B-35FF-4CBC-8893-992A7C84A30B}"/>
            </a:ext>
          </a:extLst>
        </xdr:cNvPr>
        <xdr:cNvSpPr txBox="1"/>
      </xdr:nvSpPr>
      <xdr:spPr>
        <a:xfrm>
          <a:off x="16052346" y="1333701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803" name="直線コネクタ 802">
          <a:extLst>
            <a:ext uri="{FF2B5EF4-FFF2-40B4-BE49-F238E27FC236}">
              <a16:creationId xmlns:a16="http://schemas.microsoft.com/office/drawing/2014/main" id="{E20EC085-876E-4289-AA44-CB69E78821D9}"/>
            </a:ext>
          </a:extLst>
        </xdr:cNvPr>
        <xdr:cNvCxnSpPr/>
      </xdr:nvCxnSpPr>
      <xdr:spPr>
        <a:xfrm>
          <a:off x="16459200" y="1316536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804" name="テキスト ボックス 803">
          <a:extLst>
            <a:ext uri="{FF2B5EF4-FFF2-40B4-BE49-F238E27FC236}">
              <a16:creationId xmlns:a16="http://schemas.microsoft.com/office/drawing/2014/main" id="{82A9CF1E-86D6-43F6-809D-2B778A9DE3A5}"/>
            </a:ext>
          </a:extLst>
        </xdr:cNvPr>
        <xdr:cNvSpPr txBox="1"/>
      </xdr:nvSpPr>
      <xdr:spPr>
        <a:xfrm>
          <a:off x="16052346" y="13029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805" name="直線コネクタ 804">
          <a:extLst>
            <a:ext uri="{FF2B5EF4-FFF2-40B4-BE49-F238E27FC236}">
              <a16:creationId xmlns:a16="http://schemas.microsoft.com/office/drawing/2014/main" id="{FF5B2688-5C4D-49E7-8935-6B3E49C3D0A2}"/>
            </a:ext>
          </a:extLst>
        </xdr:cNvPr>
        <xdr:cNvCxnSpPr/>
      </xdr:nvCxnSpPr>
      <xdr:spPr>
        <a:xfrm>
          <a:off x="16459200" y="128578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806" name="テキスト ボックス 805">
          <a:extLst>
            <a:ext uri="{FF2B5EF4-FFF2-40B4-BE49-F238E27FC236}">
              <a16:creationId xmlns:a16="http://schemas.microsoft.com/office/drawing/2014/main" id="{EB9E7923-276E-4379-9F21-426D4FE77F85}"/>
            </a:ext>
          </a:extLst>
        </xdr:cNvPr>
        <xdr:cNvSpPr txBox="1"/>
      </xdr:nvSpPr>
      <xdr:spPr>
        <a:xfrm>
          <a:off x="16052346" y="127187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807" name="直線コネクタ 806">
          <a:extLst>
            <a:ext uri="{FF2B5EF4-FFF2-40B4-BE49-F238E27FC236}">
              <a16:creationId xmlns:a16="http://schemas.microsoft.com/office/drawing/2014/main" id="{181D603D-ED06-49AA-8046-DF577C5248A8}"/>
            </a:ext>
          </a:extLst>
        </xdr:cNvPr>
        <xdr:cNvCxnSpPr/>
      </xdr:nvCxnSpPr>
      <xdr:spPr>
        <a:xfrm>
          <a:off x="16459200" y="1254714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808" name="テキスト ボックス 807">
          <a:extLst>
            <a:ext uri="{FF2B5EF4-FFF2-40B4-BE49-F238E27FC236}">
              <a16:creationId xmlns:a16="http://schemas.microsoft.com/office/drawing/2014/main" id="{1D57711E-0524-490B-B02B-CBBF5CF7DFDD}"/>
            </a:ext>
          </a:extLst>
        </xdr:cNvPr>
        <xdr:cNvSpPr txBox="1"/>
      </xdr:nvSpPr>
      <xdr:spPr>
        <a:xfrm>
          <a:off x="16052346" y="1241127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9" name="直線コネクタ 808">
          <a:extLst>
            <a:ext uri="{FF2B5EF4-FFF2-40B4-BE49-F238E27FC236}">
              <a16:creationId xmlns:a16="http://schemas.microsoft.com/office/drawing/2014/main" id="{539CF775-A1FD-4332-AA3D-DA1EC479F005}"/>
            </a:ext>
          </a:extLst>
        </xdr:cNvPr>
        <xdr:cNvCxnSpPr/>
      </xdr:nvCxnSpPr>
      <xdr:spPr>
        <a:xfrm>
          <a:off x="16459200" y="122396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10" name="テキスト ボックス 809">
          <a:extLst>
            <a:ext uri="{FF2B5EF4-FFF2-40B4-BE49-F238E27FC236}">
              <a16:creationId xmlns:a16="http://schemas.microsoft.com/office/drawing/2014/main" id="{E7821E3A-57F2-4B22-AFA5-AAB8B251AC99}"/>
            </a:ext>
          </a:extLst>
        </xdr:cNvPr>
        <xdr:cNvSpPr txBox="1"/>
      </xdr:nvSpPr>
      <xdr:spPr>
        <a:xfrm>
          <a:off x="16052346" y="1210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11" name="【消防施設】&#10;一人当たり面積グラフ枠">
          <a:extLst>
            <a:ext uri="{FF2B5EF4-FFF2-40B4-BE49-F238E27FC236}">
              <a16:creationId xmlns:a16="http://schemas.microsoft.com/office/drawing/2014/main" id="{6069D0DF-A4BD-4949-8EAA-43E9CA51E1E0}"/>
            </a:ext>
          </a:extLst>
        </xdr:cNvPr>
        <xdr:cNvSpPr/>
      </xdr:nvSpPr>
      <xdr:spPr>
        <a:xfrm>
          <a:off x="16459200" y="122396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3414</xdr:rowOff>
    </xdr:from>
    <xdr:to>
      <xdr:col>116</xdr:col>
      <xdr:colOff>62864</xdr:colOff>
      <xdr:row>85</xdr:row>
      <xdr:rowOff>111579</xdr:rowOff>
    </xdr:to>
    <xdr:cxnSp macro="">
      <xdr:nvCxnSpPr>
        <xdr:cNvPr id="812" name="直線コネクタ 811">
          <a:extLst>
            <a:ext uri="{FF2B5EF4-FFF2-40B4-BE49-F238E27FC236}">
              <a16:creationId xmlns:a16="http://schemas.microsoft.com/office/drawing/2014/main" id="{D8E00F3E-6CE4-484F-B5E9-F1A90B5CECC7}"/>
            </a:ext>
          </a:extLst>
        </xdr:cNvPr>
        <xdr:cNvCxnSpPr/>
      </xdr:nvCxnSpPr>
      <xdr:spPr>
        <a:xfrm flipV="1">
          <a:off x="19954239" y="12736739"/>
          <a:ext cx="0" cy="11384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15406</xdr:rowOff>
    </xdr:from>
    <xdr:ext cx="469744" cy="259045"/>
    <xdr:sp macro="" textlink="">
      <xdr:nvSpPr>
        <xdr:cNvPr id="813" name="【消防施設】&#10;一人当たり面積最小値テキスト">
          <a:extLst>
            <a:ext uri="{FF2B5EF4-FFF2-40B4-BE49-F238E27FC236}">
              <a16:creationId xmlns:a16="http://schemas.microsoft.com/office/drawing/2014/main" id="{A0EBF30E-7E1B-4DC9-B7EE-4360CAF1EDC4}"/>
            </a:ext>
          </a:extLst>
        </xdr:cNvPr>
        <xdr:cNvSpPr txBox="1"/>
      </xdr:nvSpPr>
      <xdr:spPr>
        <a:xfrm>
          <a:off x="19992975" y="13879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11579</xdr:rowOff>
    </xdr:from>
    <xdr:to>
      <xdr:col>116</xdr:col>
      <xdr:colOff>152400</xdr:colOff>
      <xdr:row>85</xdr:row>
      <xdr:rowOff>111579</xdr:rowOff>
    </xdr:to>
    <xdr:cxnSp macro="">
      <xdr:nvCxnSpPr>
        <xdr:cNvPr id="814" name="直線コネクタ 813">
          <a:extLst>
            <a:ext uri="{FF2B5EF4-FFF2-40B4-BE49-F238E27FC236}">
              <a16:creationId xmlns:a16="http://schemas.microsoft.com/office/drawing/2014/main" id="{DFEFD157-F6FD-4B2B-AE1D-777EA2D2B338}"/>
            </a:ext>
          </a:extLst>
        </xdr:cNvPr>
        <xdr:cNvCxnSpPr/>
      </xdr:nvCxnSpPr>
      <xdr:spPr>
        <a:xfrm>
          <a:off x="19878675" y="1387520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0091</xdr:rowOff>
    </xdr:from>
    <xdr:ext cx="469744" cy="259045"/>
    <xdr:sp macro="" textlink="">
      <xdr:nvSpPr>
        <xdr:cNvPr id="815" name="【消防施設】&#10;一人当たり面積最大値テキスト">
          <a:extLst>
            <a:ext uri="{FF2B5EF4-FFF2-40B4-BE49-F238E27FC236}">
              <a16:creationId xmlns:a16="http://schemas.microsoft.com/office/drawing/2014/main" id="{DED9A9F9-D2FE-427F-A816-C06638522D71}"/>
            </a:ext>
          </a:extLst>
        </xdr:cNvPr>
        <xdr:cNvSpPr txBox="1"/>
      </xdr:nvSpPr>
      <xdr:spPr>
        <a:xfrm>
          <a:off x="19992975" y="12515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3414</xdr:rowOff>
    </xdr:from>
    <xdr:to>
      <xdr:col>116</xdr:col>
      <xdr:colOff>152400</xdr:colOff>
      <xdr:row>78</xdr:row>
      <xdr:rowOff>103414</xdr:rowOff>
    </xdr:to>
    <xdr:cxnSp macro="">
      <xdr:nvCxnSpPr>
        <xdr:cNvPr id="816" name="直線コネクタ 815">
          <a:extLst>
            <a:ext uri="{FF2B5EF4-FFF2-40B4-BE49-F238E27FC236}">
              <a16:creationId xmlns:a16="http://schemas.microsoft.com/office/drawing/2014/main" id="{6D040B7C-17B4-4F6D-A7C4-2CD5D6C3ACE6}"/>
            </a:ext>
          </a:extLst>
        </xdr:cNvPr>
        <xdr:cNvCxnSpPr/>
      </xdr:nvCxnSpPr>
      <xdr:spPr>
        <a:xfrm>
          <a:off x="19878675" y="1273673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108148</xdr:rowOff>
    </xdr:from>
    <xdr:ext cx="469744" cy="259045"/>
    <xdr:sp macro="" textlink="">
      <xdr:nvSpPr>
        <xdr:cNvPr id="817" name="【消防施設】&#10;一人当たり面積平均値テキスト">
          <a:extLst>
            <a:ext uri="{FF2B5EF4-FFF2-40B4-BE49-F238E27FC236}">
              <a16:creationId xmlns:a16="http://schemas.microsoft.com/office/drawing/2014/main" id="{A5964B4B-38CD-4790-AF85-D449BCF79EB3}"/>
            </a:ext>
          </a:extLst>
        </xdr:cNvPr>
        <xdr:cNvSpPr txBox="1"/>
      </xdr:nvSpPr>
      <xdr:spPr>
        <a:xfrm>
          <a:off x="19992975" y="132208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85271</xdr:rowOff>
    </xdr:from>
    <xdr:to>
      <xdr:col>116</xdr:col>
      <xdr:colOff>114300</xdr:colOff>
      <xdr:row>83</xdr:row>
      <xdr:rowOff>15421</xdr:rowOff>
    </xdr:to>
    <xdr:sp macro="" textlink="">
      <xdr:nvSpPr>
        <xdr:cNvPr id="818" name="フローチャート: 判断 817">
          <a:extLst>
            <a:ext uri="{FF2B5EF4-FFF2-40B4-BE49-F238E27FC236}">
              <a16:creationId xmlns:a16="http://schemas.microsoft.com/office/drawing/2014/main" id="{01C729CA-C0CA-4F93-AC60-9135FA3DF4E4}"/>
            </a:ext>
          </a:extLst>
        </xdr:cNvPr>
        <xdr:cNvSpPr/>
      </xdr:nvSpPr>
      <xdr:spPr>
        <a:xfrm>
          <a:off x="19897725" y="13366296"/>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85271</xdr:rowOff>
    </xdr:from>
    <xdr:to>
      <xdr:col>112</xdr:col>
      <xdr:colOff>38100</xdr:colOff>
      <xdr:row>83</xdr:row>
      <xdr:rowOff>15421</xdr:rowOff>
    </xdr:to>
    <xdr:sp macro="" textlink="">
      <xdr:nvSpPr>
        <xdr:cNvPr id="819" name="フローチャート: 判断 818">
          <a:extLst>
            <a:ext uri="{FF2B5EF4-FFF2-40B4-BE49-F238E27FC236}">
              <a16:creationId xmlns:a16="http://schemas.microsoft.com/office/drawing/2014/main" id="{EC083928-BE97-4089-A443-90CD7F801840}"/>
            </a:ext>
          </a:extLst>
        </xdr:cNvPr>
        <xdr:cNvSpPr/>
      </xdr:nvSpPr>
      <xdr:spPr>
        <a:xfrm>
          <a:off x="19154775" y="13366296"/>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85271</xdr:rowOff>
    </xdr:from>
    <xdr:to>
      <xdr:col>107</xdr:col>
      <xdr:colOff>101600</xdr:colOff>
      <xdr:row>83</xdr:row>
      <xdr:rowOff>15421</xdr:rowOff>
    </xdr:to>
    <xdr:sp macro="" textlink="">
      <xdr:nvSpPr>
        <xdr:cNvPr id="820" name="フローチャート: 判断 819">
          <a:extLst>
            <a:ext uri="{FF2B5EF4-FFF2-40B4-BE49-F238E27FC236}">
              <a16:creationId xmlns:a16="http://schemas.microsoft.com/office/drawing/2014/main" id="{569FF73D-2599-4EB8-B273-0F43E0BF9237}"/>
            </a:ext>
          </a:extLst>
        </xdr:cNvPr>
        <xdr:cNvSpPr/>
      </xdr:nvSpPr>
      <xdr:spPr>
        <a:xfrm>
          <a:off x="18345150" y="13366296"/>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17929</xdr:rowOff>
    </xdr:from>
    <xdr:to>
      <xdr:col>102</xdr:col>
      <xdr:colOff>165100</xdr:colOff>
      <xdr:row>83</xdr:row>
      <xdr:rowOff>48079</xdr:rowOff>
    </xdr:to>
    <xdr:sp macro="" textlink="">
      <xdr:nvSpPr>
        <xdr:cNvPr id="821" name="フローチャート: 判断 820">
          <a:extLst>
            <a:ext uri="{FF2B5EF4-FFF2-40B4-BE49-F238E27FC236}">
              <a16:creationId xmlns:a16="http://schemas.microsoft.com/office/drawing/2014/main" id="{1570D770-AADA-45C3-9687-F7CD89585D0E}"/>
            </a:ext>
          </a:extLst>
        </xdr:cNvPr>
        <xdr:cNvSpPr/>
      </xdr:nvSpPr>
      <xdr:spPr>
        <a:xfrm>
          <a:off x="17554575" y="13398954"/>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17929</xdr:rowOff>
    </xdr:from>
    <xdr:to>
      <xdr:col>98</xdr:col>
      <xdr:colOff>38100</xdr:colOff>
      <xdr:row>83</xdr:row>
      <xdr:rowOff>48079</xdr:rowOff>
    </xdr:to>
    <xdr:sp macro="" textlink="">
      <xdr:nvSpPr>
        <xdr:cNvPr id="822" name="フローチャート: 判断 821">
          <a:extLst>
            <a:ext uri="{FF2B5EF4-FFF2-40B4-BE49-F238E27FC236}">
              <a16:creationId xmlns:a16="http://schemas.microsoft.com/office/drawing/2014/main" id="{A1B18B01-B678-414B-899D-87019871268A}"/>
            </a:ext>
          </a:extLst>
        </xdr:cNvPr>
        <xdr:cNvSpPr/>
      </xdr:nvSpPr>
      <xdr:spPr>
        <a:xfrm>
          <a:off x="16754475" y="13398954"/>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23" name="テキスト ボックス 822">
          <a:extLst>
            <a:ext uri="{FF2B5EF4-FFF2-40B4-BE49-F238E27FC236}">
              <a16:creationId xmlns:a16="http://schemas.microsoft.com/office/drawing/2014/main" id="{569B9441-2B7B-4D99-9F9D-A6D3E54C9392}"/>
            </a:ext>
          </a:extLst>
        </xdr:cNvPr>
        <xdr:cNvSpPr txBox="1"/>
      </xdr:nvSpPr>
      <xdr:spPr>
        <a:xfrm>
          <a:off x="197834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24" name="テキスト ボックス 823">
          <a:extLst>
            <a:ext uri="{FF2B5EF4-FFF2-40B4-BE49-F238E27FC236}">
              <a16:creationId xmlns:a16="http://schemas.microsoft.com/office/drawing/2014/main" id="{44C36780-A4FC-4BA3-AF76-5E89EF561D89}"/>
            </a:ext>
          </a:extLst>
        </xdr:cNvPr>
        <xdr:cNvSpPr txBox="1"/>
      </xdr:nvSpPr>
      <xdr:spPr>
        <a:xfrm>
          <a:off x="190309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5" name="テキスト ボックス 824">
          <a:extLst>
            <a:ext uri="{FF2B5EF4-FFF2-40B4-BE49-F238E27FC236}">
              <a16:creationId xmlns:a16="http://schemas.microsoft.com/office/drawing/2014/main" id="{1518009F-595C-4E4B-8B08-0699F9C6CABF}"/>
            </a:ext>
          </a:extLst>
        </xdr:cNvPr>
        <xdr:cNvSpPr txBox="1"/>
      </xdr:nvSpPr>
      <xdr:spPr>
        <a:xfrm>
          <a:off x="182213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6" name="テキスト ボックス 825">
          <a:extLst>
            <a:ext uri="{FF2B5EF4-FFF2-40B4-BE49-F238E27FC236}">
              <a16:creationId xmlns:a16="http://schemas.microsoft.com/office/drawing/2014/main" id="{D6400FC7-4DB3-464D-BF3F-0F384C6001A9}"/>
            </a:ext>
          </a:extLst>
        </xdr:cNvPr>
        <xdr:cNvSpPr txBox="1"/>
      </xdr:nvSpPr>
      <xdr:spPr>
        <a:xfrm>
          <a:off x="174307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7" name="テキスト ボックス 826">
          <a:extLst>
            <a:ext uri="{FF2B5EF4-FFF2-40B4-BE49-F238E27FC236}">
              <a16:creationId xmlns:a16="http://schemas.microsoft.com/office/drawing/2014/main" id="{7FA2BEB4-9F00-4565-B8FE-46A6592B5D93}"/>
            </a:ext>
          </a:extLst>
        </xdr:cNvPr>
        <xdr:cNvSpPr txBox="1"/>
      </xdr:nvSpPr>
      <xdr:spPr>
        <a:xfrm>
          <a:off x="166306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8121</xdr:rowOff>
    </xdr:from>
    <xdr:to>
      <xdr:col>116</xdr:col>
      <xdr:colOff>114300</xdr:colOff>
      <xdr:row>85</xdr:row>
      <xdr:rowOff>129721</xdr:rowOff>
    </xdr:to>
    <xdr:sp macro="" textlink="">
      <xdr:nvSpPr>
        <xdr:cNvPr id="828" name="楕円 827">
          <a:extLst>
            <a:ext uri="{FF2B5EF4-FFF2-40B4-BE49-F238E27FC236}">
              <a16:creationId xmlns:a16="http://schemas.microsoft.com/office/drawing/2014/main" id="{D5C8C798-A5B9-457C-A17F-8B103E2D0317}"/>
            </a:ext>
          </a:extLst>
        </xdr:cNvPr>
        <xdr:cNvSpPr/>
      </xdr:nvSpPr>
      <xdr:spPr>
        <a:xfrm>
          <a:off x="19897725" y="13794921"/>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14498</xdr:rowOff>
    </xdr:from>
    <xdr:ext cx="469744" cy="259045"/>
    <xdr:sp macro="" textlink="">
      <xdr:nvSpPr>
        <xdr:cNvPr id="829" name="【消防施設】&#10;一人当たり面積該当値テキスト">
          <a:extLst>
            <a:ext uri="{FF2B5EF4-FFF2-40B4-BE49-F238E27FC236}">
              <a16:creationId xmlns:a16="http://schemas.microsoft.com/office/drawing/2014/main" id="{60FEE199-2F6E-494E-B4FA-4544A6667B99}"/>
            </a:ext>
          </a:extLst>
        </xdr:cNvPr>
        <xdr:cNvSpPr txBox="1"/>
      </xdr:nvSpPr>
      <xdr:spPr>
        <a:xfrm>
          <a:off x="19992975" y="13716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60779</xdr:rowOff>
    </xdr:from>
    <xdr:to>
      <xdr:col>112</xdr:col>
      <xdr:colOff>38100</xdr:colOff>
      <xdr:row>85</xdr:row>
      <xdr:rowOff>162379</xdr:rowOff>
    </xdr:to>
    <xdr:sp macro="" textlink="">
      <xdr:nvSpPr>
        <xdr:cNvPr id="830" name="楕円 829">
          <a:extLst>
            <a:ext uri="{FF2B5EF4-FFF2-40B4-BE49-F238E27FC236}">
              <a16:creationId xmlns:a16="http://schemas.microsoft.com/office/drawing/2014/main" id="{D5190FA5-0375-4FB3-A119-33EDE9031555}"/>
            </a:ext>
          </a:extLst>
        </xdr:cNvPr>
        <xdr:cNvSpPr/>
      </xdr:nvSpPr>
      <xdr:spPr>
        <a:xfrm>
          <a:off x="19154775" y="1382757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78921</xdr:rowOff>
    </xdr:from>
    <xdr:to>
      <xdr:col>116</xdr:col>
      <xdr:colOff>63500</xdr:colOff>
      <xdr:row>85</xdr:row>
      <xdr:rowOff>111579</xdr:rowOff>
    </xdr:to>
    <xdr:cxnSp macro="">
      <xdr:nvCxnSpPr>
        <xdr:cNvPr id="831" name="直線コネクタ 830">
          <a:extLst>
            <a:ext uri="{FF2B5EF4-FFF2-40B4-BE49-F238E27FC236}">
              <a16:creationId xmlns:a16="http://schemas.microsoft.com/office/drawing/2014/main" id="{B3305039-4CBE-4B79-AE51-B6F72A26C144}"/>
            </a:ext>
          </a:extLst>
        </xdr:cNvPr>
        <xdr:cNvCxnSpPr/>
      </xdr:nvCxnSpPr>
      <xdr:spPr>
        <a:xfrm flipV="1">
          <a:off x="19202400" y="13842546"/>
          <a:ext cx="752475"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60779</xdr:rowOff>
    </xdr:from>
    <xdr:to>
      <xdr:col>107</xdr:col>
      <xdr:colOff>101600</xdr:colOff>
      <xdr:row>85</xdr:row>
      <xdr:rowOff>162379</xdr:rowOff>
    </xdr:to>
    <xdr:sp macro="" textlink="">
      <xdr:nvSpPr>
        <xdr:cNvPr id="832" name="楕円 831">
          <a:extLst>
            <a:ext uri="{FF2B5EF4-FFF2-40B4-BE49-F238E27FC236}">
              <a16:creationId xmlns:a16="http://schemas.microsoft.com/office/drawing/2014/main" id="{ACD52E55-97A5-43B6-93E1-C2FA22376E99}"/>
            </a:ext>
          </a:extLst>
        </xdr:cNvPr>
        <xdr:cNvSpPr/>
      </xdr:nvSpPr>
      <xdr:spPr>
        <a:xfrm>
          <a:off x="18345150" y="13827579"/>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11579</xdr:rowOff>
    </xdr:from>
    <xdr:to>
      <xdr:col>111</xdr:col>
      <xdr:colOff>177800</xdr:colOff>
      <xdr:row>85</xdr:row>
      <xdr:rowOff>111579</xdr:rowOff>
    </xdr:to>
    <xdr:cxnSp macro="">
      <xdr:nvCxnSpPr>
        <xdr:cNvPr id="833" name="直線コネクタ 832">
          <a:extLst>
            <a:ext uri="{FF2B5EF4-FFF2-40B4-BE49-F238E27FC236}">
              <a16:creationId xmlns:a16="http://schemas.microsoft.com/office/drawing/2014/main" id="{6C279A75-6408-4F1E-931F-309B35C24A7B}"/>
            </a:ext>
          </a:extLst>
        </xdr:cNvPr>
        <xdr:cNvCxnSpPr/>
      </xdr:nvCxnSpPr>
      <xdr:spPr>
        <a:xfrm>
          <a:off x="18392775" y="13875204"/>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60779</xdr:rowOff>
    </xdr:from>
    <xdr:to>
      <xdr:col>102</xdr:col>
      <xdr:colOff>165100</xdr:colOff>
      <xdr:row>85</xdr:row>
      <xdr:rowOff>162379</xdr:rowOff>
    </xdr:to>
    <xdr:sp macro="" textlink="">
      <xdr:nvSpPr>
        <xdr:cNvPr id="834" name="楕円 833">
          <a:extLst>
            <a:ext uri="{FF2B5EF4-FFF2-40B4-BE49-F238E27FC236}">
              <a16:creationId xmlns:a16="http://schemas.microsoft.com/office/drawing/2014/main" id="{76892B70-9DA4-43D2-A7AD-A6EC8A4D96F5}"/>
            </a:ext>
          </a:extLst>
        </xdr:cNvPr>
        <xdr:cNvSpPr/>
      </xdr:nvSpPr>
      <xdr:spPr>
        <a:xfrm>
          <a:off x="17554575" y="13827579"/>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11579</xdr:rowOff>
    </xdr:from>
    <xdr:to>
      <xdr:col>107</xdr:col>
      <xdr:colOff>50800</xdr:colOff>
      <xdr:row>85</xdr:row>
      <xdr:rowOff>111579</xdr:rowOff>
    </xdr:to>
    <xdr:cxnSp macro="">
      <xdr:nvCxnSpPr>
        <xdr:cNvPr id="835" name="直線コネクタ 834">
          <a:extLst>
            <a:ext uri="{FF2B5EF4-FFF2-40B4-BE49-F238E27FC236}">
              <a16:creationId xmlns:a16="http://schemas.microsoft.com/office/drawing/2014/main" id="{54311BAC-4978-42C7-8E60-EAB8A366ED66}"/>
            </a:ext>
          </a:extLst>
        </xdr:cNvPr>
        <xdr:cNvCxnSpPr/>
      </xdr:nvCxnSpPr>
      <xdr:spPr>
        <a:xfrm>
          <a:off x="17602200" y="13875204"/>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26093</xdr:rowOff>
    </xdr:from>
    <xdr:to>
      <xdr:col>98</xdr:col>
      <xdr:colOff>38100</xdr:colOff>
      <xdr:row>86</xdr:row>
      <xdr:rowOff>56243</xdr:rowOff>
    </xdr:to>
    <xdr:sp macro="" textlink="">
      <xdr:nvSpPr>
        <xdr:cNvPr id="836" name="楕円 835">
          <a:extLst>
            <a:ext uri="{FF2B5EF4-FFF2-40B4-BE49-F238E27FC236}">
              <a16:creationId xmlns:a16="http://schemas.microsoft.com/office/drawing/2014/main" id="{B512287B-B549-4DAA-8CBC-BC5DA25A2E18}"/>
            </a:ext>
          </a:extLst>
        </xdr:cNvPr>
        <xdr:cNvSpPr/>
      </xdr:nvSpPr>
      <xdr:spPr>
        <a:xfrm>
          <a:off x="16754475" y="13886543"/>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11579</xdr:rowOff>
    </xdr:from>
    <xdr:to>
      <xdr:col>102</xdr:col>
      <xdr:colOff>114300</xdr:colOff>
      <xdr:row>86</xdr:row>
      <xdr:rowOff>5443</xdr:rowOff>
    </xdr:to>
    <xdr:cxnSp macro="">
      <xdr:nvCxnSpPr>
        <xdr:cNvPr id="837" name="直線コネクタ 836">
          <a:extLst>
            <a:ext uri="{FF2B5EF4-FFF2-40B4-BE49-F238E27FC236}">
              <a16:creationId xmlns:a16="http://schemas.microsoft.com/office/drawing/2014/main" id="{1DD55099-BC26-4E19-94B5-3A8F38EA56D7}"/>
            </a:ext>
          </a:extLst>
        </xdr:cNvPr>
        <xdr:cNvCxnSpPr/>
      </xdr:nvCxnSpPr>
      <xdr:spPr>
        <a:xfrm flipV="1">
          <a:off x="16802100" y="13875204"/>
          <a:ext cx="800100" cy="58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31948</xdr:rowOff>
    </xdr:from>
    <xdr:ext cx="469744" cy="259045"/>
    <xdr:sp macro="" textlink="">
      <xdr:nvSpPr>
        <xdr:cNvPr id="838" name="n_1aveValue【消防施設】&#10;一人当たり面積">
          <a:extLst>
            <a:ext uri="{FF2B5EF4-FFF2-40B4-BE49-F238E27FC236}">
              <a16:creationId xmlns:a16="http://schemas.microsoft.com/office/drawing/2014/main" id="{DA5873AE-DB7D-475A-9822-7D299E4DA176}"/>
            </a:ext>
          </a:extLst>
        </xdr:cNvPr>
        <xdr:cNvSpPr txBox="1"/>
      </xdr:nvSpPr>
      <xdr:spPr>
        <a:xfrm>
          <a:off x="18983402" y="13144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31948</xdr:rowOff>
    </xdr:from>
    <xdr:ext cx="469744" cy="259045"/>
    <xdr:sp macro="" textlink="">
      <xdr:nvSpPr>
        <xdr:cNvPr id="839" name="n_2aveValue【消防施設】&#10;一人当たり面積">
          <a:extLst>
            <a:ext uri="{FF2B5EF4-FFF2-40B4-BE49-F238E27FC236}">
              <a16:creationId xmlns:a16="http://schemas.microsoft.com/office/drawing/2014/main" id="{542DFD53-6A1A-4122-AD41-4712EABAA466}"/>
            </a:ext>
          </a:extLst>
        </xdr:cNvPr>
        <xdr:cNvSpPr txBox="1"/>
      </xdr:nvSpPr>
      <xdr:spPr>
        <a:xfrm>
          <a:off x="18183302" y="13144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64606</xdr:rowOff>
    </xdr:from>
    <xdr:ext cx="469744" cy="259045"/>
    <xdr:sp macro="" textlink="">
      <xdr:nvSpPr>
        <xdr:cNvPr id="840" name="n_3aveValue【消防施設】&#10;一人当たり面積">
          <a:extLst>
            <a:ext uri="{FF2B5EF4-FFF2-40B4-BE49-F238E27FC236}">
              <a16:creationId xmlns:a16="http://schemas.microsoft.com/office/drawing/2014/main" id="{4CD3F4E3-B880-4F06-B44E-51C83BD7C78E}"/>
            </a:ext>
          </a:extLst>
        </xdr:cNvPr>
        <xdr:cNvSpPr txBox="1"/>
      </xdr:nvSpPr>
      <xdr:spPr>
        <a:xfrm>
          <a:off x="17383202" y="13183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64606</xdr:rowOff>
    </xdr:from>
    <xdr:ext cx="469744" cy="259045"/>
    <xdr:sp macro="" textlink="">
      <xdr:nvSpPr>
        <xdr:cNvPr id="841" name="n_4aveValue【消防施設】&#10;一人当たり面積">
          <a:extLst>
            <a:ext uri="{FF2B5EF4-FFF2-40B4-BE49-F238E27FC236}">
              <a16:creationId xmlns:a16="http://schemas.microsoft.com/office/drawing/2014/main" id="{F3AB1927-5A07-4AC6-974C-ABF5B030D471}"/>
            </a:ext>
          </a:extLst>
        </xdr:cNvPr>
        <xdr:cNvSpPr txBox="1"/>
      </xdr:nvSpPr>
      <xdr:spPr>
        <a:xfrm>
          <a:off x="16592627" y="13183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53506</xdr:rowOff>
    </xdr:from>
    <xdr:ext cx="469744" cy="259045"/>
    <xdr:sp macro="" textlink="">
      <xdr:nvSpPr>
        <xdr:cNvPr id="842" name="n_1mainValue【消防施設】&#10;一人当たり面積">
          <a:extLst>
            <a:ext uri="{FF2B5EF4-FFF2-40B4-BE49-F238E27FC236}">
              <a16:creationId xmlns:a16="http://schemas.microsoft.com/office/drawing/2014/main" id="{B4584546-D4EB-4FF3-AD7F-74EB3C5FDB30}"/>
            </a:ext>
          </a:extLst>
        </xdr:cNvPr>
        <xdr:cNvSpPr txBox="1"/>
      </xdr:nvSpPr>
      <xdr:spPr>
        <a:xfrm>
          <a:off x="18983402" y="13917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53506</xdr:rowOff>
    </xdr:from>
    <xdr:ext cx="469744" cy="259045"/>
    <xdr:sp macro="" textlink="">
      <xdr:nvSpPr>
        <xdr:cNvPr id="843" name="n_2mainValue【消防施設】&#10;一人当たり面積">
          <a:extLst>
            <a:ext uri="{FF2B5EF4-FFF2-40B4-BE49-F238E27FC236}">
              <a16:creationId xmlns:a16="http://schemas.microsoft.com/office/drawing/2014/main" id="{BD6488DC-7742-4E00-B166-9A48E21B3710}"/>
            </a:ext>
          </a:extLst>
        </xdr:cNvPr>
        <xdr:cNvSpPr txBox="1"/>
      </xdr:nvSpPr>
      <xdr:spPr>
        <a:xfrm>
          <a:off x="18183302" y="13917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53506</xdr:rowOff>
    </xdr:from>
    <xdr:ext cx="469744" cy="259045"/>
    <xdr:sp macro="" textlink="">
      <xdr:nvSpPr>
        <xdr:cNvPr id="844" name="n_3mainValue【消防施設】&#10;一人当たり面積">
          <a:extLst>
            <a:ext uri="{FF2B5EF4-FFF2-40B4-BE49-F238E27FC236}">
              <a16:creationId xmlns:a16="http://schemas.microsoft.com/office/drawing/2014/main" id="{39C8C466-0BD4-4116-BA12-FE9FD8B110F9}"/>
            </a:ext>
          </a:extLst>
        </xdr:cNvPr>
        <xdr:cNvSpPr txBox="1"/>
      </xdr:nvSpPr>
      <xdr:spPr>
        <a:xfrm>
          <a:off x="17383202" y="13917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47370</xdr:rowOff>
    </xdr:from>
    <xdr:ext cx="469744" cy="259045"/>
    <xdr:sp macro="" textlink="">
      <xdr:nvSpPr>
        <xdr:cNvPr id="845" name="n_4mainValue【消防施設】&#10;一人当たり面積">
          <a:extLst>
            <a:ext uri="{FF2B5EF4-FFF2-40B4-BE49-F238E27FC236}">
              <a16:creationId xmlns:a16="http://schemas.microsoft.com/office/drawing/2014/main" id="{8457D784-2186-4E3F-B410-7F523C676D1A}"/>
            </a:ext>
          </a:extLst>
        </xdr:cNvPr>
        <xdr:cNvSpPr txBox="1"/>
      </xdr:nvSpPr>
      <xdr:spPr>
        <a:xfrm>
          <a:off x="16592627" y="13976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6" name="正方形/長方形 845">
          <a:extLst>
            <a:ext uri="{FF2B5EF4-FFF2-40B4-BE49-F238E27FC236}">
              <a16:creationId xmlns:a16="http://schemas.microsoft.com/office/drawing/2014/main" id="{4D4E46CB-C416-4214-A987-CFC67E3467A7}"/>
            </a:ext>
          </a:extLst>
        </xdr:cNvPr>
        <xdr:cNvSpPr/>
      </xdr:nvSpPr>
      <xdr:spPr>
        <a:xfrm>
          <a:off x="11210925" y="14754225"/>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7" name="正方形/長方形 846">
          <a:extLst>
            <a:ext uri="{FF2B5EF4-FFF2-40B4-BE49-F238E27FC236}">
              <a16:creationId xmlns:a16="http://schemas.microsoft.com/office/drawing/2014/main" id="{F1973BE0-D14B-4F92-BB76-3C2ACC012FF5}"/>
            </a:ext>
          </a:extLst>
        </xdr:cNvPr>
        <xdr:cNvSpPr/>
      </xdr:nvSpPr>
      <xdr:spPr>
        <a:xfrm>
          <a:off x="113157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8" name="正方形/長方形 847">
          <a:extLst>
            <a:ext uri="{FF2B5EF4-FFF2-40B4-BE49-F238E27FC236}">
              <a16:creationId xmlns:a16="http://schemas.microsoft.com/office/drawing/2014/main" id="{9EAAB5DF-3492-4695-AC70-1EBF6A0FD7DF}"/>
            </a:ext>
          </a:extLst>
        </xdr:cNvPr>
        <xdr:cNvSpPr/>
      </xdr:nvSpPr>
      <xdr:spPr>
        <a:xfrm>
          <a:off x="113157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9" name="正方形/長方形 848">
          <a:extLst>
            <a:ext uri="{FF2B5EF4-FFF2-40B4-BE49-F238E27FC236}">
              <a16:creationId xmlns:a16="http://schemas.microsoft.com/office/drawing/2014/main" id="{CB4E1570-DCEA-404B-8EDD-5385C9854237}"/>
            </a:ext>
          </a:extLst>
        </xdr:cNvPr>
        <xdr:cNvSpPr/>
      </xdr:nvSpPr>
      <xdr:spPr>
        <a:xfrm>
          <a:off x="122396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50" name="正方形/長方形 849">
          <a:extLst>
            <a:ext uri="{FF2B5EF4-FFF2-40B4-BE49-F238E27FC236}">
              <a16:creationId xmlns:a16="http://schemas.microsoft.com/office/drawing/2014/main" id="{376277CE-9910-4E99-BF56-E355629DCC9A}"/>
            </a:ext>
          </a:extLst>
        </xdr:cNvPr>
        <xdr:cNvSpPr/>
      </xdr:nvSpPr>
      <xdr:spPr>
        <a:xfrm>
          <a:off x="122396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51" name="正方形/長方形 850">
          <a:extLst>
            <a:ext uri="{FF2B5EF4-FFF2-40B4-BE49-F238E27FC236}">
              <a16:creationId xmlns:a16="http://schemas.microsoft.com/office/drawing/2014/main" id="{1835828E-1DCD-4F67-8D58-C476A0806F52}"/>
            </a:ext>
          </a:extLst>
        </xdr:cNvPr>
        <xdr:cNvSpPr/>
      </xdr:nvSpPr>
      <xdr:spPr>
        <a:xfrm>
          <a:off x="132683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52" name="正方形/長方形 851">
          <a:extLst>
            <a:ext uri="{FF2B5EF4-FFF2-40B4-BE49-F238E27FC236}">
              <a16:creationId xmlns:a16="http://schemas.microsoft.com/office/drawing/2014/main" id="{2275BC52-B652-4B07-AD83-DC6A4A23B5B7}"/>
            </a:ext>
          </a:extLst>
        </xdr:cNvPr>
        <xdr:cNvSpPr/>
      </xdr:nvSpPr>
      <xdr:spPr>
        <a:xfrm>
          <a:off x="132683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3" name="正方形/長方形 852">
          <a:extLst>
            <a:ext uri="{FF2B5EF4-FFF2-40B4-BE49-F238E27FC236}">
              <a16:creationId xmlns:a16="http://schemas.microsoft.com/office/drawing/2014/main" id="{3FB84484-D726-45FA-99B2-9E85A7627B86}"/>
            </a:ext>
          </a:extLst>
        </xdr:cNvPr>
        <xdr:cNvSpPr/>
      </xdr:nvSpPr>
      <xdr:spPr>
        <a:xfrm>
          <a:off x="11210925" y="15840075"/>
          <a:ext cx="424815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54" name="テキスト ボックス 853">
          <a:extLst>
            <a:ext uri="{FF2B5EF4-FFF2-40B4-BE49-F238E27FC236}">
              <a16:creationId xmlns:a16="http://schemas.microsoft.com/office/drawing/2014/main" id="{0EBCE4DE-9032-45FE-B890-8D88CA7B873C}"/>
            </a:ext>
          </a:extLst>
        </xdr:cNvPr>
        <xdr:cNvSpPr txBox="1"/>
      </xdr:nvSpPr>
      <xdr:spPr>
        <a:xfrm>
          <a:off x="11172825" y="156591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5" name="直線コネクタ 854">
          <a:extLst>
            <a:ext uri="{FF2B5EF4-FFF2-40B4-BE49-F238E27FC236}">
              <a16:creationId xmlns:a16="http://schemas.microsoft.com/office/drawing/2014/main" id="{6C82BEBD-3BE5-4EB1-BE3B-2E8727D95644}"/>
            </a:ext>
          </a:extLst>
        </xdr:cNvPr>
        <xdr:cNvCxnSpPr/>
      </xdr:nvCxnSpPr>
      <xdr:spPr>
        <a:xfrm>
          <a:off x="11210925" y="179927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56" name="テキスト ボックス 855">
          <a:extLst>
            <a:ext uri="{FF2B5EF4-FFF2-40B4-BE49-F238E27FC236}">
              <a16:creationId xmlns:a16="http://schemas.microsoft.com/office/drawing/2014/main" id="{5F89DE9B-A59B-4B6F-9367-2CDC284A5750}"/>
            </a:ext>
          </a:extLst>
        </xdr:cNvPr>
        <xdr:cNvSpPr txBox="1"/>
      </xdr:nvSpPr>
      <xdr:spPr>
        <a:xfrm>
          <a:off x="10845966" y="178568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57" name="直線コネクタ 856">
          <a:extLst>
            <a:ext uri="{FF2B5EF4-FFF2-40B4-BE49-F238E27FC236}">
              <a16:creationId xmlns:a16="http://schemas.microsoft.com/office/drawing/2014/main" id="{C1A372A7-B484-4413-A99C-466420654A15}"/>
            </a:ext>
          </a:extLst>
        </xdr:cNvPr>
        <xdr:cNvCxnSpPr/>
      </xdr:nvCxnSpPr>
      <xdr:spPr>
        <a:xfrm>
          <a:off x="11210925" y="17685204"/>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64606</xdr:rowOff>
    </xdr:from>
    <xdr:ext cx="403059" cy="259045"/>
    <xdr:sp macro="" textlink="">
      <xdr:nvSpPr>
        <xdr:cNvPr id="858" name="テキスト ボックス 857">
          <a:extLst>
            <a:ext uri="{FF2B5EF4-FFF2-40B4-BE49-F238E27FC236}">
              <a16:creationId xmlns:a16="http://schemas.microsoft.com/office/drawing/2014/main" id="{79E3F04E-D7F9-4ABC-859E-1800A6B464A7}"/>
            </a:ext>
          </a:extLst>
        </xdr:cNvPr>
        <xdr:cNvSpPr txBox="1"/>
      </xdr:nvSpPr>
      <xdr:spPr>
        <a:xfrm>
          <a:off x="10845966" y="1755568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9" name="直線コネクタ 858">
          <a:extLst>
            <a:ext uri="{FF2B5EF4-FFF2-40B4-BE49-F238E27FC236}">
              <a16:creationId xmlns:a16="http://schemas.microsoft.com/office/drawing/2014/main" id="{A050202A-50AD-4C04-8937-F80F3479F737}"/>
            </a:ext>
          </a:extLst>
        </xdr:cNvPr>
        <xdr:cNvCxnSpPr/>
      </xdr:nvCxnSpPr>
      <xdr:spPr>
        <a:xfrm>
          <a:off x="11210925" y="17374507"/>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60" name="テキスト ボックス 859">
          <a:extLst>
            <a:ext uri="{FF2B5EF4-FFF2-40B4-BE49-F238E27FC236}">
              <a16:creationId xmlns:a16="http://schemas.microsoft.com/office/drawing/2014/main" id="{EC197D61-B71C-4F16-AB5B-1057807046F7}"/>
            </a:ext>
          </a:extLst>
        </xdr:cNvPr>
        <xdr:cNvSpPr txBox="1"/>
      </xdr:nvSpPr>
      <xdr:spPr>
        <a:xfrm>
          <a:off x="10845966" y="1724815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61" name="直線コネクタ 860">
          <a:extLst>
            <a:ext uri="{FF2B5EF4-FFF2-40B4-BE49-F238E27FC236}">
              <a16:creationId xmlns:a16="http://schemas.microsoft.com/office/drawing/2014/main" id="{1D4FB615-9C7B-430F-8CC8-216006ADCA75}"/>
            </a:ext>
          </a:extLst>
        </xdr:cNvPr>
        <xdr:cNvCxnSpPr/>
      </xdr:nvCxnSpPr>
      <xdr:spPr>
        <a:xfrm>
          <a:off x="11210925" y="17066986"/>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62" name="テキスト ボックス 861">
          <a:extLst>
            <a:ext uri="{FF2B5EF4-FFF2-40B4-BE49-F238E27FC236}">
              <a16:creationId xmlns:a16="http://schemas.microsoft.com/office/drawing/2014/main" id="{D2973590-B97F-4B19-86EA-A694E086A76D}"/>
            </a:ext>
          </a:extLst>
        </xdr:cNvPr>
        <xdr:cNvSpPr txBox="1"/>
      </xdr:nvSpPr>
      <xdr:spPr>
        <a:xfrm>
          <a:off x="10845966" y="169374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63" name="直線コネクタ 862">
          <a:extLst>
            <a:ext uri="{FF2B5EF4-FFF2-40B4-BE49-F238E27FC236}">
              <a16:creationId xmlns:a16="http://schemas.microsoft.com/office/drawing/2014/main" id="{07437478-F766-4A8D-BCE7-C0CCB35029B7}"/>
            </a:ext>
          </a:extLst>
        </xdr:cNvPr>
        <xdr:cNvCxnSpPr/>
      </xdr:nvCxnSpPr>
      <xdr:spPr>
        <a:xfrm>
          <a:off x="11210925" y="16765814"/>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64" name="テキスト ボックス 863">
          <a:extLst>
            <a:ext uri="{FF2B5EF4-FFF2-40B4-BE49-F238E27FC236}">
              <a16:creationId xmlns:a16="http://schemas.microsoft.com/office/drawing/2014/main" id="{F49D7569-4F3B-4718-896F-D0A52459505E}"/>
            </a:ext>
          </a:extLst>
        </xdr:cNvPr>
        <xdr:cNvSpPr txBox="1"/>
      </xdr:nvSpPr>
      <xdr:spPr>
        <a:xfrm>
          <a:off x="10845966" y="166299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65" name="直線コネクタ 864">
          <a:extLst>
            <a:ext uri="{FF2B5EF4-FFF2-40B4-BE49-F238E27FC236}">
              <a16:creationId xmlns:a16="http://schemas.microsoft.com/office/drawing/2014/main" id="{7EB75AFD-4F06-4698-8E04-EEDB25F31124}"/>
            </a:ext>
          </a:extLst>
        </xdr:cNvPr>
        <xdr:cNvCxnSpPr/>
      </xdr:nvCxnSpPr>
      <xdr:spPr>
        <a:xfrm>
          <a:off x="11210925" y="16458293"/>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66" name="テキスト ボックス 865">
          <a:extLst>
            <a:ext uri="{FF2B5EF4-FFF2-40B4-BE49-F238E27FC236}">
              <a16:creationId xmlns:a16="http://schemas.microsoft.com/office/drawing/2014/main" id="{585868D7-CC99-4241-90F9-127498E8E8A2}"/>
            </a:ext>
          </a:extLst>
        </xdr:cNvPr>
        <xdr:cNvSpPr txBox="1"/>
      </xdr:nvSpPr>
      <xdr:spPr>
        <a:xfrm>
          <a:off x="10845966" y="1631924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67" name="直線コネクタ 866">
          <a:extLst>
            <a:ext uri="{FF2B5EF4-FFF2-40B4-BE49-F238E27FC236}">
              <a16:creationId xmlns:a16="http://schemas.microsoft.com/office/drawing/2014/main" id="{C6323B6B-755F-46FB-A2B0-F72D8F703C67}"/>
            </a:ext>
          </a:extLst>
        </xdr:cNvPr>
        <xdr:cNvCxnSpPr/>
      </xdr:nvCxnSpPr>
      <xdr:spPr>
        <a:xfrm>
          <a:off x="11210925" y="16147596"/>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8</xdr:row>
      <xdr:rowOff>146248</xdr:rowOff>
    </xdr:from>
    <xdr:ext cx="403059" cy="259045"/>
    <xdr:sp macro="" textlink="">
      <xdr:nvSpPr>
        <xdr:cNvPr id="868" name="テキスト ボックス 867">
          <a:extLst>
            <a:ext uri="{FF2B5EF4-FFF2-40B4-BE49-F238E27FC236}">
              <a16:creationId xmlns:a16="http://schemas.microsoft.com/office/drawing/2014/main" id="{67A3B231-59AC-4FC0-A37F-FB84421461A3}"/>
            </a:ext>
          </a:extLst>
        </xdr:cNvPr>
        <xdr:cNvSpPr txBox="1"/>
      </xdr:nvSpPr>
      <xdr:spPr>
        <a:xfrm>
          <a:off x="10845966" y="160117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9" name="直線コネクタ 868">
          <a:extLst>
            <a:ext uri="{FF2B5EF4-FFF2-40B4-BE49-F238E27FC236}">
              <a16:creationId xmlns:a16="http://schemas.microsoft.com/office/drawing/2014/main" id="{6135C48D-C804-49A8-9A97-D2C4527FFB50}"/>
            </a:ext>
          </a:extLst>
        </xdr:cNvPr>
        <xdr:cNvCxnSpPr/>
      </xdr:nvCxnSpPr>
      <xdr:spPr>
        <a:xfrm>
          <a:off x="11210925" y="158400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70" name="テキスト ボックス 869">
          <a:extLst>
            <a:ext uri="{FF2B5EF4-FFF2-40B4-BE49-F238E27FC236}">
              <a16:creationId xmlns:a16="http://schemas.microsoft.com/office/drawing/2014/main" id="{1C5B5384-46E0-43E8-9D42-A576A6426F90}"/>
            </a:ext>
          </a:extLst>
        </xdr:cNvPr>
        <xdr:cNvSpPr txBox="1"/>
      </xdr:nvSpPr>
      <xdr:spPr>
        <a:xfrm>
          <a:off x="10845966" y="157042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71" name="【庁舎】&#10;有形固定資産減価償却率グラフ枠">
          <a:extLst>
            <a:ext uri="{FF2B5EF4-FFF2-40B4-BE49-F238E27FC236}">
              <a16:creationId xmlns:a16="http://schemas.microsoft.com/office/drawing/2014/main" id="{FEE34243-9E5A-4B76-B1FF-431C51F44003}"/>
            </a:ext>
          </a:extLst>
        </xdr:cNvPr>
        <xdr:cNvSpPr/>
      </xdr:nvSpPr>
      <xdr:spPr>
        <a:xfrm>
          <a:off x="11210925" y="15840075"/>
          <a:ext cx="424815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81099</xdr:rowOff>
    </xdr:from>
    <xdr:to>
      <xdr:col>85</xdr:col>
      <xdr:colOff>126364</xdr:colOff>
      <xdr:row>109</xdr:row>
      <xdr:rowOff>97427</xdr:rowOff>
    </xdr:to>
    <xdr:cxnSp macro="">
      <xdr:nvCxnSpPr>
        <xdr:cNvPr id="872" name="直線コネクタ 871">
          <a:extLst>
            <a:ext uri="{FF2B5EF4-FFF2-40B4-BE49-F238E27FC236}">
              <a16:creationId xmlns:a16="http://schemas.microsoft.com/office/drawing/2014/main" id="{A814B406-CFF8-4335-9628-BD8AFDFC0460}"/>
            </a:ext>
          </a:extLst>
        </xdr:cNvPr>
        <xdr:cNvCxnSpPr/>
      </xdr:nvCxnSpPr>
      <xdr:spPr>
        <a:xfrm flipV="1">
          <a:off x="14696439" y="16438699"/>
          <a:ext cx="0" cy="13085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101254</xdr:rowOff>
    </xdr:from>
    <xdr:ext cx="405111" cy="259045"/>
    <xdr:sp macro="" textlink="">
      <xdr:nvSpPr>
        <xdr:cNvPr id="873" name="【庁舎】&#10;有形固定資産減価償却率最小値テキスト">
          <a:extLst>
            <a:ext uri="{FF2B5EF4-FFF2-40B4-BE49-F238E27FC236}">
              <a16:creationId xmlns:a16="http://schemas.microsoft.com/office/drawing/2014/main" id="{0643F115-42B1-4941-A157-4667090271E6}"/>
            </a:ext>
          </a:extLst>
        </xdr:cNvPr>
        <xdr:cNvSpPr txBox="1"/>
      </xdr:nvSpPr>
      <xdr:spPr>
        <a:xfrm>
          <a:off x="14735175" y="17754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97427</xdr:rowOff>
    </xdr:from>
    <xdr:to>
      <xdr:col>86</xdr:col>
      <xdr:colOff>25400</xdr:colOff>
      <xdr:row>109</xdr:row>
      <xdr:rowOff>97427</xdr:rowOff>
    </xdr:to>
    <xdr:cxnSp macro="">
      <xdr:nvCxnSpPr>
        <xdr:cNvPr id="874" name="直線コネクタ 873">
          <a:extLst>
            <a:ext uri="{FF2B5EF4-FFF2-40B4-BE49-F238E27FC236}">
              <a16:creationId xmlns:a16="http://schemas.microsoft.com/office/drawing/2014/main" id="{6B28C711-135B-46D6-8832-CF613EFC8EA2}"/>
            </a:ext>
          </a:extLst>
        </xdr:cNvPr>
        <xdr:cNvCxnSpPr/>
      </xdr:nvCxnSpPr>
      <xdr:spPr>
        <a:xfrm>
          <a:off x="14611350" y="1774725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27776</xdr:rowOff>
    </xdr:from>
    <xdr:ext cx="405111" cy="259045"/>
    <xdr:sp macro="" textlink="">
      <xdr:nvSpPr>
        <xdr:cNvPr id="875" name="【庁舎】&#10;有形固定資産減価償却率最大値テキスト">
          <a:extLst>
            <a:ext uri="{FF2B5EF4-FFF2-40B4-BE49-F238E27FC236}">
              <a16:creationId xmlns:a16="http://schemas.microsoft.com/office/drawing/2014/main" id="{FAE6B486-9E01-4509-B013-4EAE1CB8DA6F}"/>
            </a:ext>
          </a:extLst>
        </xdr:cNvPr>
        <xdr:cNvSpPr txBox="1"/>
      </xdr:nvSpPr>
      <xdr:spPr>
        <a:xfrm>
          <a:off x="14735175" y="16223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81099</xdr:rowOff>
    </xdr:from>
    <xdr:to>
      <xdr:col>86</xdr:col>
      <xdr:colOff>25400</xdr:colOff>
      <xdr:row>101</xdr:row>
      <xdr:rowOff>81099</xdr:rowOff>
    </xdr:to>
    <xdr:cxnSp macro="">
      <xdr:nvCxnSpPr>
        <xdr:cNvPr id="876" name="直線コネクタ 875">
          <a:extLst>
            <a:ext uri="{FF2B5EF4-FFF2-40B4-BE49-F238E27FC236}">
              <a16:creationId xmlns:a16="http://schemas.microsoft.com/office/drawing/2014/main" id="{0D7DC853-584D-4B60-81F7-D0CB2CD38F28}"/>
            </a:ext>
          </a:extLst>
        </xdr:cNvPr>
        <xdr:cNvCxnSpPr/>
      </xdr:nvCxnSpPr>
      <xdr:spPr>
        <a:xfrm>
          <a:off x="14611350" y="1643869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96900</xdr:rowOff>
    </xdr:from>
    <xdr:ext cx="405111" cy="259045"/>
    <xdr:sp macro="" textlink="">
      <xdr:nvSpPr>
        <xdr:cNvPr id="877" name="【庁舎】&#10;有形固定資産減価償却率平均値テキスト">
          <a:extLst>
            <a:ext uri="{FF2B5EF4-FFF2-40B4-BE49-F238E27FC236}">
              <a16:creationId xmlns:a16="http://schemas.microsoft.com/office/drawing/2014/main" id="{A6A8786D-F0B2-4ED3-A3C6-C76FFDF3E987}"/>
            </a:ext>
          </a:extLst>
        </xdr:cNvPr>
        <xdr:cNvSpPr txBox="1"/>
      </xdr:nvSpPr>
      <xdr:spPr>
        <a:xfrm>
          <a:off x="14735175" y="170990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18473</xdr:rowOff>
    </xdr:from>
    <xdr:to>
      <xdr:col>85</xdr:col>
      <xdr:colOff>177800</xdr:colOff>
      <xdr:row>106</xdr:row>
      <xdr:rowOff>48623</xdr:rowOff>
    </xdr:to>
    <xdr:sp macro="" textlink="">
      <xdr:nvSpPr>
        <xdr:cNvPr id="878" name="フローチャート: 判断 877">
          <a:extLst>
            <a:ext uri="{FF2B5EF4-FFF2-40B4-BE49-F238E27FC236}">
              <a16:creationId xmlns:a16="http://schemas.microsoft.com/office/drawing/2014/main" id="{17ED04A4-3E0F-4F35-B551-EB2B0C43A07E}"/>
            </a:ext>
          </a:extLst>
        </xdr:cNvPr>
        <xdr:cNvSpPr/>
      </xdr:nvSpPr>
      <xdr:spPr>
        <a:xfrm>
          <a:off x="14649450" y="17123773"/>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118473</xdr:rowOff>
    </xdr:from>
    <xdr:to>
      <xdr:col>81</xdr:col>
      <xdr:colOff>101600</xdr:colOff>
      <xdr:row>106</xdr:row>
      <xdr:rowOff>48623</xdr:rowOff>
    </xdr:to>
    <xdr:sp macro="" textlink="">
      <xdr:nvSpPr>
        <xdr:cNvPr id="879" name="フローチャート: 判断 878">
          <a:extLst>
            <a:ext uri="{FF2B5EF4-FFF2-40B4-BE49-F238E27FC236}">
              <a16:creationId xmlns:a16="http://schemas.microsoft.com/office/drawing/2014/main" id="{C6322662-15FD-4CD4-9987-BE357111A98B}"/>
            </a:ext>
          </a:extLst>
        </xdr:cNvPr>
        <xdr:cNvSpPr/>
      </xdr:nvSpPr>
      <xdr:spPr>
        <a:xfrm>
          <a:off x="13887450" y="17123773"/>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6</xdr:row>
      <xdr:rowOff>2539</xdr:rowOff>
    </xdr:from>
    <xdr:to>
      <xdr:col>76</xdr:col>
      <xdr:colOff>165100</xdr:colOff>
      <xdr:row>106</xdr:row>
      <xdr:rowOff>104139</xdr:rowOff>
    </xdr:to>
    <xdr:sp macro="" textlink="">
      <xdr:nvSpPr>
        <xdr:cNvPr id="880" name="フローチャート: 判断 879">
          <a:extLst>
            <a:ext uri="{FF2B5EF4-FFF2-40B4-BE49-F238E27FC236}">
              <a16:creationId xmlns:a16="http://schemas.microsoft.com/office/drawing/2014/main" id="{5DF04901-AA67-4FE0-BC51-3DA70157237E}"/>
            </a:ext>
          </a:extLst>
        </xdr:cNvPr>
        <xdr:cNvSpPr/>
      </xdr:nvSpPr>
      <xdr:spPr>
        <a:xfrm>
          <a:off x="13096875" y="17166589"/>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6</xdr:row>
      <xdr:rowOff>31931</xdr:rowOff>
    </xdr:from>
    <xdr:to>
      <xdr:col>72</xdr:col>
      <xdr:colOff>38100</xdr:colOff>
      <xdr:row>106</xdr:row>
      <xdr:rowOff>133531</xdr:rowOff>
    </xdr:to>
    <xdr:sp macro="" textlink="">
      <xdr:nvSpPr>
        <xdr:cNvPr id="881" name="フローチャート: 判断 880">
          <a:extLst>
            <a:ext uri="{FF2B5EF4-FFF2-40B4-BE49-F238E27FC236}">
              <a16:creationId xmlns:a16="http://schemas.microsoft.com/office/drawing/2014/main" id="{8C814AE8-9F0D-46A3-9B3F-BD797F598D47}"/>
            </a:ext>
          </a:extLst>
        </xdr:cNvPr>
        <xdr:cNvSpPr/>
      </xdr:nvSpPr>
      <xdr:spPr>
        <a:xfrm>
          <a:off x="12296775" y="17192806"/>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6</xdr:row>
      <xdr:rowOff>5806</xdr:rowOff>
    </xdr:from>
    <xdr:to>
      <xdr:col>67</xdr:col>
      <xdr:colOff>101600</xdr:colOff>
      <xdr:row>106</xdr:row>
      <xdr:rowOff>107406</xdr:rowOff>
    </xdr:to>
    <xdr:sp macro="" textlink="">
      <xdr:nvSpPr>
        <xdr:cNvPr id="882" name="フローチャート: 判断 881">
          <a:extLst>
            <a:ext uri="{FF2B5EF4-FFF2-40B4-BE49-F238E27FC236}">
              <a16:creationId xmlns:a16="http://schemas.microsoft.com/office/drawing/2014/main" id="{8A1A4152-A2F8-4F19-8631-38D5FB8EB690}"/>
            </a:ext>
          </a:extLst>
        </xdr:cNvPr>
        <xdr:cNvSpPr/>
      </xdr:nvSpPr>
      <xdr:spPr>
        <a:xfrm>
          <a:off x="11487150" y="17173031"/>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83" name="テキスト ボックス 882">
          <a:extLst>
            <a:ext uri="{FF2B5EF4-FFF2-40B4-BE49-F238E27FC236}">
              <a16:creationId xmlns:a16="http://schemas.microsoft.com/office/drawing/2014/main" id="{1F9F5B08-B627-49F9-AF9C-32FE72DF8AE9}"/>
            </a:ext>
          </a:extLst>
        </xdr:cNvPr>
        <xdr:cNvSpPr txBox="1"/>
      </xdr:nvSpPr>
      <xdr:spPr>
        <a:xfrm>
          <a:off x="145256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84" name="テキスト ボックス 883">
          <a:extLst>
            <a:ext uri="{FF2B5EF4-FFF2-40B4-BE49-F238E27FC236}">
              <a16:creationId xmlns:a16="http://schemas.microsoft.com/office/drawing/2014/main" id="{0BB3257C-3D74-4CCD-8F44-0C5216AC111E}"/>
            </a:ext>
          </a:extLst>
        </xdr:cNvPr>
        <xdr:cNvSpPr txBox="1"/>
      </xdr:nvSpPr>
      <xdr:spPr>
        <a:xfrm>
          <a:off x="137636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85" name="テキスト ボックス 884">
          <a:extLst>
            <a:ext uri="{FF2B5EF4-FFF2-40B4-BE49-F238E27FC236}">
              <a16:creationId xmlns:a16="http://schemas.microsoft.com/office/drawing/2014/main" id="{440C83F8-5A55-4610-B2B6-2A2B086D838D}"/>
            </a:ext>
          </a:extLst>
        </xdr:cNvPr>
        <xdr:cNvSpPr txBox="1"/>
      </xdr:nvSpPr>
      <xdr:spPr>
        <a:xfrm>
          <a:off x="129730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86" name="テキスト ボックス 885">
          <a:extLst>
            <a:ext uri="{FF2B5EF4-FFF2-40B4-BE49-F238E27FC236}">
              <a16:creationId xmlns:a16="http://schemas.microsoft.com/office/drawing/2014/main" id="{2E827B7B-4408-4911-B051-B9C5F6552623}"/>
            </a:ext>
          </a:extLst>
        </xdr:cNvPr>
        <xdr:cNvSpPr txBox="1"/>
      </xdr:nvSpPr>
      <xdr:spPr>
        <a:xfrm>
          <a:off x="121729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7" name="テキスト ボックス 886">
          <a:extLst>
            <a:ext uri="{FF2B5EF4-FFF2-40B4-BE49-F238E27FC236}">
              <a16:creationId xmlns:a16="http://schemas.microsoft.com/office/drawing/2014/main" id="{12C52018-4CA9-49EB-825D-083091AFC854}"/>
            </a:ext>
          </a:extLst>
        </xdr:cNvPr>
        <xdr:cNvSpPr txBox="1"/>
      </xdr:nvSpPr>
      <xdr:spPr>
        <a:xfrm>
          <a:off x="113633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30299</xdr:rowOff>
    </xdr:from>
    <xdr:to>
      <xdr:col>85</xdr:col>
      <xdr:colOff>177800</xdr:colOff>
      <xdr:row>101</xdr:row>
      <xdr:rowOff>131899</xdr:rowOff>
    </xdr:to>
    <xdr:sp macro="" textlink="">
      <xdr:nvSpPr>
        <xdr:cNvPr id="888" name="楕円 887">
          <a:extLst>
            <a:ext uri="{FF2B5EF4-FFF2-40B4-BE49-F238E27FC236}">
              <a16:creationId xmlns:a16="http://schemas.microsoft.com/office/drawing/2014/main" id="{D8C6EDA7-EFA9-424C-B706-91A25F1E6E77}"/>
            </a:ext>
          </a:extLst>
        </xdr:cNvPr>
        <xdr:cNvSpPr/>
      </xdr:nvSpPr>
      <xdr:spPr>
        <a:xfrm>
          <a:off x="14649450" y="16381549"/>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54776</xdr:rowOff>
    </xdr:from>
    <xdr:ext cx="405111" cy="259045"/>
    <xdr:sp macro="" textlink="">
      <xdr:nvSpPr>
        <xdr:cNvPr id="889" name="【庁舎】&#10;有形固定資産減価償却率該当値テキスト">
          <a:extLst>
            <a:ext uri="{FF2B5EF4-FFF2-40B4-BE49-F238E27FC236}">
              <a16:creationId xmlns:a16="http://schemas.microsoft.com/office/drawing/2014/main" id="{73A7B2D1-CAFF-4EF0-BF07-F7B7FFDE8E51}"/>
            </a:ext>
          </a:extLst>
        </xdr:cNvPr>
        <xdr:cNvSpPr txBox="1"/>
      </xdr:nvSpPr>
      <xdr:spPr>
        <a:xfrm>
          <a:off x="14735175" y="16347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116839</xdr:rowOff>
    </xdr:from>
    <xdr:to>
      <xdr:col>81</xdr:col>
      <xdr:colOff>101600</xdr:colOff>
      <xdr:row>101</xdr:row>
      <xdr:rowOff>46989</xdr:rowOff>
    </xdr:to>
    <xdr:sp macro="" textlink="">
      <xdr:nvSpPr>
        <xdr:cNvPr id="890" name="楕円 889">
          <a:extLst>
            <a:ext uri="{FF2B5EF4-FFF2-40B4-BE49-F238E27FC236}">
              <a16:creationId xmlns:a16="http://schemas.microsoft.com/office/drawing/2014/main" id="{1E7E3A1C-8681-49F5-BF50-9CA1C169972D}"/>
            </a:ext>
          </a:extLst>
        </xdr:cNvPr>
        <xdr:cNvSpPr/>
      </xdr:nvSpPr>
      <xdr:spPr>
        <a:xfrm>
          <a:off x="13887450" y="16309339"/>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167639</xdr:rowOff>
    </xdr:from>
    <xdr:to>
      <xdr:col>85</xdr:col>
      <xdr:colOff>127000</xdr:colOff>
      <xdr:row>101</xdr:row>
      <xdr:rowOff>81099</xdr:rowOff>
    </xdr:to>
    <xdr:cxnSp macro="">
      <xdr:nvCxnSpPr>
        <xdr:cNvPr id="891" name="直線コネクタ 890">
          <a:extLst>
            <a:ext uri="{FF2B5EF4-FFF2-40B4-BE49-F238E27FC236}">
              <a16:creationId xmlns:a16="http://schemas.microsoft.com/office/drawing/2014/main" id="{229595AA-5885-4249-9093-67B135EF4EBD}"/>
            </a:ext>
          </a:extLst>
        </xdr:cNvPr>
        <xdr:cNvCxnSpPr/>
      </xdr:nvCxnSpPr>
      <xdr:spPr>
        <a:xfrm>
          <a:off x="13935075" y="16356964"/>
          <a:ext cx="762000" cy="81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23768</xdr:rowOff>
    </xdr:from>
    <xdr:to>
      <xdr:col>76</xdr:col>
      <xdr:colOff>165100</xdr:colOff>
      <xdr:row>103</xdr:row>
      <xdr:rowOff>125368</xdr:rowOff>
    </xdr:to>
    <xdr:sp macro="" textlink="">
      <xdr:nvSpPr>
        <xdr:cNvPr id="892" name="楕円 891">
          <a:extLst>
            <a:ext uri="{FF2B5EF4-FFF2-40B4-BE49-F238E27FC236}">
              <a16:creationId xmlns:a16="http://schemas.microsoft.com/office/drawing/2014/main" id="{8EA1AA3E-626D-4841-94E2-3CBD660A1160}"/>
            </a:ext>
          </a:extLst>
        </xdr:cNvPr>
        <xdr:cNvSpPr/>
      </xdr:nvSpPr>
      <xdr:spPr>
        <a:xfrm>
          <a:off x="13096875" y="16705218"/>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167639</xdr:rowOff>
    </xdr:from>
    <xdr:to>
      <xdr:col>81</xdr:col>
      <xdr:colOff>50800</xdr:colOff>
      <xdr:row>103</xdr:row>
      <xdr:rowOff>74568</xdr:rowOff>
    </xdr:to>
    <xdr:cxnSp macro="">
      <xdr:nvCxnSpPr>
        <xdr:cNvPr id="893" name="直線コネクタ 892">
          <a:extLst>
            <a:ext uri="{FF2B5EF4-FFF2-40B4-BE49-F238E27FC236}">
              <a16:creationId xmlns:a16="http://schemas.microsoft.com/office/drawing/2014/main" id="{5CA0F42D-DDE2-427B-9817-B6283111C780}"/>
            </a:ext>
          </a:extLst>
        </xdr:cNvPr>
        <xdr:cNvCxnSpPr/>
      </xdr:nvCxnSpPr>
      <xdr:spPr>
        <a:xfrm flipV="1">
          <a:off x="13144500" y="16356964"/>
          <a:ext cx="790575" cy="395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25005</xdr:rowOff>
    </xdr:from>
    <xdr:to>
      <xdr:col>72</xdr:col>
      <xdr:colOff>38100</xdr:colOff>
      <xdr:row>104</xdr:row>
      <xdr:rowOff>55155</xdr:rowOff>
    </xdr:to>
    <xdr:sp macro="" textlink="">
      <xdr:nvSpPr>
        <xdr:cNvPr id="894" name="楕円 893">
          <a:extLst>
            <a:ext uri="{FF2B5EF4-FFF2-40B4-BE49-F238E27FC236}">
              <a16:creationId xmlns:a16="http://schemas.microsoft.com/office/drawing/2014/main" id="{14D171D4-211C-410C-9BF5-7F244C660468}"/>
            </a:ext>
          </a:extLst>
        </xdr:cNvPr>
        <xdr:cNvSpPr/>
      </xdr:nvSpPr>
      <xdr:spPr>
        <a:xfrm>
          <a:off x="12296775" y="1680010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74568</xdr:rowOff>
    </xdr:from>
    <xdr:to>
      <xdr:col>76</xdr:col>
      <xdr:colOff>114300</xdr:colOff>
      <xdr:row>104</xdr:row>
      <xdr:rowOff>4355</xdr:rowOff>
    </xdr:to>
    <xdr:cxnSp macro="">
      <xdr:nvCxnSpPr>
        <xdr:cNvPr id="895" name="直線コネクタ 894">
          <a:extLst>
            <a:ext uri="{FF2B5EF4-FFF2-40B4-BE49-F238E27FC236}">
              <a16:creationId xmlns:a16="http://schemas.microsoft.com/office/drawing/2014/main" id="{BBDDD9A1-48B7-439C-A95D-A391585A2C6B}"/>
            </a:ext>
          </a:extLst>
        </xdr:cNvPr>
        <xdr:cNvCxnSpPr/>
      </xdr:nvCxnSpPr>
      <xdr:spPr>
        <a:xfrm flipV="1">
          <a:off x="12344400" y="16752843"/>
          <a:ext cx="800100" cy="94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62956</xdr:rowOff>
    </xdr:from>
    <xdr:to>
      <xdr:col>67</xdr:col>
      <xdr:colOff>101600</xdr:colOff>
      <xdr:row>103</xdr:row>
      <xdr:rowOff>164556</xdr:rowOff>
    </xdr:to>
    <xdr:sp macro="" textlink="">
      <xdr:nvSpPr>
        <xdr:cNvPr id="896" name="楕円 895">
          <a:extLst>
            <a:ext uri="{FF2B5EF4-FFF2-40B4-BE49-F238E27FC236}">
              <a16:creationId xmlns:a16="http://schemas.microsoft.com/office/drawing/2014/main" id="{7861385D-FA71-4283-91F0-714278B6B9D0}"/>
            </a:ext>
          </a:extLst>
        </xdr:cNvPr>
        <xdr:cNvSpPr/>
      </xdr:nvSpPr>
      <xdr:spPr>
        <a:xfrm>
          <a:off x="11487150" y="16744406"/>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13756</xdr:rowOff>
    </xdr:from>
    <xdr:to>
      <xdr:col>71</xdr:col>
      <xdr:colOff>177800</xdr:colOff>
      <xdr:row>104</xdr:row>
      <xdr:rowOff>4355</xdr:rowOff>
    </xdr:to>
    <xdr:cxnSp macro="">
      <xdr:nvCxnSpPr>
        <xdr:cNvPr id="897" name="直線コネクタ 896">
          <a:extLst>
            <a:ext uri="{FF2B5EF4-FFF2-40B4-BE49-F238E27FC236}">
              <a16:creationId xmlns:a16="http://schemas.microsoft.com/office/drawing/2014/main" id="{CEBCB41A-D46A-4365-93F7-919FC6C8233C}"/>
            </a:ext>
          </a:extLst>
        </xdr:cNvPr>
        <xdr:cNvCxnSpPr/>
      </xdr:nvCxnSpPr>
      <xdr:spPr>
        <a:xfrm>
          <a:off x="11534775" y="16792031"/>
          <a:ext cx="809625" cy="55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6</xdr:row>
      <xdr:rowOff>39750</xdr:rowOff>
    </xdr:from>
    <xdr:ext cx="405111" cy="259045"/>
    <xdr:sp macro="" textlink="">
      <xdr:nvSpPr>
        <xdr:cNvPr id="898" name="n_1aveValue【庁舎】&#10;有形固定資産減価償却率">
          <a:extLst>
            <a:ext uri="{FF2B5EF4-FFF2-40B4-BE49-F238E27FC236}">
              <a16:creationId xmlns:a16="http://schemas.microsoft.com/office/drawing/2014/main" id="{D2696B09-20FE-43C0-85ED-1A704A768C14}"/>
            </a:ext>
          </a:extLst>
        </xdr:cNvPr>
        <xdr:cNvSpPr txBox="1"/>
      </xdr:nvSpPr>
      <xdr:spPr>
        <a:xfrm>
          <a:off x="13745219" y="172038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95266</xdr:rowOff>
    </xdr:from>
    <xdr:ext cx="405111" cy="259045"/>
    <xdr:sp macro="" textlink="">
      <xdr:nvSpPr>
        <xdr:cNvPr id="899" name="n_2aveValue【庁舎】&#10;有形固定資産減価償却率">
          <a:extLst>
            <a:ext uri="{FF2B5EF4-FFF2-40B4-BE49-F238E27FC236}">
              <a16:creationId xmlns:a16="http://schemas.microsoft.com/office/drawing/2014/main" id="{2A85B0D0-446F-4AF0-80EF-EE6D0D013522}"/>
            </a:ext>
          </a:extLst>
        </xdr:cNvPr>
        <xdr:cNvSpPr txBox="1"/>
      </xdr:nvSpPr>
      <xdr:spPr>
        <a:xfrm>
          <a:off x="12964169" y="17259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24658</xdr:rowOff>
    </xdr:from>
    <xdr:ext cx="405111" cy="259045"/>
    <xdr:sp macro="" textlink="">
      <xdr:nvSpPr>
        <xdr:cNvPr id="900" name="n_3aveValue【庁舎】&#10;有形固定資産減価償却率">
          <a:extLst>
            <a:ext uri="{FF2B5EF4-FFF2-40B4-BE49-F238E27FC236}">
              <a16:creationId xmlns:a16="http://schemas.microsoft.com/office/drawing/2014/main" id="{E1BBB536-95AD-49DA-8C5A-6194796FF0B1}"/>
            </a:ext>
          </a:extLst>
        </xdr:cNvPr>
        <xdr:cNvSpPr txBox="1"/>
      </xdr:nvSpPr>
      <xdr:spPr>
        <a:xfrm>
          <a:off x="12164069" y="17285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98533</xdr:rowOff>
    </xdr:from>
    <xdr:ext cx="405111" cy="259045"/>
    <xdr:sp macro="" textlink="">
      <xdr:nvSpPr>
        <xdr:cNvPr id="901" name="n_4aveValue【庁舎】&#10;有形固定資産減価償却率">
          <a:extLst>
            <a:ext uri="{FF2B5EF4-FFF2-40B4-BE49-F238E27FC236}">
              <a16:creationId xmlns:a16="http://schemas.microsoft.com/office/drawing/2014/main" id="{765F833F-69DB-4CDF-9DB0-46F7C9DBDDEB}"/>
            </a:ext>
          </a:extLst>
        </xdr:cNvPr>
        <xdr:cNvSpPr txBox="1"/>
      </xdr:nvSpPr>
      <xdr:spPr>
        <a:xfrm>
          <a:off x="11354444" y="17265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63516</xdr:rowOff>
    </xdr:from>
    <xdr:ext cx="405111" cy="259045"/>
    <xdr:sp macro="" textlink="">
      <xdr:nvSpPr>
        <xdr:cNvPr id="902" name="n_1mainValue【庁舎】&#10;有形固定資産減価償却率">
          <a:extLst>
            <a:ext uri="{FF2B5EF4-FFF2-40B4-BE49-F238E27FC236}">
              <a16:creationId xmlns:a16="http://schemas.microsoft.com/office/drawing/2014/main" id="{EAAB897F-1F95-47DC-9B90-08731DB936E0}"/>
            </a:ext>
          </a:extLst>
        </xdr:cNvPr>
        <xdr:cNvSpPr txBox="1"/>
      </xdr:nvSpPr>
      <xdr:spPr>
        <a:xfrm>
          <a:off x="13745219" y="16097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41895</xdr:rowOff>
    </xdr:from>
    <xdr:ext cx="405111" cy="259045"/>
    <xdr:sp macro="" textlink="">
      <xdr:nvSpPr>
        <xdr:cNvPr id="903" name="n_2mainValue【庁舎】&#10;有形固定資産減価償却率">
          <a:extLst>
            <a:ext uri="{FF2B5EF4-FFF2-40B4-BE49-F238E27FC236}">
              <a16:creationId xmlns:a16="http://schemas.microsoft.com/office/drawing/2014/main" id="{DA7C7F3C-A257-428E-B99E-98282FF081C6}"/>
            </a:ext>
          </a:extLst>
        </xdr:cNvPr>
        <xdr:cNvSpPr txBox="1"/>
      </xdr:nvSpPr>
      <xdr:spPr>
        <a:xfrm>
          <a:off x="12964169" y="16499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71682</xdr:rowOff>
    </xdr:from>
    <xdr:ext cx="405111" cy="259045"/>
    <xdr:sp macro="" textlink="">
      <xdr:nvSpPr>
        <xdr:cNvPr id="904" name="n_3mainValue【庁舎】&#10;有形固定資産減価償却率">
          <a:extLst>
            <a:ext uri="{FF2B5EF4-FFF2-40B4-BE49-F238E27FC236}">
              <a16:creationId xmlns:a16="http://schemas.microsoft.com/office/drawing/2014/main" id="{B3BD66B7-55AE-46E2-97A5-B87139EE16BF}"/>
            </a:ext>
          </a:extLst>
        </xdr:cNvPr>
        <xdr:cNvSpPr txBox="1"/>
      </xdr:nvSpPr>
      <xdr:spPr>
        <a:xfrm>
          <a:off x="12164069" y="16584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9633</xdr:rowOff>
    </xdr:from>
    <xdr:ext cx="405111" cy="259045"/>
    <xdr:sp macro="" textlink="">
      <xdr:nvSpPr>
        <xdr:cNvPr id="905" name="n_4mainValue【庁舎】&#10;有形固定資産減価償却率">
          <a:extLst>
            <a:ext uri="{FF2B5EF4-FFF2-40B4-BE49-F238E27FC236}">
              <a16:creationId xmlns:a16="http://schemas.microsoft.com/office/drawing/2014/main" id="{AB3142F6-65E0-4505-B5DB-9AE73BEA0547}"/>
            </a:ext>
          </a:extLst>
        </xdr:cNvPr>
        <xdr:cNvSpPr txBox="1"/>
      </xdr:nvSpPr>
      <xdr:spPr>
        <a:xfrm>
          <a:off x="11354444" y="16522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06" name="正方形/長方形 905">
          <a:extLst>
            <a:ext uri="{FF2B5EF4-FFF2-40B4-BE49-F238E27FC236}">
              <a16:creationId xmlns:a16="http://schemas.microsoft.com/office/drawing/2014/main" id="{8C448123-2AB8-42C0-A08B-9FB5AEA88766}"/>
            </a:ext>
          </a:extLst>
        </xdr:cNvPr>
        <xdr:cNvSpPr/>
      </xdr:nvSpPr>
      <xdr:spPr>
        <a:xfrm>
          <a:off x="16459200" y="14754225"/>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7" name="正方形/長方形 906">
          <a:extLst>
            <a:ext uri="{FF2B5EF4-FFF2-40B4-BE49-F238E27FC236}">
              <a16:creationId xmlns:a16="http://schemas.microsoft.com/office/drawing/2014/main" id="{79EC7179-851B-4DB8-92D7-286101C3F9BF}"/>
            </a:ext>
          </a:extLst>
        </xdr:cNvPr>
        <xdr:cNvSpPr/>
      </xdr:nvSpPr>
      <xdr:spPr>
        <a:xfrm>
          <a:off x="165830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8" name="正方形/長方形 907">
          <a:extLst>
            <a:ext uri="{FF2B5EF4-FFF2-40B4-BE49-F238E27FC236}">
              <a16:creationId xmlns:a16="http://schemas.microsoft.com/office/drawing/2014/main" id="{98FDC458-CB66-4323-B88C-1F82F0D4D5BD}"/>
            </a:ext>
          </a:extLst>
        </xdr:cNvPr>
        <xdr:cNvSpPr/>
      </xdr:nvSpPr>
      <xdr:spPr>
        <a:xfrm>
          <a:off x="165830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9" name="正方形/長方形 908">
          <a:extLst>
            <a:ext uri="{FF2B5EF4-FFF2-40B4-BE49-F238E27FC236}">
              <a16:creationId xmlns:a16="http://schemas.microsoft.com/office/drawing/2014/main" id="{F32BC172-1036-4995-ABF4-68AC6F90ED03}"/>
            </a:ext>
          </a:extLst>
        </xdr:cNvPr>
        <xdr:cNvSpPr/>
      </xdr:nvSpPr>
      <xdr:spPr>
        <a:xfrm>
          <a:off x="174879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10" name="正方形/長方形 909">
          <a:extLst>
            <a:ext uri="{FF2B5EF4-FFF2-40B4-BE49-F238E27FC236}">
              <a16:creationId xmlns:a16="http://schemas.microsoft.com/office/drawing/2014/main" id="{F19DF743-431E-4428-B79F-FBDEDF16DBC1}"/>
            </a:ext>
          </a:extLst>
        </xdr:cNvPr>
        <xdr:cNvSpPr/>
      </xdr:nvSpPr>
      <xdr:spPr>
        <a:xfrm>
          <a:off x="174879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11" name="正方形/長方形 910">
          <a:extLst>
            <a:ext uri="{FF2B5EF4-FFF2-40B4-BE49-F238E27FC236}">
              <a16:creationId xmlns:a16="http://schemas.microsoft.com/office/drawing/2014/main" id="{B9F8856C-09F4-4016-9EF0-67D8CB89453B}"/>
            </a:ext>
          </a:extLst>
        </xdr:cNvPr>
        <xdr:cNvSpPr/>
      </xdr:nvSpPr>
      <xdr:spPr>
        <a:xfrm>
          <a:off x="185166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12" name="正方形/長方形 911">
          <a:extLst>
            <a:ext uri="{FF2B5EF4-FFF2-40B4-BE49-F238E27FC236}">
              <a16:creationId xmlns:a16="http://schemas.microsoft.com/office/drawing/2014/main" id="{309054A3-C92C-4843-93B7-02586BDB3CC1}"/>
            </a:ext>
          </a:extLst>
        </xdr:cNvPr>
        <xdr:cNvSpPr/>
      </xdr:nvSpPr>
      <xdr:spPr>
        <a:xfrm>
          <a:off x="185166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13" name="正方形/長方形 912">
          <a:extLst>
            <a:ext uri="{FF2B5EF4-FFF2-40B4-BE49-F238E27FC236}">
              <a16:creationId xmlns:a16="http://schemas.microsoft.com/office/drawing/2014/main" id="{B4936DA9-E376-4488-ADE5-F41459B27E85}"/>
            </a:ext>
          </a:extLst>
        </xdr:cNvPr>
        <xdr:cNvSpPr/>
      </xdr:nvSpPr>
      <xdr:spPr>
        <a:xfrm>
          <a:off x="16459200" y="15840075"/>
          <a:ext cx="426720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14" name="テキスト ボックス 913">
          <a:extLst>
            <a:ext uri="{FF2B5EF4-FFF2-40B4-BE49-F238E27FC236}">
              <a16:creationId xmlns:a16="http://schemas.microsoft.com/office/drawing/2014/main" id="{FB72DDE1-23AB-4A2F-B465-97C6017431AC}"/>
            </a:ext>
          </a:extLst>
        </xdr:cNvPr>
        <xdr:cNvSpPr txBox="1"/>
      </xdr:nvSpPr>
      <xdr:spPr>
        <a:xfrm>
          <a:off x="16440150" y="156591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15" name="直線コネクタ 914">
          <a:extLst>
            <a:ext uri="{FF2B5EF4-FFF2-40B4-BE49-F238E27FC236}">
              <a16:creationId xmlns:a16="http://schemas.microsoft.com/office/drawing/2014/main" id="{59C44824-1FCB-4E2C-92F0-147207BADE06}"/>
            </a:ext>
          </a:extLst>
        </xdr:cNvPr>
        <xdr:cNvCxnSpPr/>
      </xdr:nvCxnSpPr>
      <xdr:spPr>
        <a:xfrm>
          <a:off x="16459200" y="17992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16" name="テキスト ボックス 915">
          <a:extLst>
            <a:ext uri="{FF2B5EF4-FFF2-40B4-BE49-F238E27FC236}">
              <a16:creationId xmlns:a16="http://schemas.microsoft.com/office/drawing/2014/main" id="{43D2DBBE-A0B0-4AAD-9E06-B550D24C46A7}"/>
            </a:ext>
          </a:extLst>
        </xdr:cNvPr>
        <xdr:cNvSpPr txBox="1"/>
      </xdr:nvSpPr>
      <xdr:spPr>
        <a:xfrm>
          <a:off x="16052346" y="17856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8</xdr:row>
      <xdr:rowOff>76200</xdr:rowOff>
    </xdr:from>
    <xdr:to>
      <xdr:col>120</xdr:col>
      <xdr:colOff>114300</xdr:colOff>
      <xdr:row>108</xdr:row>
      <xdr:rowOff>76200</xdr:rowOff>
    </xdr:to>
    <xdr:cxnSp macro="">
      <xdr:nvCxnSpPr>
        <xdr:cNvPr id="917" name="直線コネクタ 916">
          <a:extLst>
            <a:ext uri="{FF2B5EF4-FFF2-40B4-BE49-F238E27FC236}">
              <a16:creationId xmlns:a16="http://schemas.microsoft.com/office/drawing/2014/main" id="{6F39AE60-593A-4D00-BCBA-5F39A4EC413D}"/>
            </a:ext>
          </a:extLst>
        </xdr:cNvPr>
        <xdr:cNvCxnSpPr/>
      </xdr:nvCxnSpPr>
      <xdr:spPr>
        <a:xfrm>
          <a:off x="16459200" y="1756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918" name="テキスト ボックス 917">
          <a:extLst>
            <a:ext uri="{FF2B5EF4-FFF2-40B4-BE49-F238E27FC236}">
              <a16:creationId xmlns:a16="http://schemas.microsoft.com/office/drawing/2014/main" id="{55FC2B61-9CAC-4A40-B76D-FB2F78C1942A}"/>
            </a:ext>
          </a:extLst>
        </xdr:cNvPr>
        <xdr:cNvSpPr txBox="1"/>
      </xdr:nvSpPr>
      <xdr:spPr>
        <a:xfrm>
          <a:off x="16052346" y="1742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919" name="直線コネクタ 918">
          <a:extLst>
            <a:ext uri="{FF2B5EF4-FFF2-40B4-BE49-F238E27FC236}">
              <a16:creationId xmlns:a16="http://schemas.microsoft.com/office/drawing/2014/main" id="{DC93B91F-5026-486A-97E4-FD55B1BA6D7D}"/>
            </a:ext>
          </a:extLst>
        </xdr:cNvPr>
        <xdr:cNvCxnSpPr/>
      </xdr:nvCxnSpPr>
      <xdr:spPr>
        <a:xfrm>
          <a:off x="16459200" y="171354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920" name="テキスト ボックス 919">
          <a:extLst>
            <a:ext uri="{FF2B5EF4-FFF2-40B4-BE49-F238E27FC236}">
              <a16:creationId xmlns:a16="http://schemas.microsoft.com/office/drawing/2014/main" id="{37063F5A-02A9-46AF-80FE-216E45024717}"/>
            </a:ext>
          </a:extLst>
        </xdr:cNvPr>
        <xdr:cNvSpPr txBox="1"/>
      </xdr:nvSpPr>
      <xdr:spPr>
        <a:xfrm>
          <a:off x="16052346" y="169996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921" name="直線コネクタ 920">
          <a:extLst>
            <a:ext uri="{FF2B5EF4-FFF2-40B4-BE49-F238E27FC236}">
              <a16:creationId xmlns:a16="http://schemas.microsoft.com/office/drawing/2014/main" id="{2700DFC3-B5F8-425B-A717-E3E78D5966F8}"/>
            </a:ext>
          </a:extLst>
        </xdr:cNvPr>
        <xdr:cNvCxnSpPr/>
      </xdr:nvCxnSpPr>
      <xdr:spPr>
        <a:xfrm>
          <a:off x="16459200" y="166973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922" name="テキスト ボックス 921">
          <a:extLst>
            <a:ext uri="{FF2B5EF4-FFF2-40B4-BE49-F238E27FC236}">
              <a16:creationId xmlns:a16="http://schemas.microsoft.com/office/drawing/2014/main" id="{9AAC90CA-C902-4482-91FB-9853001917B0}"/>
            </a:ext>
          </a:extLst>
        </xdr:cNvPr>
        <xdr:cNvSpPr txBox="1"/>
      </xdr:nvSpPr>
      <xdr:spPr>
        <a:xfrm>
          <a:off x="16052346" y="165614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923" name="直線コネクタ 922">
          <a:extLst>
            <a:ext uri="{FF2B5EF4-FFF2-40B4-BE49-F238E27FC236}">
              <a16:creationId xmlns:a16="http://schemas.microsoft.com/office/drawing/2014/main" id="{E5AA2EE6-1A8A-4BF8-8073-474678022DF4}"/>
            </a:ext>
          </a:extLst>
        </xdr:cNvPr>
        <xdr:cNvCxnSpPr/>
      </xdr:nvCxnSpPr>
      <xdr:spPr>
        <a:xfrm>
          <a:off x="16459200" y="162687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924" name="テキスト ボックス 923">
          <a:extLst>
            <a:ext uri="{FF2B5EF4-FFF2-40B4-BE49-F238E27FC236}">
              <a16:creationId xmlns:a16="http://schemas.microsoft.com/office/drawing/2014/main" id="{37B0AF9E-F316-42B3-9FCC-8889CB37B126}"/>
            </a:ext>
          </a:extLst>
        </xdr:cNvPr>
        <xdr:cNvSpPr txBox="1"/>
      </xdr:nvSpPr>
      <xdr:spPr>
        <a:xfrm>
          <a:off x="16052346" y="1613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5" name="直線コネクタ 924">
          <a:extLst>
            <a:ext uri="{FF2B5EF4-FFF2-40B4-BE49-F238E27FC236}">
              <a16:creationId xmlns:a16="http://schemas.microsoft.com/office/drawing/2014/main" id="{C5AA5CAF-985A-44E2-A358-982B3BB83CC3}"/>
            </a:ext>
          </a:extLst>
        </xdr:cNvPr>
        <xdr:cNvCxnSpPr/>
      </xdr:nvCxnSpPr>
      <xdr:spPr>
        <a:xfrm>
          <a:off x="16459200" y="158400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6" name="テキスト ボックス 925">
          <a:extLst>
            <a:ext uri="{FF2B5EF4-FFF2-40B4-BE49-F238E27FC236}">
              <a16:creationId xmlns:a16="http://schemas.microsoft.com/office/drawing/2014/main" id="{11F20050-4D5D-4781-8CC3-0D667614B26A}"/>
            </a:ext>
          </a:extLst>
        </xdr:cNvPr>
        <xdr:cNvSpPr txBox="1"/>
      </xdr:nvSpPr>
      <xdr:spPr>
        <a:xfrm>
          <a:off x="16052346" y="157042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7" name="【庁舎】&#10;一人当たり面積グラフ枠">
          <a:extLst>
            <a:ext uri="{FF2B5EF4-FFF2-40B4-BE49-F238E27FC236}">
              <a16:creationId xmlns:a16="http://schemas.microsoft.com/office/drawing/2014/main" id="{A884135C-C425-47AA-917A-E261114C926B}"/>
            </a:ext>
          </a:extLst>
        </xdr:cNvPr>
        <xdr:cNvSpPr/>
      </xdr:nvSpPr>
      <xdr:spPr>
        <a:xfrm>
          <a:off x="16459200" y="15840075"/>
          <a:ext cx="426720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2</xdr:row>
      <xdr:rowOff>12192</xdr:rowOff>
    </xdr:from>
    <xdr:to>
      <xdr:col>116</xdr:col>
      <xdr:colOff>62864</xdr:colOff>
      <xdr:row>109</xdr:row>
      <xdr:rowOff>9906</xdr:rowOff>
    </xdr:to>
    <xdr:cxnSp macro="">
      <xdr:nvCxnSpPr>
        <xdr:cNvPr id="928" name="直線コネクタ 927">
          <a:extLst>
            <a:ext uri="{FF2B5EF4-FFF2-40B4-BE49-F238E27FC236}">
              <a16:creationId xmlns:a16="http://schemas.microsoft.com/office/drawing/2014/main" id="{CF65D5A7-5C0C-4800-9C8B-1A8C93203271}"/>
            </a:ext>
          </a:extLst>
        </xdr:cNvPr>
        <xdr:cNvCxnSpPr/>
      </xdr:nvCxnSpPr>
      <xdr:spPr>
        <a:xfrm flipV="1">
          <a:off x="19954239" y="16525367"/>
          <a:ext cx="0" cy="11311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13733</xdr:rowOff>
    </xdr:from>
    <xdr:ext cx="469744" cy="259045"/>
    <xdr:sp macro="" textlink="">
      <xdr:nvSpPr>
        <xdr:cNvPr id="929" name="【庁舎】&#10;一人当たり面積最小値テキスト">
          <a:extLst>
            <a:ext uri="{FF2B5EF4-FFF2-40B4-BE49-F238E27FC236}">
              <a16:creationId xmlns:a16="http://schemas.microsoft.com/office/drawing/2014/main" id="{622F35E8-60D6-42D4-AD66-2084ED54B8D9}"/>
            </a:ext>
          </a:extLst>
        </xdr:cNvPr>
        <xdr:cNvSpPr txBox="1"/>
      </xdr:nvSpPr>
      <xdr:spPr>
        <a:xfrm>
          <a:off x="19992975" y="17660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9906</xdr:rowOff>
    </xdr:from>
    <xdr:to>
      <xdr:col>116</xdr:col>
      <xdr:colOff>152400</xdr:colOff>
      <xdr:row>109</xdr:row>
      <xdr:rowOff>9906</xdr:rowOff>
    </xdr:to>
    <xdr:cxnSp macro="">
      <xdr:nvCxnSpPr>
        <xdr:cNvPr id="930" name="直線コネクタ 929">
          <a:extLst>
            <a:ext uri="{FF2B5EF4-FFF2-40B4-BE49-F238E27FC236}">
              <a16:creationId xmlns:a16="http://schemas.microsoft.com/office/drawing/2014/main" id="{272DC977-6FD6-445B-84CD-32C1B8E17426}"/>
            </a:ext>
          </a:extLst>
        </xdr:cNvPr>
        <xdr:cNvCxnSpPr/>
      </xdr:nvCxnSpPr>
      <xdr:spPr>
        <a:xfrm>
          <a:off x="19878675" y="17656556"/>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30319</xdr:rowOff>
    </xdr:from>
    <xdr:ext cx="469744" cy="259045"/>
    <xdr:sp macro="" textlink="">
      <xdr:nvSpPr>
        <xdr:cNvPr id="931" name="【庁舎】&#10;一人当たり面積最大値テキスト">
          <a:extLst>
            <a:ext uri="{FF2B5EF4-FFF2-40B4-BE49-F238E27FC236}">
              <a16:creationId xmlns:a16="http://schemas.microsoft.com/office/drawing/2014/main" id="{84C1567C-7321-4D8A-8775-B19CB4BABDFA}"/>
            </a:ext>
          </a:extLst>
        </xdr:cNvPr>
        <xdr:cNvSpPr txBox="1"/>
      </xdr:nvSpPr>
      <xdr:spPr>
        <a:xfrm>
          <a:off x="19992975" y="16322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2</xdr:row>
      <xdr:rowOff>12192</xdr:rowOff>
    </xdr:from>
    <xdr:to>
      <xdr:col>116</xdr:col>
      <xdr:colOff>152400</xdr:colOff>
      <xdr:row>102</xdr:row>
      <xdr:rowOff>12192</xdr:rowOff>
    </xdr:to>
    <xdr:cxnSp macro="">
      <xdr:nvCxnSpPr>
        <xdr:cNvPr id="932" name="直線コネクタ 931">
          <a:extLst>
            <a:ext uri="{FF2B5EF4-FFF2-40B4-BE49-F238E27FC236}">
              <a16:creationId xmlns:a16="http://schemas.microsoft.com/office/drawing/2014/main" id="{F5A0B39D-7FEA-4D91-AC4D-D91770FC1851}"/>
            </a:ext>
          </a:extLst>
        </xdr:cNvPr>
        <xdr:cNvCxnSpPr/>
      </xdr:nvCxnSpPr>
      <xdr:spPr>
        <a:xfrm>
          <a:off x="19878675" y="1652536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45990</xdr:rowOff>
    </xdr:from>
    <xdr:ext cx="469744" cy="259045"/>
    <xdr:sp macro="" textlink="">
      <xdr:nvSpPr>
        <xdr:cNvPr id="933" name="【庁舎】&#10;一人当たり面積平均値テキスト">
          <a:extLst>
            <a:ext uri="{FF2B5EF4-FFF2-40B4-BE49-F238E27FC236}">
              <a16:creationId xmlns:a16="http://schemas.microsoft.com/office/drawing/2014/main" id="{812BABFA-0558-4827-B360-FF66801EF8C9}"/>
            </a:ext>
          </a:extLst>
        </xdr:cNvPr>
        <xdr:cNvSpPr txBox="1"/>
      </xdr:nvSpPr>
      <xdr:spPr>
        <a:xfrm>
          <a:off x="19992975" y="172132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3113</xdr:rowOff>
    </xdr:from>
    <xdr:to>
      <xdr:col>116</xdr:col>
      <xdr:colOff>114300</xdr:colOff>
      <xdr:row>107</xdr:row>
      <xdr:rowOff>124713</xdr:rowOff>
    </xdr:to>
    <xdr:sp macro="" textlink="">
      <xdr:nvSpPr>
        <xdr:cNvPr id="934" name="フローチャート: 判断 933">
          <a:extLst>
            <a:ext uri="{FF2B5EF4-FFF2-40B4-BE49-F238E27FC236}">
              <a16:creationId xmlns:a16="http://schemas.microsoft.com/office/drawing/2014/main" id="{C24ED73A-0C0A-4831-AAE5-750311CA7F2B}"/>
            </a:ext>
          </a:extLst>
        </xdr:cNvPr>
        <xdr:cNvSpPr/>
      </xdr:nvSpPr>
      <xdr:spPr>
        <a:xfrm>
          <a:off x="19897725" y="17352263"/>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36830</xdr:rowOff>
    </xdr:from>
    <xdr:to>
      <xdr:col>112</xdr:col>
      <xdr:colOff>38100</xdr:colOff>
      <xdr:row>107</xdr:row>
      <xdr:rowOff>138430</xdr:rowOff>
    </xdr:to>
    <xdr:sp macro="" textlink="">
      <xdr:nvSpPr>
        <xdr:cNvPr id="935" name="フローチャート: 判断 934">
          <a:extLst>
            <a:ext uri="{FF2B5EF4-FFF2-40B4-BE49-F238E27FC236}">
              <a16:creationId xmlns:a16="http://schemas.microsoft.com/office/drawing/2014/main" id="{3C7D7087-C31A-4EFF-BDBC-3CA70F9E2577}"/>
            </a:ext>
          </a:extLst>
        </xdr:cNvPr>
        <xdr:cNvSpPr/>
      </xdr:nvSpPr>
      <xdr:spPr>
        <a:xfrm>
          <a:off x="19154775" y="1736280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68835</xdr:rowOff>
    </xdr:from>
    <xdr:to>
      <xdr:col>107</xdr:col>
      <xdr:colOff>101600</xdr:colOff>
      <xdr:row>107</xdr:row>
      <xdr:rowOff>170435</xdr:rowOff>
    </xdr:to>
    <xdr:sp macro="" textlink="">
      <xdr:nvSpPr>
        <xdr:cNvPr id="936" name="フローチャート: 判断 935">
          <a:extLst>
            <a:ext uri="{FF2B5EF4-FFF2-40B4-BE49-F238E27FC236}">
              <a16:creationId xmlns:a16="http://schemas.microsoft.com/office/drawing/2014/main" id="{B9EACD6E-D42C-4367-8119-9142A7EFFBF0}"/>
            </a:ext>
          </a:extLst>
        </xdr:cNvPr>
        <xdr:cNvSpPr/>
      </xdr:nvSpPr>
      <xdr:spPr>
        <a:xfrm>
          <a:off x="18345150" y="1739163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68835</xdr:rowOff>
    </xdr:from>
    <xdr:to>
      <xdr:col>102</xdr:col>
      <xdr:colOff>165100</xdr:colOff>
      <xdr:row>107</xdr:row>
      <xdr:rowOff>170435</xdr:rowOff>
    </xdr:to>
    <xdr:sp macro="" textlink="">
      <xdr:nvSpPr>
        <xdr:cNvPr id="937" name="フローチャート: 判断 936">
          <a:extLst>
            <a:ext uri="{FF2B5EF4-FFF2-40B4-BE49-F238E27FC236}">
              <a16:creationId xmlns:a16="http://schemas.microsoft.com/office/drawing/2014/main" id="{AE88C852-943E-472A-BBDA-B72E0AE92FCF}"/>
            </a:ext>
          </a:extLst>
        </xdr:cNvPr>
        <xdr:cNvSpPr/>
      </xdr:nvSpPr>
      <xdr:spPr>
        <a:xfrm>
          <a:off x="17554575" y="1739163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73406</xdr:rowOff>
    </xdr:from>
    <xdr:to>
      <xdr:col>98</xdr:col>
      <xdr:colOff>38100</xdr:colOff>
      <xdr:row>108</xdr:row>
      <xdr:rowOff>3556</xdr:rowOff>
    </xdr:to>
    <xdr:sp macro="" textlink="">
      <xdr:nvSpPr>
        <xdr:cNvPr id="938" name="フローチャート: 判断 937">
          <a:extLst>
            <a:ext uri="{FF2B5EF4-FFF2-40B4-BE49-F238E27FC236}">
              <a16:creationId xmlns:a16="http://schemas.microsoft.com/office/drawing/2014/main" id="{B1EE9949-0824-408E-8ED2-7D39350D6603}"/>
            </a:ext>
          </a:extLst>
        </xdr:cNvPr>
        <xdr:cNvSpPr/>
      </xdr:nvSpPr>
      <xdr:spPr>
        <a:xfrm>
          <a:off x="16754475" y="1739938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9" name="テキスト ボックス 938">
          <a:extLst>
            <a:ext uri="{FF2B5EF4-FFF2-40B4-BE49-F238E27FC236}">
              <a16:creationId xmlns:a16="http://schemas.microsoft.com/office/drawing/2014/main" id="{51C49EBC-CB7C-4593-BACD-F10391BFD697}"/>
            </a:ext>
          </a:extLst>
        </xdr:cNvPr>
        <xdr:cNvSpPr txBox="1"/>
      </xdr:nvSpPr>
      <xdr:spPr>
        <a:xfrm>
          <a:off x="197834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40" name="テキスト ボックス 939">
          <a:extLst>
            <a:ext uri="{FF2B5EF4-FFF2-40B4-BE49-F238E27FC236}">
              <a16:creationId xmlns:a16="http://schemas.microsoft.com/office/drawing/2014/main" id="{25C87666-A2C6-4B12-90F0-E8701B529BEC}"/>
            </a:ext>
          </a:extLst>
        </xdr:cNvPr>
        <xdr:cNvSpPr txBox="1"/>
      </xdr:nvSpPr>
      <xdr:spPr>
        <a:xfrm>
          <a:off x="190309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41" name="テキスト ボックス 940">
          <a:extLst>
            <a:ext uri="{FF2B5EF4-FFF2-40B4-BE49-F238E27FC236}">
              <a16:creationId xmlns:a16="http://schemas.microsoft.com/office/drawing/2014/main" id="{D87A7DD9-EAE4-474E-8E80-0A9DA580D981}"/>
            </a:ext>
          </a:extLst>
        </xdr:cNvPr>
        <xdr:cNvSpPr txBox="1"/>
      </xdr:nvSpPr>
      <xdr:spPr>
        <a:xfrm>
          <a:off x="182213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42" name="テキスト ボックス 941">
          <a:extLst>
            <a:ext uri="{FF2B5EF4-FFF2-40B4-BE49-F238E27FC236}">
              <a16:creationId xmlns:a16="http://schemas.microsoft.com/office/drawing/2014/main" id="{A7A297FF-E94C-49F7-8FD9-0709ECEC056C}"/>
            </a:ext>
          </a:extLst>
        </xdr:cNvPr>
        <xdr:cNvSpPr txBox="1"/>
      </xdr:nvSpPr>
      <xdr:spPr>
        <a:xfrm>
          <a:off x="174307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43" name="テキスト ボックス 942">
          <a:extLst>
            <a:ext uri="{FF2B5EF4-FFF2-40B4-BE49-F238E27FC236}">
              <a16:creationId xmlns:a16="http://schemas.microsoft.com/office/drawing/2014/main" id="{FCC6634A-170D-455F-8F6C-06AAD8A31930}"/>
            </a:ext>
          </a:extLst>
        </xdr:cNvPr>
        <xdr:cNvSpPr txBox="1"/>
      </xdr:nvSpPr>
      <xdr:spPr>
        <a:xfrm>
          <a:off x="166306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05411</xdr:rowOff>
    </xdr:from>
    <xdr:to>
      <xdr:col>116</xdr:col>
      <xdr:colOff>114300</xdr:colOff>
      <xdr:row>108</xdr:row>
      <xdr:rowOff>35561</xdr:rowOff>
    </xdr:to>
    <xdr:sp macro="" textlink="">
      <xdr:nvSpPr>
        <xdr:cNvPr id="944" name="楕円 943">
          <a:extLst>
            <a:ext uri="{FF2B5EF4-FFF2-40B4-BE49-F238E27FC236}">
              <a16:creationId xmlns:a16="http://schemas.microsoft.com/office/drawing/2014/main" id="{40A4FA4F-78DE-498B-A4CC-49B3879CD049}"/>
            </a:ext>
          </a:extLst>
        </xdr:cNvPr>
        <xdr:cNvSpPr/>
      </xdr:nvSpPr>
      <xdr:spPr>
        <a:xfrm>
          <a:off x="19897725" y="17428211"/>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83838</xdr:rowOff>
    </xdr:from>
    <xdr:ext cx="469744" cy="259045"/>
    <xdr:sp macro="" textlink="">
      <xdr:nvSpPr>
        <xdr:cNvPr id="945" name="【庁舎】&#10;一人当たり面積該当値テキスト">
          <a:extLst>
            <a:ext uri="{FF2B5EF4-FFF2-40B4-BE49-F238E27FC236}">
              <a16:creationId xmlns:a16="http://schemas.microsoft.com/office/drawing/2014/main" id="{67DC1FC4-A0F6-4105-9A5D-A452EAB45531}"/>
            </a:ext>
          </a:extLst>
        </xdr:cNvPr>
        <xdr:cNvSpPr txBox="1"/>
      </xdr:nvSpPr>
      <xdr:spPr>
        <a:xfrm>
          <a:off x="19992975" y="17412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2539</xdr:rowOff>
    </xdr:from>
    <xdr:to>
      <xdr:col>112</xdr:col>
      <xdr:colOff>38100</xdr:colOff>
      <xdr:row>108</xdr:row>
      <xdr:rowOff>104139</xdr:rowOff>
    </xdr:to>
    <xdr:sp macro="" textlink="">
      <xdr:nvSpPr>
        <xdr:cNvPr id="946" name="楕円 945">
          <a:extLst>
            <a:ext uri="{FF2B5EF4-FFF2-40B4-BE49-F238E27FC236}">
              <a16:creationId xmlns:a16="http://schemas.microsoft.com/office/drawing/2014/main" id="{A2AFE284-F3CD-465F-A7ED-1D357E334290}"/>
            </a:ext>
          </a:extLst>
        </xdr:cNvPr>
        <xdr:cNvSpPr/>
      </xdr:nvSpPr>
      <xdr:spPr>
        <a:xfrm>
          <a:off x="19154775" y="17490439"/>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56211</xdr:rowOff>
    </xdr:from>
    <xdr:to>
      <xdr:col>116</xdr:col>
      <xdr:colOff>63500</xdr:colOff>
      <xdr:row>108</xdr:row>
      <xdr:rowOff>53339</xdr:rowOff>
    </xdr:to>
    <xdr:cxnSp macro="">
      <xdr:nvCxnSpPr>
        <xdr:cNvPr id="947" name="直線コネクタ 946">
          <a:extLst>
            <a:ext uri="{FF2B5EF4-FFF2-40B4-BE49-F238E27FC236}">
              <a16:creationId xmlns:a16="http://schemas.microsoft.com/office/drawing/2014/main" id="{D431400B-1413-4F36-9EE2-79FA7E9E1086}"/>
            </a:ext>
          </a:extLst>
        </xdr:cNvPr>
        <xdr:cNvCxnSpPr/>
      </xdr:nvCxnSpPr>
      <xdr:spPr>
        <a:xfrm flipV="1">
          <a:off x="19202400" y="17485361"/>
          <a:ext cx="752475" cy="52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52832</xdr:rowOff>
    </xdr:from>
    <xdr:to>
      <xdr:col>107</xdr:col>
      <xdr:colOff>101600</xdr:colOff>
      <xdr:row>108</xdr:row>
      <xdr:rowOff>154432</xdr:rowOff>
    </xdr:to>
    <xdr:sp macro="" textlink="">
      <xdr:nvSpPr>
        <xdr:cNvPr id="948" name="楕円 947">
          <a:extLst>
            <a:ext uri="{FF2B5EF4-FFF2-40B4-BE49-F238E27FC236}">
              <a16:creationId xmlns:a16="http://schemas.microsoft.com/office/drawing/2014/main" id="{1594DA8E-00C6-4823-B790-C77CB8E63828}"/>
            </a:ext>
          </a:extLst>
        </xdr:cNvPr>
        <xdr:cNvSpPr/>
      </xdr:nvSpPr>
      <xdr:spPr>
        <a:xfrm>
          <a:off x="18345150" y="17537557"/>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53339</xdr:rowOff>
    </xdr:from>
    <xdr:to>
      <xdr:col>111</xdr:col>
      <xdr:colOff>177800</xdr:colOff>
      <xdr:row>108</xdr:row>
      <xdr:rowOff>103632</xdr:rowOff>
    </xdr:to>
    <xdr:cxnSp macro="">
      <xdr:nvCxnSpPr>
        <xdr:cNvPr id="949" name="直線コネクタ 948">
          <a:extLst>
            <a:ext uri="{FF2B5EF4-FFF2-40B4-BE49-F238E27FC236}">
              <a16:creationId xmlns:a16="http://schemas.microsoft.com/office/drawing/2014/main" id="{88ABC8FF-9304-4B8B-9219-B7113D622C57}"/>
            </a:ext>
          </a:extLst>
        </xdr:cNvPr>
        <xdr:cNvCxnSpPr/>
      </xdr:nvCxnSpPr>
      <xdr:spPr>
        <a:xfrm flipV="1">
          <a:off x="18392775" y="17538064"/>
          <a:ext cx="809625" cy="56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39115</xdr:rowOff>
    </xdr:from>
    <xdr:to>
      <xdr:col>102</xdr:col>
      <xdr:colOff>165100</xdr:colOff>
      <xdr:row>108</xdr:row>
      <xdr:rowOff>140715</xdr:rowOff>
    </xdr:to>
    <xdr:sp macro="" textlink="">
      <xdr:nvSpPr>
        <xdr:cNvPr id="950" name="楕円 949">
          <a:extLst>
            <a:ext uri="{FF2B5EF4-FFF2-40B4-BE49-F238E27FC236}">
              <a16:creationId xmlns:a16="http://schemas.microsoft.com/office/drawing/2014/main" id="{3DD4CC1F-B572-4549-A5B8-0621C8383424}"/>
            </a:ext>
          </a:extLst>
        </xdr:cNvPr>
        <xdr:cNvSpPr/>
      </xdr:nvSpPr>
      <xdr:spPr>
        <a:xfrm>
          <a:off x="17554575" y="17527015"/>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89915</xdr:rowOff>
    </xdr:from>
    <xdr:to>
      <xdr:col>107</xdr:col>
      <xdr:colOff>50800</xdr:colOff>
      <xdr:row>108</xdr:row>
      <xdr:rowOff>103632</xdr:rowOff>
    </xdr:to>
    <xdr:cxnSp macro="">
      <xdr:nvCxnSpPr>
        <xdr:cNvPr id="951" name="直線コネクタ 950">
          <a:extLst>
            <a:ext uri="{FF2B5EF4-FFF2-40B4-BE49-F238E27FC236}">
              <a16:creationId xmlns:a16="http://schemas.microsoft.com/office/drawing/2014/main" id="{CE2AB097-37A6-4211-B3BE-076A8255FC27}"/>
            </a:ext>
          </a:extLst>
        </xdr:cNvPr>
        <xdr:cNvCxnSpPr/>
      </xdr:nvCxnSpPr>
      <xdr:spPr>
        <a:xfrm>
          <a:off x="17602200" y="17574640"/>
          <a:ext cx="790575" cy="20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39115</xdr:rowOff>
    </xdr:from>
    <xdr:to>
      <xdr:col>98</xdr:col>
      <xdr:colOff>38100</xdr:colOff>
      <xdr:row>108</xdr:row>
      <xdr:rowOff>140715</xdr:rowOff>
    </xdr:to>
    <xdr:sp macro="" textlink="">
      <xdr:nvSpPr>
        <xdr:cNvPr id="952" name="楕円 951">
          <a:extLst>
            <a:ext uri="{FF2B5EF4-FFF2-40B4-BE49-F238E27FC236}">
              <a16:creationId xmlns:a16="http://schemas.microsoft.com/office/drawing/2014/main" id="{3AE877B9-00FF-4EBC-91C9-5CB286B4FC89}"/>
            </a:ext>
          </a:extLst>
        </xdr:cNvPr>
        <xdr:cNvSpPr/>
      </xdr:nvSpPr>
      <xdr:spPr>
        <a:xfrm>
          <a:off x="16754475" y="17527015"/>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89915</xdr:rowOff>
    </xdr:from>
    <xdr:to>
      <xdr:col>102</xdr:col>
      <xdr:colOff>114300</xdr:colOff>
      <xdr:row>108</xdr:row>
      <xdr:rowOff>89915</xdr:rowOff>
    </xdr:to>
    <xdr:cxnSp macro="">
      <xdr:nvCxnSpPr>
        <xdr:cNvPr id="953" name="直線コネクタ 952">
          <a:extLst>
            <a:ext uri="{FF2B5EF4-FFF2-40B4-BE49-F238E27FC236}">
              <a16:creationId xmlns:a16="http://schemas.microsoft.com/office/drawing/2014/main" id="{3A9B191B-FDC9-4E74-B8A5-3629E9193BC5}"/>
            </a:ext>
          </a:extLst>
        </xdr:cNvPr>
        <xdr:cNvCxnSpPr/>
      </xdr:nvCxnSpPr>
      <xdr:spPr>
        <a:xfrm>
          <a:off x="16802100" y="1757464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54957</xdr:rowOff>
    </xdr:from>
    <xdr:ext cx="469744" cy="259045"/>
    <xdr:sp macro="" textlink="">
      <xdr:nvSpPr>
        <xdr:cNvPr id="954" name="n_1aveValue【庁舎】&#10;一人当たり面積">
          <a:extLst>
            <a:ext uri="{FF2B5EF4-FFF2-40B4-BE49-F238E27FC236}">
              <a16:creationId xmlns:a16="http://schemas.microsoft.com/office/drawing/2014/main" id="{3509EDCA-CC3A-43B6-9EDB-E9F533443D1C}"/>
            </a:ext>
          </a:extLst>
        </xdr:cNvPr>
        <xdr:cNvSpPr txBox="1"/>
      </xdr:nvSpPr>
      <xdr:spPr>
        <a:xfrm>
          <a:off x="18983402" y="17157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5512</xdr:rowOff>
    </xdr:from>
    <xdr:ext cx="469744" cy="259045"/>
    <xdr:sp macro="" textlink="">
      <xdr:nvSpPr>
        <xdr:cNvPr id="955" name="n_2aveValue【庁舎】&#10;一人当たり面積">
          <a:extLst>
            <a:ext uri="{FF2B5EF4-FFF2-40B4-BE49-F238E27FC236}">
              <a16:creationId xmlns:a16="http://schemas.microsoft.com/office/drawing/2014/main" id="{8C58EF2C-B08C-4CB7-9B8D-433F9DBF353D}"/>
            </a:ext>
          </a:extLst>
        </xdr:cNvPr>
        <xdr:cNvSpPr txBox="1"/>
      </xdr:nvSpPr>
      <xdr:spPr>
        <a:xfrm>
          <a:off x="18183302" y="17176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5512</xdr:rowOff>
    </xdr:from>
    <xdr:ext cx="469744" cy="259045"/>
    <xdr:sp macro="" textlink="">
      <xdr:nvSpPr>
        <xdr:cNvPr id="956" name="n_3aveValue【庁舎】&#10;一人当たり面積">
          <a:extLst>
            <a:ext uri="{FF2B5EF4-FFF2-40B4-BE49-F238E27FC236}">
              <a16:creationId xmlns:a16="http://schemas.microsoft.com/office/drawing/2014/main" id="{E12376DE-F9F9-48C6-BF5B-4DD59E4BD127}"/>
            </a:ext>
          </a:extLst>
        </xdr:cNvPr>
        <xdr:cNvSpPr txBox="1"/>
      </xdr:nvSpPr>
      <xdr:spPr>
        <a:xfrm>
          <a:off x="17383202" y="17176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20083</xdr:rowOff>
    </xdr:from>
    <xdr:ext cx="469744" cy="259045"/>
    <xdr:sp macro="" textlink="">
      <xdr:nvSpPr>
        <xdr:cNvPr id="957" name="n_4aveValue【庁舎】&#10;一人当たり面積">
          <a:extLst>
            <a:ext uri="{FF2B5EF4-FFF2-40B4-BE49-F238E27FC236}">
              <a16:creationId xmlns:a16="http://schemas.microsoft.com/office/drawing/2014/main" id="{066BCAF8-564C-4D73-B7E2-074CA9D45548}"/>
            </a:ext>
          </a:extLst>
        </xdr:cNvPr>
        <xdr:cNvSpPr txBox="1"/>
      </xdr:nvSpPr>
      <xdr:spPr>
        <a:xfrm>
          <a:off x="16592627" y="17184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95266</xdr:rowOff>
    </xdr:from>
    <xdr:ext cx="469744" cy="259045"/>
    <xdr:sp macro="" textlink="">
      <xdr:nvSpPr>
        <xdr:cNvPr id="958" name="n_1mainValue【庁舎】&#10;一人当たり面積">
          <a:extLst>
            <a:ext uri="{FF2B5EF4-FFF2-40B4-BE49-F238E27FC236}">
              <a16:creationId xmlns:a16="http://schemas.microsoft.com/office/drawing/2014/main" id="{9B726EEF-5C29-44F8-B160-4EA7A8B18396}"/>
            </a:ext>
          </a:extLst>
        </xdr:cNvPr>
        <xdr:cNvSpPr txBox="1"/>
      </xdr:nvSpPr>
      <xdr:spPr>
        <a:xfrm>
          <a:off x="18983402" y="17583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45559</xdr:rowOff>
    </xdr:from>
    <xdr:ext cx="469744" cy="259045"/>
    <xdr:sp macro="" textlink="">
      <xdr:nvSpPr>
        <xdr:cNvPr id="959" name="n_2mainValue【庁舎】&#10;一人当たり面積">
          <a:extLst>
            <a:ext uri="{FF2B5EF4-FFF2-40B4-BE49-F238E27FC236}">
              <a16:creationId xmlns:a16="http://schemas.microsoft.com/office/drawing/2014/main" id="{F6775A8F-738F-4178-8319-40B9AFCE6A00}"/>
            </a:ext>
          </a:extLst>
        </xdr:cNvPr>
        <xdr:cNvSpPr txBox="1"/>
      </xdr:nvSpPr>
      <xdr:spPr>
        <a:xfrm>
          <a:off x="18183302" y="17630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31842</xdr:rowOff>
    </xdr:from>
    <xdr:ext cx="469744" cy="259045"/>
    <xdr:sp macro="" textlink="">
      <xdr:nvSpPr>
        <xdr:cNvPr id="960" name="n_3mainValue【庁舎】&#10;一人当たり面積">
          <a:extLst>
            <a:ext uri="{FF2B5EF4-FFF2-40B4-BE49-F238E27FC236}">
              <a16:creationId xmlns:a16="http://schemas.microsoft.com/office/drawing/2014/main" id="{B863B1DC-64F3-44A2-935C-5CBB1D5C62F4}"/>
            </a:ext>
          </a:extLst>
        </xdr:cNvPr>
        <xdr:cNvSpPr txBox="1"/>
      </xdr:nvSpPr>
      <xdr:spPr>
        <a:xfrm>
          <a:off x="17383202" y="17619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31842</xdr:rowOff>
    </xdr:from>
    <xdr:ext cx="469744" cy="259045"/>
    <xdr:sp macro="" textlink="">
      <xdr:nvSpPr>
        <xdr:cNvPr id="961" name="n_4mainValue【庁舎】&#10;一人当たり面積">
          <a:extLst>
            <a:ext uri="{FF2B5EF4-FFF2-40B4-BE49-F238E27FC236}">
              <a16:creationId xmlns:a16="http://schemas.microsoft.com/office/drawing/2014/main" id="{7815FD75-E098-494B-9569-955838B4D94C}"/>
            </a:ext>
          </a:extLst>
        </xdr:cNvPr>
        <xdr:cNvSpPr txBox="1"/>
      </xdr:nvSpPr>
      <xdr:spPr>
        <a:xfrm>
          <a:off x="16592627" y="17619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62" name="正方形/長方形 961">
          <a:extLst>
            <a:ext uri="{FF2B5EF4-FFF2-40B4-BE49-F238E27FC236}">
              <a16:creationId xmlns:a16="http://schemas.microsoft.com/office/drawing/2014/main" id="{C8ADAC21-0149-41B7-B7BD-F844E26B43CE}"/>
            </a:ext>
          </a:extLst>
        </xdr:cNvPr>
        <xdr:cNvSpPr/>
      </xdr:nvSpPr>
      <xdr:spPr>
        <a:xfrm>
          <a:off x="685800" y="18354675"/>
          <a:ext cx="20040600" cy="18002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63" name="正方形/長方形 962">
          <a:extLst>
            <a:ext uri="{FF2B5EF4-FFF2-40B4-BE49-F238E27FC236}">
              <a16:creationId xmlns:a16="http://schemas.microsoft.com/office/drawing/2014/main" id="{135CDD37-1889-4F14-81AA-CEDEF45CE0C6}"/>
            </a:ext>
          </a:extLst>
        </xdr:cNvPr>
        <xdr:cNvSpPr/>
      </xdr:nvSpPr>
      <xdr:spPr>
        <a:xfrm>
          <a:off x="685800" y="18421350"/>
          <a:ext cx="34671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64" name="テキスト ボックス 963">
          <a:extLst>
            <a:ext uri="{FF2B5EF4-FFF2-40B4-BE49-F238E27FC236}">
              <a16:creationId xmlns:a16="http://schemas.microsoft.com/office/drawing/2014/main" id="{7ECB9EC3-AB4A-43C6-9FDE-32096E846C12}"/>
            </a:ext>
          </a:extLst>
        </xdr:cNvPr>
        <xdr:cNvSpPr txBox="1"/>
      </xdr:nvSpPr>
      <xdr:spPr>
        <a:xfrm>
          <a:off x="762000" y="18649950"/>
          <a:ext cx="19878675" cy="14097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本市の有形固定資産減価償却率は類似団体と比較して、低い水準となっています。</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類似団体と比較して有形固定資産減価償却率が低くなっている施設として</a:t>
          </a:r>
          <a:r>
            <a:rPr kumimoji="1" lang="en-US" altLang="ja-JP"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庁舎</a:t>
          </a:r>
          <a:r>
            <a:rPr kumimoji="1" lang="en-US" altLang="ja-JP"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がありますが、これは、近年の新市庁舎の整備や区庁舎の再整備の影響によるものです。</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本市では、施設の老朽化の進行に対しては、「公共施設等総合管理計画」や、施設ごとの「個別施設計画」に沿って、長寿命化を基本とした計画的かつ効果的な保全更新を着実に進めていきます。　</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また、公共施設が提供する機能・サービスの持続的な維持・向上のため、施設の規模・数量、質、コスト</a:t>
          </a:r>
          <a:r>
            <a:rPr kumimoji="1" lang="ja-JP" altLang="ja-JP" sz="1100" b="0" i="0" strike="sngStrike" baseline="0">
              <a:solidFill>
                <a:schemeClr val="dk1"/>
              </a:solidFill>
              <a:effectLst/>
              <a:latin typeface="+mn-lt"/>
              <a:ea typeface="+mn-ea"/>
              <a:cs typeface="+mn-cs"/>
            </a:rPr>
            <a:t>等</a:t>
          </a:r>
          <a:r>
            <a:rPr kumimoji="1" lang="ja-JP" altLang="ja-JP" sz="1100" b="0" i="0" baseline="0">
              <a:solidFill>
                <a:schemeClr val="dk1"/>
              </a:solidFill>
              <a:effectLst/>
              <a:latin typeface="+mn-lt"/>
              <a:ea typeface="+mn-ea"/>
              <a:cs typeface="+mn-cs"/>
            </a:rPr>
            <a:t>の適正化を進めていきます。</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5,793
3,656,564
437.78
2,230,290,510
2,202,642,428
13,996,572
999,814,703
2,384,424,6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6
12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9167061"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72085" y="4446494"/>
          <a:ext cx="9167061"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の「ラスパイレス指数」については、各調査対象年度の翌年の</a:t>
          </a:r>
        </a:p>
        <a:p>
          <a:pPr algn="l"/>
          <a:r>
            <a:rPr kumimoji="1" lang="ja-JP" altLang="en-US" sz="1000">
              <a:solidFill>
                <a:srgbClr val="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令和３年度は、分母の構成要素である基準財政需要額が、国勢調査結果の反映及び、臨時財政対策債償還基金費（臨時財政対策債の償還等に要する経費に対し交付されるもの）等の追加交付に伴う再算定により前年比で増額となり、基準財政収入額では、市民税や地方消費税交付金等が減額算定されたため、財政力指数は「</a:t>
          </a:r>
          <a:r>
            <a:rPr kumimoji="1" lang="en-US" altLang="ja-JP" sz="1200">
              <a:latin typeface="ＭＳ Ｐゴシック" panose="020B0600070205080204" pitchFamily="50" charset="-128"/>
              <a:ea typeface="ＭＳ Ｐゴシック" panose="020B0600070205080204" pitchFamily="50" charset="-128"/>
            </a:rPr>
            <a:t>0.96</a:t>
          </a:r>
          <a:r>
            <a:rPr kumimoji="1" lang="ja-JP" altLang="en-US" sz="1200">
              <a:latin typeface="ＭＳ Ｐゴシック" panose="020B0600070205080204" pitchFamily="50" charset="-128"/>
              <a:ea typeface="ＭＳ Ｐゴシック" panose="020B0600070205080204" pitchFamily="50" charset="-128"/>
            </a:rPr>
            <a:t>」となっています。本市の財政力指数は、引き続き類似団体と比較して高い水準で推移しています。</a:t>
          </a:r>
          <a:endParaRPr kumimoji="1" lang="en-US" altLang="ja-JP" sz="12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99483</xdr:rowOff>
    </xdr:from>
    <xdr:to>
      <xdr:col>23</xdr:col>
      <xdr:colOff>133350</xdr:colOff>
      <xdr:row>43</xdr:row>
      <xdr:rowOff>135467</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100233"/>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07544</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479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3</xdr:row>
      <xdr:rowOff>135467</xdr:rowOff>
    </xdr:from>
    <xdr:to>
      <xdr:col>24</xdr:col>
      <xdr:colOff>12700</xdr:colOff>
      <xdr:row>43</xdr:row>
      <xdr:rowOff>135467</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507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4410</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5843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99483</xdr:rowOff>
    </xdr:from>
    <xdr:to>
      <xdr:col>24</xdr:col>
      <xdr:colOff>12700</xdr:colOff>
      <xdr:row>35</xdr:row>
      <xdr:rowOff>99483</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10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129117</xdr:rowOff>
    </xdr:from>
    <xdr:to>
      <xdr:col>23</xdr:col>
      <xdr:colOff>133350</xdr:colOff>
      <xdr:row>36</xdr:row>
      <xdr:rowOff>169333</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6301317"/>
          <a:ext cx="8382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58860</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67454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86783</xdr:rowOff>
    </xdr:from>
    <xdr:to>
      <xdr:col>23</xdr:col>
      <xdr:colOff>184150</xdr:colOff>
      <xdr:row>40</xdr:row>
      <xdr:rowOff>16933</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6773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129117</xdr:rowOff>
    </xdr:from>
    <xdr:to>
      <xdr:col>19</xdr:col>
      <xdr:colOff>133350</xdr:colOff>
      <xdr:row>36</xdr:row>
      <xdr:rowOff>129117</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3013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39</xdr:row>
      <xdr:rowOff>6350</xdr:rowOff>
    </xdr:from>
    <xdr:to>
      <xdr:col>19</xdr:col>
      <xdr:colOff>184150</xdr:colOff>
      <xdr:row>39</xdr:row>
      <xdr:rowOff>107950</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669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92727</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6779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129117</xdr:rowOff>
    </xdr:from>
    <xdr:to>
      <xdr:col>15</xdr:col>
      <xdr:colOff>82550</xdr:colOff>
      <xdr:row>36</xdr:row>
      <xdr:rowOff>129117</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3013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6350</xdr:rowOff>
    </xdr:from>
    <xdr:to>
      <xdr:col>15</xdr:col>
      <xdr:colOff>133350</xdr:colOff>
      <xdr:row>39</xdr:row>
      <xdr:rowOff>107950</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669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92727</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677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129117</xdr:rowOff>
    </xdr:from>
    <xdr:to>
      <xdr:col>11</xdr:col>
      <xdr:colOff>31750</xdr:colOff>
      <xdr:row>36</xdr:row>
      <xdr:rowOff>129117</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63013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39</xdr:row>
      <xdr:rowOff>6350</xdr:rowOff>
    </xdr:from>
    <xdr:to>
      <xdr:col>11</xdr:col>
      <xdr:colOff>82550</xdr:colOff>
      <xdr:row>39</xdr:row>
      <xdr:rowOff>10795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669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9272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677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37583</xdr:rowOff>
    </xdr:from>
    <xdr:to>
      <xdr:col>7</xdr:col>
      <xdr:colOff>31750</xdr:colOff>
      <xdr:row>39</xdr:row>
      <xdr:rowOff>6773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6652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251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6739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6</xdr:row>
      <xdr:rowOff>118533</xdr:rowOff>
    </xdr:from>
    <xdr:to>
      <xdr:col>23</xdr:col>
      <xdr:colOff>184150</xdr:colOff>
      <xdr:row>37</xdr:row>
      <xdr:rowOff>48683</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29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135060</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135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78317</xdr:rowOff>
    </xdr:from>
    <xdr:to>
      <xdr:col>19</xdr:col>
      <xdr:colOff>184150</xdr:colOff>
      <xdr:row>37</xdr:row>
      <xdr:rowOff>8467</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250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5</xdr:row>
      <xdr:rowOff>18644</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0193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78317</xdr:rowOff>
    </xdr:from>
    <xdr:to>
      <xdr:col>15</xdr:col>
      <xdr:colOff>133350</xdr:colOff>
      <xdr:row>37</xdr:row>
      <xdr:rowOff>8467</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250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18644</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01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78317</xdr:rowOff>
    </xdr:from>
    <xdr:to>
      <xdr:col>11</xdr:col>
      <xdr:colOff>82550</xdr:colOff>
      <xdr:row>37</xdr:row>
      <xdr:rowOff>8467</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250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18644</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01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78317</xdr:rowOff>
    </xdr:from>
    <xdr:to>
      <xdr:col>7</xdr:col>
      <xdr:colOff>31750</xdr:colOff>
      <xdr:row>37</xdr:row>
      <xdr:rowOff>8467</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250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5</xdr:row>
      <xdr:rowOff>18644</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01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平成</a:t>
          </a:r>
          <a:r>
            <a:rPr kumimoji="1" lang="en-US" altLang="ja-JP" sz="1050">
              <a:latin typeface="ＭＳ Ｐゴシック" panose="020B0600070205080204" pitchFamily="50" charset="-128"/>
              <a:ea typeface="ＭＳ Ｐゴシック" panose="020B0600070205080204" pitchFamily="50" charset="-128"/>
            </a:rPr>
            <a:t>17</a:t>
          </a:r>
          <a:r>
            <a:rPr kumimoji="1" lang="ja-JP" altLang="en-US" sz="1050">
              <a:latin typeface="ＭＳ Ｐゴシック" panose="020B0600070205080204" pitchFamily="50" charset="-128"/>
              <a:ea typeface="ＭＳ Ｐゴシック" panose="020B0600070205080204" pitchFamily="50" charset="-128"/>
            </a:rPr>
            <a:t>年度に</a:t>
          </a:r>
          <a:r>
            <a:rPr kumimoji="1" lang="en-US" altLang="ja-JP" sz="1050">
              <a:latin typeface="ＭＳ Ｐゴシック" panose="020B0600070205080204" pitchFamily="50" charset="-128"/>
              <a:ea typeface="ＭＳ Ｐゴシック" panose="020B0600070205080204" pitchFamily="50" charset="-128"/>
            </a:rPr>
            <a:t>90</a:t>
          </a:r>
          <a:r>
            <a:rPr kumimoji="1" lang="ja-JP" altLang="en-US" sz="1050">
              <a:latin typeface="ＭＳ Ｐゴシック" panose="020B0600070205080204" pitchFamily="50" charset="-128"/>
              <a:ea typeface="ＭＳ Ｐゴシック" panose="020B0600070205080204" pitchFamily="50" charset="-128"/>
            </a:rPr>
            <a:t>％台となり、以降</a:t>
          </a:r>
          <a:r>
            <a:rPr kumimoji="1" lang="en-US" altLang="ja-JP" sz="1050">
              <a:latin typeface="ＭＳ Ｐゴシック" panose="020B0600070205080204" pitchFamily="50" charset="-128"/>
              <a:ea typeface="ＭＳ Ｐゴシック" panose="020B0600070205080204" pitchFamily="50" charset="-128"/>
            </a:rPr>
            <a:t>90</a:t>
          </a:r>
          <a:r>
            <a:rPr kumimoji="1" lang="ja-JP" altLang="en-US" sz="1050">
              <a:latin typeface="ＭＳ Ｐゴシック" panose="020B0600070205080204" pitchFamily="50" charset="-128"/>
              <a:ea typeface="ＭＳ Ｐゴシック" panose="020B0600070205080204" pitchFamily="50" charset="-128"/>
            </a:rPr>
            <a:t>％台で推移していましたが、令和元年度に</a:t>
          </a:r>
          <a:r>
            <a:rPr kumimoji="1" lang="en-US" altLang="ja-JP" sz="1050">
              <a:latin typeface="ＭＳ Ｐゴシック" panose="020B0600070205080204" pitchFamily="50" charset="-128"/>
              <a:ea typeface="ＭＳ Ｐゴシック" panose="020B0600070205080204" pitchFamily="50" charset="-128"/>
            </a:rPr>
            <a:t>100</a:t>
          </a:r>
          <a:r>
            <a:rPr kumimoji="1" lang="ja-JP" altLang="en-US" sz="1050">
              <a:latin typeface="ＭＳ Ｐゴシック" panose="020B0600070205080204" pitchFamily="50" charset="-128"/>
              <a:ea typeface="ＭＳ Ｐゴシック" panose="020B0600070205080204" pitchFamily="50" charset="-128"/>
            </a:rPr>
            <a:t>％を超えました。扶助費が年々増加する中で、それ以外の経費や経常一般財源等の状況により、増減しています。</a:t>
          </a:r>
        </a:p>
        <a:p>
          <a:r>
            <a:rPr kumimoji="1" lang="ja-JP" altLang="en-US" sz="1050">
              <a:latin typeface="ＭＳ Ｐゴシック" panose="020B0600070205080204" pitchFamily="50" charset="-128"/>
              <a:ea typeface="ＭＳ Ｐゴシック" panose="020B0600070205080204" pitchFamily="50" charset="-128"/>
            </a:rPr>
            <a:t>　平成</a:t>
          </a:r>
          <a:r>
            <a:rPr kumimoji="1" lang="en-US" altLang="ja-JP" sz="1050">
              <a:latin typeface="ＭＳ Ｐゴシック" panose="020B0600070205080204" pitchFamily="50" charset="-128"/>
              <a:ea typeface="ＭＳ Ｐゴシック" panose="020B0600070205080204" pitchFamily="50" charset="-128"/>
            </a:rPr>
            <a:t>30</a:t>
          </a:r>
          <a:r>
            <a:rPr kumimoji="1" lang="ja-JP" altLang="en-US" sz="1050">
              <a:latin typeface="ＭＳ Ｐゴシック" panose="020B0600070205080204" pitchFamily="50" charset="-128"/>
              <a:ea typeface="ＭＳ Ｐゴシック" panose="020B0600070205080204" pitchFamily="50" charset="-128"/>
            </a:rPr>
            <a:t>年度は、扶助費等の増加はあったものの、市税収入の増等により経常一般財源等が増加したことで低下、令和元年度は、用地先行取得債の償還に伴う公債費の増加などにより上昇、令和２年度は、特定財源の減に伴う公債費の増加などがあったものの、県税交付金の増等により経常一般財源等が増加したことで低下しました。</a:t>
          </a:r>
          <a:endParaRPr kumimoji="1" lang="en-US" altLang="ja-JP" sz="1050">
            <a:latin typeface="ＭＳ Ｐゴシック" panose="020B0600070205080204" pitchFamily="50" charset="-128"/>
            <a:ea typeface="ＭＳ Ｐゴシック" panose="020B0600070205080204" pitchFamily="50" charset="-128"/>
          </a:endParaRPr>
        </a:p>
        <a:p>
          <a:r>
            <a:rPr kumimoji="1" lang="ja-JP" altLang="en-US" sz="1050">
              <a:latin typeface="ＭＳ Ｐゴシック" panose="020B0600070205080204" pitchFamily="50" charset="-128"/>
              <a:ea typeface="ＭＳ Ｐゴシック" panose="020B0600070205080204" pitchFamily="50" charset="-128"/>
            </a:rPr>
            <a:t>　令和３年度は、基準財政需要額の増等により地方交付税や臨時財政対策債の発行額が増加したため、分母である経常一般財源が増加し</a:t>
          </a:r>
          <a:r>
            <a:rPr kumimoji="1" lang="en-US" altLang="ja-JP" sz="1050">
              <a:latin typeface="ＭＳ Ｐゴシック" panose="020B0600070205080204" pitchFamily="50" charset="-128"/>
              <a:ea typeface="ＭＳ Ｐゴシック" panose="020B0600070205080204" pitchFamily="50" charset="-128"/>
            </a:rPr>
            <a:t>95.1</a:t>
          </a:r>
          <a:r>
            <a:rPr kumimoji="1" lang="ja-JP" altLang="en-US" sz="1050">
              <a:latin typeface="ＭＳ Ｐゴシック" panose="020B0600070205080204" pitchFamily="50" charset="-128"/>
              <a:ea typeface="ＭＳ Ｐゴシック" panose="020B0600070205080204" pitchFamily="50" charset="-128"/>
            </a:rPr>
            <a:t>％に低下しましたが、類似団体と比較して高くなっています。</a:t>
          </a:r>
          <a:endParaRPr kumimoji="1" lang="en-US" altLang="ja-JP" sz="105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6652</xdr:rowOff>
    </xdr:from>
    <xdr:to>
      <xdr:col>23</xdr:col>
      <xdr:colOff>133350</xdr:colOff>
      <xdr:row>65</xdr:row>
      <xdr:rowOff>123698</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080752"/>
          <a:ext cx="0" cy="118719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95775</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240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23698</xdr:rowOff>
    </xdr:from>
    <xdr:to>
      <xdr:col>24</xdr:col>
      <xdr:colOff>12700</xdr:colOff>
      <xdr:row>65</xdr:row>
      <xdr:rowOff>123698</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267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1579</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9824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6652</xdr:rowOff>
    </xdr:from>
    <xdr:to>
      <xdr:col>24</xdr:col>
      <xdr:colOff>12700</xdr:colOff>
      <xdr:row>58</xdr:row>
      <xdr:rowOff>136652</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080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73152</xdr:rowOff>
    </xdr:from>
    <xdr:to>
      <xdr:col>23</xdr:col>
      <xdr:colOff>133350</xdr:colOff>
      <xdr:row>67</xdr:row>
      <xdr:rowOff>80010</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1045952"/>
          <a:ext cx="838200" cy="521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50131</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6085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33604</xdr:rowOff>
    </xdr:from>
    <xdr:to>
      <xdr:col>23</xdr:col>
      <xdr:colOff>184150</xdr:colOff>
      <xdr:row>63</xdr:row>
      <xdr:rowOff>63754</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763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7</xdr:row>
      <xdr:rowOff>80010</xdr:rowOff>
    </xdr:from>
    <xdr:to>
      <xdr:col>19</xdr:col>
      <xdr:colOff>133350</xdr:colOff>
      <xdr:row>67</xdr:row>
      <xdr:rowOff>147574</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1567160"/>
          <a:ext cx="889000" cy="67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63246</xdr:rowOff>
    </xdr:from>
    <xdr:to>
      <xdr:col>19</xdr:col>
      <xdr:colOff>184150</xdr:colOff>
      <xdr:row>65</xdr:row>
      <xdr:rowOff>164846</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1207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573</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9763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52654</xdr:rowOff>
    </xdr:from>
    <xdr:to>
      <xdr:col>15</xdr:col>
      <xdr:colOff>82550</xdr:colOff>
      <xdr:row>67</xdr:row>
      <xdr:rowOff>147574</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2336800" y="11296904"/>
          <a:ext cx="889000" cy="337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63246</xdr:rowOff>
    </xdr:from>
    <xdr:to>
      <xdr:col>15</xdr:col>
      <xdr:colOff>133350</xdr:colOff>
      <xdr:row>65</xdr:row>
      <xdr:rowOff>164846</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207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3573</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976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52654</xdr:rowOff>
    </xdr:from>
    <xdr:to>
      <xdr:col>11</xdr:col>
      <xdr:colOff>31750</xdr:colOff>
      <xdr:row>66</xdr:row>
      <xdr:rowOff>508</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1447800" y="11296904"/>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1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17111</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918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24638</xdr:rowOff>
    </xdr:from>
    <xdr:to>
      <xdr:col>7</xdr:col>
      <xdr:colOff>31750</xdr:colOff>
      <xdr:row>65</xdr:row>
      <xdr:rowOff>126238</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168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36415</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937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22352</xdr:rowOff>
    </xdr:from>
    <xdr:to>
      <xdr:col>23</xdr:col>
      <xdr:colOff>184150</xdr:colOff>
      <xdr:row>64</xdr:row>
      <xdr:rowOff>123952</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0995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65879</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967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29210</xdr:rowOff>
    </xdr:from>
    <xdr:to>
      <xdr:col>19</xdr:col>
      <xdr:colOff>184150</xdr:colOff>
      <xdr:row>67</xdr:row>
      <xdr:rowOff>130810</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51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115587</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1602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7</xdr:row>
      <xdr:rowOff>96774</xdr:rowOff>
    </xdr:from>
    <xdr:to>
      <xdr:col>15</xdr:col>
      <xdr:colOff>133350</xdr:colOff>
      <xdr:row>68</xdr:row>
      <xdr:rowOff>26924</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58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8</xdr:row>
      <xdr:rowOff>11701</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670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01854</xdr:rowOff>
    </xdr:from>
    <xdr:to>
      <xdr:col>11</xdr:col>
      <xdr:colOff>82550</xdr:colOff>
      <xdr:row>66</xdr:row>
      <xdr:rowOff>32004</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246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6781</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332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21158</xdr:rowOff>
    </xdr:from>
    <xdr:to>
      <xdr:col>7</xdr:col>
      <xdr:colOff>31750</xdr:colOff>
      <xdr:row>66</xdr:row>
      <xdr:rowOff>51308</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265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36085</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351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4,36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　人員増等に伴い、令和３年度を含め、毎年度の人件費は微増しているものの、平成</a:t>
          </a:r>
          <a:r>
            <a:rPr kumimoji="1" lang="en-US" altLang="ja-JP" sz="1000">
              <a:latin typeface="ＭＳ Ｐゴシック" panose="020B0600070205080204" pitchFamily="50" charset="-128"/>
              <a:ea typeface="ＭＳ Ｐゴシック" panose="020B0600070205080204" pitchFamily="50" charset="-128"/>
            </a:rPr>
            <a:t>30</a:t>
          </a:r>
          <a:r>
            <a:rPr kumimoji="1" lang="ja-JP" altLang="en-US" sz="1000">
              <a:latin typeface="ＭＳ Ｐゴシック" panose="020B0600070205080204" pitchFamily="50" charset="-128"/>
              <a:ea typeface="ＭＳ Ｐゴシック" panose="020B0600070205080204" pitchFamily="50" charset="-128"/>
            </a:rPr>
            <a:t>年度以降は、「横浜市中期４か年計画」（</a:t>
          </a:r>
          <a:r>
            <a:rPr kumimoji="1" lang="en-US" altLang="ja-JP" sz="1000">
              <a:latin typeface="ＭＳ Ｐゴシック" panose="020B0600070205080204" pitchFamily="50" charset="-128"/>
              <a:ea typeface="ＭＳ Ｐゴシック" panose="020B0600070205080204" pitchFamily="50" charset="-128"/>
            </a:rPr>
            <a:t>2018</a:t>
          </a:r>
          <a:r>
            <a:rPr kumimoji="1" lang="ja-JP" altLang="en-US" sz="1000">
              <a:latin typeface="ＭＳ Ｐゴシック" panose="020B0600070205080204" pitchFamily="50" charset="-128"/>
              <a:ea typeface="ＭＳ Ｐゴシック" panose="020B0600070205080204" pitchFamily="50" charset="-128"/>
            </a:rPr>
            <a:t>～</a:t>
          </a:r>
          <a:r>
            <a:rPr kumimoji="1" lang="en-US" altLang="ja-JP" sz="1000">
              <a:latin typeface="ＭＳ Ｐゴシック" panose="020B0600070205080204" pitchFamily="50" charset="-128"/>
              <a:ea typeface="ＭＳ Ｐゴシック" panose="020B0600070205080204" pitchFamily="50" charset="-128"/>
            </a:rPr>
            <a:t>2021</a:t>
          </a:r>
          <a:r>
            <a:rPr kumimoji="1" lang="ja-JP" altLang="en-US" sz="1000">
              <a:latin typeface="ＭＳ Ｐゴシック" panose="020B0600070205080204" pitchFamily="50" charset="-128"/>
              <a:ea typeface="ＭＳ Ｐゴシック" panose="020B0600070205080204" pitchFamily="50" charset="-128"/>
            </a:rPr>
            <a:t>）において、行政ニーズや環境の変化に対応するため、経営資源を重点分野に集中させるとともに、スクラップ・アンド・ビルドの取組によって、簡素で効率的な執行体制を構築するという目標を掲げ、執行体制づくりを進めました。そのため、人口１人あたりの人件費は</a:t>
          </a:r>
          <a:r>
            <a:rPr kumimoji="1" lang="en-US" altLang="ja-JP" sz="1000">
              <a:latin typeface="ＭＳ Ｐゴシック" panose="020B0600070205080204" pitchFamily="50" charset="-128"/>
              <a:ea typeface="ＭＳ Ｐゴシック" panose="020B0600070205080204" pitchFamily="50" charset="-128"/>
            </a:rPr>
            <a:t>95,917</a:t>
          </a:r>
          <a:r>
            <a:rPr kumimoji="1" lang="ja-JP" altLang="en-US" sz="1000">
              <a:latin typeface="ＭＳ Ｐゴシック" panose="020B0600070205080204" pitchFamily="50" charset="-128"/>
              <a:ea typeface="ＭＳ Ｐゴシック" panose="020B0600070205080204" pitchFamily="50" charset="-128"/>
            </a:rPr>
            <a:t>円となっており、類似団体平均を下回っています（（</a:t>
          </a:r>
          <a:r>
            <a:rPr kumimoji="1" lang="en-US" altLang="ja-JP" sz="1000">
              <a:latin typeface="ＭＳ Ｐゴシック" panose="020B0600070205080204" pitchFamily="50" charset="-128"/>
              <a:ea typeface="ＭＳ Ｐゴシック" panose="020B0600070205080204" pitchFamily="50" charset="-128"/>
            </a:rPr>
            <a:t>5</a:t>
          </a:r>
          <a:r>
            <a:rPr kumimoji="1" lang="ja-JP" altLang="en-US" sz="1000">
              <a:latin typeface="ＭＳ Ｐゴシック" panose="020B0600070205080204" pitchFamily="50" charset="-128"/>
              <a:ea typeface="ＭＳ Ｐゴシック" panose="020B0600070205080204" pitchFamily="50" charset="-128"/>
            </a:rPr>
            <a:t>）市町村性質別歳出決算分析表参照）。</a:t>
          </a:r>
        </a:p>
        <a:p>
          <a:r>
            <a:rPr kumimoji="1" lang="ja-JP" altLang="en-US" sz="1000" strike="noStrike" baseline="0">
              <a:solidFill>
                <a:srgbClr val="FF0000"/>
              </a:solidFill>
              <a:latin typeface="ＭＳ Ｐゴシック" panose="020B0600070205080204" pitchFamily="50" charset="-128"/>
              <a:ea typeface="ＭＳ Ｐゴシック" panose="020B0600070205080204" pitchFamily="50" charset="-128"/>
            </a:rPr>
            <a:t>　</a:t>
          </a:r>
          <a:r>
            <a:rPr kumimoji="1" lang="ja-JP" altLang="en-US" sz="1000">
              <a:latin typeface="ＭＳ Ｐゴシック" panose="020B0600070205080204" pitchFamily="50" charset="-128"/>
              <a:ea typeface="ＭＳ Ｐゴシック" panose="020B0600070205080204" pitchFamily="50" charset="-128"/>
            </a:rPr>
            <a:t>令和元年度は、新市庁舎移転やラグビーワールドカップ</a:t>
          </a:r>
          <a:r>
            <a:rPr kumimoji="1" lang="en-US" altLang="ja-JP" sz="1000">
              <a:latin typeface="ＭＳ Ｐゴシック" panose="020B0600070205080204" pitchFamily="50" charset="-128"/>
              <a:ea typeface="ＭＳ Ｐゴシック" panose="020B0600070205080204" pitchFamily="50" charset="-128"/>
            </a:rPr>
            <a:t>2019</a:t>
          </a:r>
          <a:r>
            <a:rPr kumimoji="1" lang="ja-JP" altLang="en-US" sz="1000">
              <a:latin typeface="ＭＳ Ｐゴシック" panose="020B0600070205080204" pitchFamily="50" charset="-128"/>
              <a:ea typeface="ＭＳ Ｐゴシック" panose="020B0600070205080204" pitchFamily="50" charset="-128"/>
            </a:rPr>
            <a:t>開催等に伴う物件費の増、令和２年度は、ＧＩＧＡスクール構想の実施に伴う児童生徒用タブレット購入に伴う物件費の増等により上昇</a:t>
          </a:r>
          <a:r>
            <a:rPr kumimoji="1" lang="ja-JP" altLang="en-US" sz="1000" strike="noStrike" baseline="0">
              <a:solidFill>
                <a:schemeClr val="tx1"/>
              </a:solidFill>
              <a:latin typeface="ＭＳ Ｐゴシック" panose="020B0600070205080204" pitchFamily="50" charset="-128"/>
              <a:ea typeface="ＭＳ Ｐゴシック" panose="020B0600070205080204" pitchFamily="50" charset="-128"/>
            </a:rPr>
            <a:t>しました</a:t>
          </a:r>
          <a:r>
            <a:rPr kumimoji="1" lang="ja-JP" altLang="en-US" sz="1000">
              <a:latin typeface="ＭＳ Ｐゴシック" panose="020B0600070205080204" pitchFamily="50" charset="-128"/>
              <a:ea typeface="ＭＳ Ｐゴシック" panose="020B0600070205080204" pitchFamily="50" charset="-128"/>
            </a:rPr>
            <a:t>。令和３年度は、新型コロナウイルスワクチン接種</a:t>
          </a:r>
          <a:r>
            <a:rPr kumimoji="1" lang="ja-JP" altLang="en-US" sz="1000">
              <a:solidFill>
                <a:schemeClr val="tx1"/>
              </a:solidFill>
              <a:latin typeface="ＭＳ Ｐゴシック" panose="020B0600070205080204" pitchFamily="50" charset="-128"/>
              <a:ea typeface="ＭＳ Ｐゴシック" panose="020B0600070205080204" pitchFamily="50" charset="-128"/>
            </a:rPr>
            <a:t>業務委託</a:t>
          </a:r>
          <a:r>
            <a:rPr kumimoji="1" lang="ja-JP" altLang="en-US" sz="1000">
              <a:latin typeface="ＭＳ Ｐゴシック" panose="020B0600070205080204" pitchFamily="50" charset="-128"/>
              <a:ea typeface="ＭＳ Ｐゴシック" panose="020B0600070205080204" pitchFamily="50" charset="-128"/>
            </a:rPr>
            <a:t>に伴う物件費の増等により上昇しましたが、引き続き、類似団体内では最少となっています。  </a:t>
          </a:r>
          <a:endParaRPr kumimoji="1" lang="en-US" altLang="ja-JP" sz="10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4</xdr:row>
      <xdr:rowOff>89869</xdr:rowOff>
    </xdr:from>
    <xdr:to>
      <xdr:col>23</xdr:col>
      <xdr:colOff>133350</xdr:colOff>
      <xdr:row>89</xdr:row>
      <xdr:rowOff>116481</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flipV="1">
          <a:off x="4953000" y="14491669"/>
          <a:ext cx="0" cy="88386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88558</xdr:rowOff>
    </xdr:from>
    <xdr:ext cx="762000" cy="259045"/>
    <xdr:sp macro="" textlink="">
      <xdr:nvSpPr>
        <xdr:cNvPr id="189" name="人件費・物件費等の状況最小値テキスト">
          <a:extLst>
            <a:ext uri="{FF2B5EF4-FFF2-40B4-BE49-F238E27FC236}">
              <a16:creationId xmlns:a16="http://schemas.microsoft.com/office/drawing/2014/main" id="{00000000-0008-0000-0300-0000BD000000}"/>
            </a:ext>
          </a:extLst>
        </xdr:cNvPr>
        <xdr:cNvSpPr txBox="1"/>
      </xdr:nvSpPr>
      <xdr:spPr>
        <a:xfrm>
          <a:off x="5041900" y="153476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16481</xdr:rowOff>
    </xdr:from>
    <xdr:to>
      <xdr:col>24</xdr:col>
      <xdr:colOff>12700</xdr:colOff>
      <xdr:row>89</xdr:row>
      <xdr:rowOff>116481</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5375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4796</xdr:rowOff>
    </xdr:from>
    <xdr:ext cx="762000" cy="259045"/>
    <xdr:sp macro="" textlink="">
      <xdr:nvSpPr>
        <xdr:cNvPr id="191" name="人件費・物件費等の状況最大値テキスト">
          <a:extLst>
            <a:ext uri="{FF2B5EF4-FFF2-40B4-BE49-F238E27FC236}">
              <a16:creationId xmlns:a16="http://schemas.microsoft.com/office/drawing/2014/main" id="{00000000-0008-0000-0300-0000BF000000}"/>
            </a:ext>
          </a:extLst>
        </xdr:cNvPr>
        <xdr:cNvSpPr txBox="1"/>
      </xdr:nvSpPr>
      <xdr:spPr>
        <a:xfrm>
          <a:off x="5041900" y="14235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4</xdr:row>
      <xdr:rowOff>89869</xdr:rowOff>
    </xdr:from>
    <xdr:to>
      <xdr:col>24</xdr:col>
      <xdr:colOff>12700</xdr:colOff>
      <xdr:row>84</xdr:row>
      <xdr:rowOff>89869</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4491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77750</xdr:rowOff>
    </xdr:from>
    <xdr:to>
      <xdr:col>23</xdr:col>
      <xdr:colOff>133350</xdr:colOff>
      <xdr:row>84</xdr:row>
      <xdr:rowOff>89869</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114800" y="14308100"/>
          <a:ext cx="838200" cy="183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6</xdr:row>
      <xdr:rowOff>46122</xdr:rowOff>
    </xdr:from>
    <xdr:ext cx="762000" cy="259045"/>
    <xdr:sp macro="" textlink="">
      <xdr:nvSpPr>
        <xdr:cNvPr id="194" name="人件費・物件費等の状況平均値テキスト">
          <a:extLst>
            <a:ext uri="{FF2B5EF4-FFF2-40B4-BE49-F238E27FC236}">
              <a16:creationId xmlns:a16="http://schemas.microsoft.com/office/drawing/2014/main" id="{00000000-0008-0000-0300-0000C2000000}"/>
            </a:ext>
          </a:extLst>
        </xdr:cNvPr>
        <xdr:cNvSpPr txBox="1"/>
      </xdr:nvSpPr>
      <xdr:spPr>
        <a:xfrm>
          <a:off x="5041900" y="147908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3,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74045</xdr:rowOff>
    </xdr:from>
    <xdr:to>
      <xdr:col>23</xdr:col>
      <xdr:colOff>184150</xdr:colOff>
      <xdr:row>87</xdr:row>
      <xdr:rowOff>4195</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902200" y="14818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85237</xdr:rowOff>
    </xdr:from>
    <xdr:to>
      <xdr:col>19</xdr:col>
      <xdr:colOff>133350</xdr:colOff>
      <xdr:row>83</xdr:row>
      <xdr:rowOff>77750</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3225800" y="14144137"/>
          <a:ext cx="889000" cy="163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158896</xdr:rowOff>
    </xdr:from>
    <xdr:to>
      <xdr:col>19</xdr:col>
      <xdr:colOff>184150</xdr:colOff>
      <xdr:row>85</xdr:row>
      <xdr:rowOff>89046</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064000" y="1456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73823</xdr:rowOff>
    </xdr:from>
    <xdr:ext cx="736600" cy="259045"/>
    <xdr:sp macro="" textlink="">
      <xdr:nvSpPr>
        <xdr:cNvPr id="198" name="テキスト ボックス 197">
          <a:extLst>
            <a:ext uri="{FF2B5EF4-FFF2-40B4-BE49-F238E27FC236}">
              <a16:creationId xmlns:a16="http://schemas.microsoft.com/office/drawing/2014/main" id="{00000000-0008-0000-0300-0000C6000000}"/>
            </a:ext>
          </a:extLst>
        </xdr:cNvPr>
        <xdr:cNvSpPr txBox="1"/>
      </xdr:nvSpPr>
      <xdr:spPr>
        <a:xfrm>
          <a:off x="3733800" y="146470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30583</xdr:rowOff>
    </xdr:from>
    <xdr:to>
      <xdr:col>15</xdr:col>
      <xdr:colOff>82550</xdr:colOff>
      <xdr:row>82</xdr:row>
      <xdr:rowOff>85237</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2336800" y="14089483"/>
          <a:ext cx="889000" cy="54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4</xdr:row>
      <xdr:rowOff>11179</xdr:rowOff>
    </xdr:from>
    <xdr:to>
      <xdr:col>15</xdr:col>
      <xdr:colOff>133350</xdr:colOff>
      <xdr:row>84</xdr:row>
      <xdr:rowOff>112779</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3175000" y="14412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97556</xdr:rowOff>
    </xdr:from>
    <xdr:ext cx="762000" cy="259045"/>
    <xdr:sp macro="" textlink="">
      <xdr:nvSpPr>
        <xdr:cNvPr id="201" name="テキスト ボックス 200">
          <a:extLst>
            <a:ext uri="{FF2B5EF4-FFF2-40B4-BE49-F238E27FC236}">
              <a16:creationId xmlns:a16="http://schemas.microsoft.com/office/drawing/2014/main" id="{00000000-0008-0000-0300-0000C9000000}"/>
            </a:ext>
          </a:extLst>
        </xdr:cNvPr>
        <xdr:cNvSpPr txBox="1"/>
      </xdr:nvSpPr>
      <xdr:spPr>
        <a:xfrm>
          <a:off x="2844800" y="14499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4623</xdr:rowOff>
    </xdr:from>
    <xdr:to>
      <xdr:col>11</xdr:col>
      <xdr:colOff>31750</xdr:colOff>
      <xdr:row>82</xdr:row>
      <xdr:rowOff>30583</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a:off x="1447800" y="14063523"/>
          <a:ext cx="889000" cy="25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36903</xdr:rowOff>
    </xdr:from>
    <xdr:to>
      <xdr:col>11</xdr:col>
      <xdr:colOff>82550</xdr:colOff>
      <xdr:row>84</xdr:row>
      <xdr:rowOff>67053</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2286000" y="14367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51830</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955800" y="144536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36099</xdr:rowOff>
    </xdr:from>
    <xdr:to>
      <xdr:col>7</xdr:col>
      <xdr:colOff>31750</xdr:colOff>
      <xdr:row>84</xdr:row>
      <xdr:rowOff>66249</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1397000" y="14366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51026</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066800" y="14452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39069</xdr:rowOff>
    </xdr:from>
    <xdr:to>
      <xdr:col>23</xdr:col>
      <xdr:colOff>184150</xdr:colOff>
      <xdr:row>84</xdr:row>
      <xdr:rowOff>140669</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902200" y="14440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31796</xdr:rowOff>
    </xdr:from>
    <xdr:ext cx="762000" cy="259045"/>
    <xdr:sp macro="" textlink="">
      <xdr:nvSpPr>
        <xdr:cNvPr id="213" name="人件費・物件費等の状況該当値テキスト">
          <a:extLst>
            <a:ext uri="{FF2B5EF4-FFF2-40B4-BE49-F238E27FC236}">
              <a16:creationId xmlns:a16="http://schemas.microsoft.com/office/drawing/2014/main" id="{00000000-0008-0000-0300-0000D5000000}"/>
            </a:ext>
          </a:extLst>
        </xdr:cNvPr>
        <xdr:cNvSpPr txBox="1"/>
      </xdr:nvSpPr>
      <xdr:spPr>
        <a:xfrm>
          <a:off x="5041900" y="14362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26950</xdr:rowOff>
    </xdr:from>
    <xdr:to>
      <xdr:col>19</xdr:col>
      <xdr:colOff>184150</xdr:colOff>
      <xdr:row>83</xdr:row>
      <xdr:rowOff>128550</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064000" y="142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8727</xdr:rowOff>
    </xdr:from>
    <xdr:ext cx="7366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3733800" y="14026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34437</xdr:rowOff>
    </xdr:from>
    <xdr:to>
      <xdr:col>15</xdr:col>
      <xdr:colOff>133350</xdr:colOff>
      <xdr:row>82</xdr:row>
      <xdr:rowOff>136037</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3175000" y="14093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46214</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2844800" y="13862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51233</xdr:rowOff>
    </xdr:from>
    <xdr:to>
      <xdr:col>11</xdr:col>
      <xdr:colOff>82550</xdr:colOff>
      <xdr:row>82</xdr:row>
      <xdr:rowOff>81383</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2286000" y="14038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91560</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955800" y="13807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25273</xdr:rowOff>
    </xdr:from>
    <xdr:to>
      <xdr:col>7</xdr:col>
      <xdr:colOff>31750</xdr:colOff>
      <xdr:row>82</xdr:row>
      <xdr:rowOff>55423</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1397000" y="14012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65600</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066800" y="13781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a:t>
          </a:r>
          <a:r>
            <a:rPr kumimoji="1" lang="en-US" altLang="ja-JP" sz="1300">
              <a:latin typeface="ＭＳ Ｐゴシック" panose="020B0600070205080204" pitchFamily="50" charset="-128"/>
              <a:ea typeface="ＭＳ Ｐゴシック" panose="020B0600070205080204" pitchFamily="50" charset="-128"/>
            </a:rPr>
            <a:t>31</a:t>
          </a:r>
          <a:r>
            <a:rPr kumimoji="1" lang="ja-JP" altLang="en-US" sz="1300">
              <a:latin typeface="ＭＳ Ｐゴシック" panose="020B0600070205080204" pitchFamily="50" charset="-128"/>
              <a:ea typeface="ＭＳ Ｐゴシック" panose="020B0600070205080204" pitchFamily="50" charset="-128"/>
            </a:rPr>
            <a:t>年４月１日現在）、令和元年度（令和２年４月１日現在）及び令和２年度（令和３年４月１日現在）は、それぞれの年度の採用者・退職者の影響により、前年度と比較して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令和元年度は</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令和２年度は</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低下しました。</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62561</xdr:rowOff>
    </xdr:from>
    <xdr:to>
      <xdr:col>81</xdr:col>
      <xdr:colOff>44450</xdr:colOff>
      <xdr:row>90</xdr:row>
      <xdr:rowOff>1905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7018000" y="14050011"/>
          <a:ext cx="0" cy="13995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62577</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7106900" y="1542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19050</xdr:rowOff>
    </xdr:from>
    <xdr:to>
      <xdr:col>81</xdr:col>
      <xdr:colOff>133350</xdr:colOff>
      <xdr:row>90</xdr:row>
      <xdr:rowOff>1905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6929100" y="1544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77488</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7106900" y="13793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62561</xdr:rowOff>
    </xdr:from>
    <xdr:to>
      <xdr:col>81</xdr:col>
      <xdr:colOff>133350</xdr:colOff>
      <xdr:row>81</xdr:row>
      <xdr:rowOff>162561</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4050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77470</xdr:rowOff>
    </xdr:from>
    <xdr:to>
      <xdr:col>81</xdr:col>
      <xdr:colOff>44450</xdr:colOff>
      <xdr:row>86</xdr:row>
      <xdr:rowOff>7747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6179800" y="1482217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66388</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7106900" y="145681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49861</xdr:rowOff>
    </xdr:from>
    <xdr:to>
      <xdr:col>81</xdr:col>
      <xdr:colOff>95250</xdr:colOff>
      <xdr:row>86</xdr:row>
      <xdr:rowOff>80011</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6967200" y="1472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77470</xdr:rowOff>
    </xdr:from>
    <xdr:to>
      <xdr:col>77</xdr:col>
      <xdr:colOff>44450</xdr:colOff>
      <xdr:row>86</xdr:row>
      <xdr:rowOff>125730</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5290800" y="1482217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49861</xdr:rowOff>
    </xdr:from>
    <xdr:to>
      <xdr:col>77</xdr:col>
      <xdr:colOff>95250</xdr:colOff>
      <xdr:row>86</xdr:row>
      <xdr:rowOff>80011</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129000" y="1472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90188</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5798800" y="144919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25730</xdr:rowOff>
    </xdr:from>
    <xdr:to>
      <xdr:col>72</xdr:col>
      <xdr:colOff>203200</xdr:colOff>
      <xdr:row>86</xdr:row>
      <xdr:rowOff>149861</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flipV="1">
          <a:off x="14401800" y="14870430"/>
          <a:ext cx="8890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26670</xdr:rowOff>
    </xdr:from>
    <xdr:to>
      <xdr:col>73</xdr:col>
      <xdr:colOff>44450</xdr:colOff>
      <xdr:row>86</xdr:row>
      <xdr:rowOff>128270</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240000" y="1477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38447</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4909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49861</xdr:rowOff>
    </xdr:from>
    <xdr:to>
      <xdr:col>68</xdr:col>
      <xdr:colOff>152400</xdr:colOff>
      <xdr:row>87</xdr:row>
      <xdr:rowOff>50800</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flipV="1">
          <a:off x="13512800" y="14894561"/>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26670</xdr:rowOff>
    </xdr:from>
    <xdr:to>
      <xdr:col>68</xdr:col>
      <xdr:colOff>203200</xdr:colOff>
      <xdr:row>86</xdr:row>
      <xdr:rowOff>128270</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4351000" y="1477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38447</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020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23189</xdr:rowOff>
    </xdr:from>
    <xdr:to>
      <xdr:col>64</xdr:col>
      <xdr:colOff>152400</xdr:colOff>
      <xdr:row>87</xdr:row>
      <xdr:rowOff>53339</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462000" y="14867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63516</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131800" y="14636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26670</xdr:rowOff>
    </xdr:from>
    <xdr:to>
      <xdr:col>81</xdr:col>
      <xdr:colOff>95250</xdr:colOff>
      <xdr:row>86</xdr:row>
      <xdr:rowOff>128270</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69672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70197</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7106900" y="14743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26670</xdr:rowOff>
    </xdr:from>
    <xdr:to>
      <xdr:col>77</xdr:col>
      <xdr:colOff>95250</xdr:colOff>
      <xdr:row>86</xdr:row>
      <xdr:rowOff>128270</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1290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13047</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798800" y="148577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4930</xdr:rowOff>
    </xdr:from>
    <xdr:to>
      <xdr:col>73</xdr:col>
      <xdr:colOff>44450</xdr:colOff>
      <xdr:row>87</xdr:row>
      <xdr:rowOff>5080</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5240000" y="1481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130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909800" y="1490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99061</xdr:rowOff>
    </xdr:from>
    <xdr:to>
      <xdr:col>68</xdr:col>
      <xdr:colOff>203200</xdr:colOff>
      <xdr:row>87</xdr:row>
      <xdr:rowOff>29211</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4351000" y="14843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3988</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020800" y="14930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0</xdr:rowOff>
    </xdr:from>
    <xdr:to>
      <xdr:col>64</xdr:col>
      <xdr:colOff>152400</xdr:colOff>
      <xdr:row>87</xdr:row>
      <xdr:rowOff>101600</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3462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86377</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131800" y="1500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横浜市中期４か年計画」（</a:t>
          </a:r>
          <a:r>
            <a:rPr kumimoji="1" lang="en-US" altLang="ja-JP" sz="1100">
              <a:latin typeface="ＭＳ Ｐゴシック" panose="020B0600070205080204" pitchFamily="50" charset="-128"/>
              <a:ea typeface="ＭＳ Ｐゴシック" panose="020B0600070205080204" pitchFamily="50" charset="-128"/>
            </a:rPr>
            <a:t>2018</a:t>
          </a:r>
          <a:r>
            <a:rPr kumimoji="1" lang="ja-JP" altLang="en-US" sz="1100">
              <a:latin typeface="ＭＳ Ｐゴシック" panose="020B0600070205080204" pitchFamily="50" charset="-128"/>
              <a:ea typeface="ＭＳ Ｐゴシック" panose="020B0600070205080204" pitchFamily="50" charset="-128"/>
            </a:rPr>
            <a:t>～</a:t>
          </a:r>
          <a:r>
            <a:rPr kumimoji="1" lang="en-US" altLang="ja-JP" sz="1100">
              <a:latin typeface="ＭＳ Ｐゴシック" panose="020B0600070205080204" pitchFamily="50" charset="-128"/>
              <a:ea typeface="ＭＳ Ｐゴシック" panose="020B0600070205080204" pitchFamily="50" charset="-128"/>
            </a:rPr>
            <a:t>2021</a:t>
          </a:r>
          <a:r>
            <a:rPr kumimoji="1" lang="ja-JP" altLang="en-US" sz="1100">
              <a:latin typeface="ＭＳ Ｐゴシック" panose="020B0600070205080204" pitchFamily="50" charset="-128"/>
              <a:ea typeface="ＭＳ Ｐゴシック" panose="020B0600070205080204" pitchFamily="50" charset="-128"/>
            </a:rPr>
            <a:t>）において、行政ニーズや環境の変化に対応するため、経営資源を重点分野に集中させるとともに、スクラップ・アンド・ビルドの取組によって、簡素で効率的な執行体制を構築するという目標を掲げ、執行体制づくりを進めました。</a:t>
          </a:r>
        </a:p>
        <a:p>
          <a:r>
            <a:rPr kumimoji="1" lang="ja-JP" altLang="en-US" sz="1100">
              <a:latin typeface="ＭＳ Ｐゴシック" panose="020B0600070205080204" pitchFamily="50" charset="-128"/>
              <a:ea typeface="ＭＳ Ｐゴシック" panose="020B0600070205080204" pitchFamily="50" charset="-128"/>
            </a:rPr>
            <a:t>　人口</a:t>
          </a:r>
          <a:r>
            <a:rPr kumimoji="1" lang="en-US" altLang="ja-JP" sz="1100">
              <a:latin typeface="ＭＳ Ｐゴシック" panose="020B0600070205080204" pitchFamily="50" charset="-128"/>
              <a:ea typeface="ＭＳ Ｐゴシック" panose="020B0600070205080204" pitchFamily="50" charset="-128"/>
            </a:rPr>
            <a:t>1,000</a:t>
          </a:r>
          <a:r>
            <a:rPr kumimoji="1" lang="ja-JP" altLang="en-US" sz="1100">
              <a:latin typeface="ＭＳ Ｐゴシック" panose="020B0600070205080204" pitchFamily="50" charset="-128"/>
              <a:ea typeface="ＭＳ Ｐゴシック" panose="020B0600070205080204" pitchFamily="50" charset="-128"/>
            </a:rPr>
            <a:t>人当たりの職員数は、類似団体の平均を大きく下回っています。</a:t>
          </a:r>
        </a:p>
        <a:p>
          <a:r>
            <a:rPr kumimoji="1" lang="ja-JP" altLang="en-US" sz="1100">
              <a:latin typeface="ＭＳ Ｐゴシック" panose="020B0600070205080204" pitchFamily="50" charset="-128"/>
              <a:ea typeface="ＭＳ Ｐゴシック" panose="020B0600070205080204" pitchFamily="50" charset="-128"/>
            </a:rPr>
            <a:t>　今後も、新規事業や重点施策へ対応するための人員は既存事業の見直しにより捻出するという考え方を基本として、既存施策・事業のあり方、仕事の進め方を見直すことにより、効率的・効果的な執行体制づくりを行っていきます。</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a:extLst>
            <a:ext uri="{FF2B5EF4-FFF2-40B4-BE49-F238E27FC236}">
              <a16:creationId xmlns:a16="http://schemas.microsoft.com/office/drawing/2014/main" id="{00000000-0008-0000-0300-000036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61595</xdr:rowOff>
    </xdr:from>
    <xdr:to>
      <xdr:col>81</xdr:col>
      <xdr:colOff>44450</xdr:colOff>
      <xdr:row>66</xdr:row>
      <xdr:rowOff>122767</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flipV="1">
          <a:off x="17018000" y="10348595"/>
          <a:ext cx="0" cy="10898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94844</xdr:rowOff>
    </xdr:from>
    <xdr:ext cx="762000" cy="259045"/>
    <xdr:sp macro="" textlink="">
      <xdr:nvSpPr>
        <xdr:cNvPr id="312" name="定員管理の状況最小値テキスト">
          <a:extLst>
            <a:ext uri="{FF2B5EF4-FFF2-40B4-BE49-F238E27FC236}">
              <a16:creationId xmlns:a16="http://schemas.microsoft.com/office/drawing/2014/main" id="{00000000-0008-0000-0300-000038010000}"/>
            </a:ext>
          </a:extLst>
        </xdr:cNvPr>
        <xdr:cNvSpPr txBox="1"/>
      </xdr:nvSpPr>
      <xdr:spPr>
        <a:xfrm>
          <a:off x="17106900" y="1141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22767</xdr:rowOff>
    </xdr:from>
    <xdr:to>
      <xdr:col>81</xdr:col>
      <xdr:colOff>133350</xdr:colOff>
      <xdr:row>66</xdr:row>
      <xdr:rowOff>122767</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6929100" y="1143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47972</xdr:rowOff>
    </xdr:from>
    <xdr:ext cx="762000" cy="259045"/>
    <xdr:sp macro="" textlink="">
      <xdr:nvSpPr>
        <xdr:cNvPr id="314" name="定員管理の状況最大値テキスト">
          <a:extLst>
            <a:ext uri="{FF2B5EF4-FFF2-40B4-BE49-F238E27FC236}">
              <a16:creationId xmlns:a16="http://schemas.microsoft.com/office/drawing/2014/main" id="{00000000-0008-0000-0300-00003A010000}"/>
            </a:ext>
          </a:extLst>
        </xdr:cNvPr>
        <xdr:cNvSpPr txBox="1"/>
      </xdr:nvSpPr>
      <xdr:spPr>
        <a:xfrm>
          <a:off x="17106900" y="10092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61595</xdr:rowOff>
    </xdr:from>
    <xdr:to>
      <xdr:col>81</xdr:col>
      <xdr:colOff>133350</xdr:colOff>
      <xdr:row>60</xdr:row>
      <xdr:rowOff>61595</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10348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2752</xdr:rowOff>
    </xdr:from>
    <xdr:to>
      <xdr:col>81</xdr:col>
      <xdr:colOff>44450</xdr:colOff>
      <xdr:row>61</xdr:row>
      <xdr:rowOff>6773</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6179800" y="10461202"/>
          <a:ext cx="8382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3</xdr:row>
      <xdr:rowOff>39598</xdr:rowOff>
    </xdr:from>
    <xdr:ext cx="762000" cy="259045"/>
    <xdr:sp macro="" textlink="">
      <xdr:nvSpPr>
        <xdr:cNvPr id="317" name="定員管理の状況平均値テキスト">
          <a:extLst>
            <a:ext uri="{FF2B5EF4-FFF2-40B4-BE49-F238E27FC236}">
              <a16:creationId xmlns:a16="http://schemas.microsoft.com/office/drawing/2014/main" id="{00000000-0008-0000-0300-00003D010000}"/>
            </a:ext>
          </a:extLst>
        </xdr:cNvPr>
        <xdr:cNvSpPr txBox="1"/>
      </xdr:nvSpPr>
      <xdr:spPr>
        <a:xfrm>
          <a:off x="17106900" y="108409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67521</xdr:rowOff>
    </xdr:from>
    <xdr:to>
      <xdr:col>81</xdr:col>
      <xdr:colOff>95250</xdr:colOff>
      <xdr:row>63</xdr:row>
      <xdr:rowOff>169121</xdr:rowOff>
    </xdr:to>
    <xdr:sp macro="" textlink="">
      <xdr:nvSpPr>
        <xdr:cNvPr id="318" name="フローチャート: 判断 317">
          <a:extLst>
            <a:ext uri="{FF2B5EF4-FFF2-40B4-BE49-F238E27FC236}">
              <a16:creationId xmlns:a16="http://schemas.microsoft.com/office/drawing/2014/main" id="{00000000-0008-0000-0300-00003E010000}"/>
            </a:ext>
          </a:extLst>
        </xdr:cNvPr>
        <xdr:cNvSpPr/>
      </xdr:nvSpPr>
      <xdr:spPr>
        <a:xfrm>
          <a:off x="16967200" y="10868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53552</xdr:rowOff>
    </xdr:from>
    <xdr:to>
      <xdr:col>77</xdr:col>
      <xdr:colOff>44450</xdr:colOff>
      <xdr:row>61</xdr:row>
      <xdr:rowOff>2752</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5290800" y="10340552"/>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3</xdr:row>
      <xdr:rowOff>55456</xdr:rowOff>
    </xdr:from>
    <xdr:to>
      <xdr:col>77</xdr:col>
      <xdr:colOff>95250</xdr:colOff>
      <xdr:row>63</xdr:row>
      <xdr:rowOff>157056</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129000" y="1085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141833</xdr:rowOff>
    </xdr:from>
    <xdr:ext cx="736600" cy="259045"/>
    <xdr:sp macro="" textlink="">
      <xdr:nvSpPr>
        <xdr:cNvPr id="321" name="テキスト ボックス 320">
          <a:extLst>
            <a:ext uri="{FF2B5EF4-FFF2-40B4-BE49-F238E27FC236}">
              <a16:creationId xmlns:a16="http://schemas.microsoft.com/office/drawing/2014/main" id="{00000000-0008-0000-0300-000041010000}"/>
            </a:ext>
          </a:extLst>
        </xdr:cNvPr>
        <xdr:cNvSpPr txBox="1"/>
      </xdr:nvSpPr>
      <xdr:spPr>
        <a:xfrm>
          <a:off x="15798800" y="109431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40546</xdr:rowOff>
    </xdr:from>
    <xdr:to>
      <xdr:col>72</xdr:col>
      <xdr:colOff>203200</xdr:colOff>
      <xdr:row>60</xdr:row>
      <xdr:rowOff>53552</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4401800" y="10256096"/>
          <a:ext cx="889000" cy="84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70062</xdr:rowOff>
    </xdr:from>
    <xdr:to>
      <xdr:col>73</xdr:col>
      <xdr:colOff>44450</xdr:colOff>
      <xdr:row>63</xdr:row>
      <xdr:rowOff>212</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5240000" y="10699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56439</xdr:rowOff>
    </xdr:from>
    <xdr:ext cx="762000" cy="259045"/>
    <xdr:sp macro="" textlink="">
      <xdr:nvSpPr>
        <xdr:cNvPr id="324" name="テキスト ボックス 323">
          <a:extLst>
            <a:ext uri="{FF2B5EF4-FFF2-40B4-BE49-F238E27FC236}">
              <a16:creationId xmlns:a16="http://schemas.microsoft.com/office/drawing/2014/main" id="{00000000-0008-0000-0300-000044010000}"/>
            </a:ext>
          </a:extLst>
        </xdr:cNvPr>
        <xdr:cNvSpPr txBox="1"/>
      </xdr:nvSpPr>
      <xdr:spPr>
        <a:xfrm>
          <a:off x="14909800" y="10786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36525</xdr:rowOff>
    </xdr:from>
    <xdr:to>
      <xdr:col>68</xdr:col>
      <xdr:colOff>152400</xdr:colOff>
      <xdr:row>59</xdr:row>
      <xdr:rowOff>140546</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3512800" y="10252075"/>
          <a:ext cx="8890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9737</xdr:rowOff>
    </xdr:from>
    <xdr:to>
      <xdr:col>68</xdr:col>
      <xdr:colOff>203200</xdr:colOff>
      <xdr:row>62</xdr:row>
      <xdr:rowOff>111337</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4351000" y="10639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96114</xdr:rowOff>
    </xdr:from>
    <xdr:ext cx="7620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4020800" y="107260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694</xdr:rowOff>
    </xdr:from>
    <xdr:to>
      <xdr:col>64</xdr:col>
      <xdr:colOff>152400</xdr:colOff>
      <xdr:row>62</xdr:row>
      <xdr:rowOff>103294</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3462000" y="10631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88071</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3131800" y="10717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27423</xdr:rowOff>
    </xdr:from>
    <xdr:to>
      <xdr:col>81</xdr:col>
      <xdr:colOff>95250</xdr:colOff>
      <xdr:row>61</xdr:row>
      <xdr:rowOff>57573</xdr:rowOff>
    </xdr:to>
    <xdr:sp macro="" textlink="">
      <xdr:nvSpPr>
        <xdr:cNvPr id="335" name="楕円 334">
          <a:extLst>
            <a:ext uri="{FF2B5EF4-FFF2-40B4-BE49-F238E27FC236}">
              <a16:creationId xmlns:a16="http://schemas.microsoft.com/office/drawing/2014/main" id="{00000000-0008-0000-0300-00004F010000}"/>
            </a:ext>
          </a:extLst>
        </xdr:cNvPr>
        <xdr:cNvSpPr/>
      </xdr:nvSpPr>
      <xdr:spPr>
        <a:xfrm>
          <a:off x="16967200" y="10414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48700</xdr:rowOff>
    </xdr:from>
    <xdr:ext cx="762000" cy="259045"/>
    <xdr:sp macro="" textlink="">
      <xdr:nvSpPr>
        <xdr:cNvPr id="336" name="定員管理の状況該当値テキスト">
          <a:extLst>
            <a:ext uri="{FF2B5EF4-FFF2-40B4-BE49-F238E27FC236}">
              <a16:creationId xmlns:a16="http://schemas.microsoft.com/office/drawing/2014/main" id="{00000000-0008-0000-0300-000050010000}"/>
            </a:ext>
          </a:extLst>
        </xdr:cNvPr>
        <xdr:cNvSpPr txBox="1"/>
      </xdr:nvSpPr>
      <xdr:spPr>
        <a:xfrm>
          <a:off x="17106900" y="103357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23402</xdr:rowOff>
    </xdr:from>
    <xdr:to>
      <xdr:col>77</xdr:col>
      <xdr:colOff>95250</xdr:colOff>
      <xdr:row>61</xdr:row>
      <xdr:rowOff>53552</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129000" y="10410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63729</xdr:rowOff>
    </xdr:from>
    <xdr:ext cx="7366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798800" y="101792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2752</xdr:rowOff>
    </xdr:from>
    <xdr:to>
      <xdr:col>73</xdr:col>
      <xdr:colOff>44450</xdr:colOff>
      <xdr:row>60</xdr:row>
      <xdr:rowOff>104352</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5240000" y="1028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14529</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4909800" y="10058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89746</xdr:rowOff>
    </xdr:from>
    <xdr:to>
      <xdr:col>68</xdr:col>
      <xdr:colOff>203200</xdr:colOff>
      <xdr:row>60</xdr:row>
      <xdr:rowOff>19896</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4351000" y="10205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30073</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020800" y="9974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85725</xdr:rowOff>
    </xdr:from>
    <xdr:to>
      <xdr:col>64</xdr:col>
      <xdr:colOff>152400</xdr:colOff>
      <xdr:row>60</xdr:row>
      <xdr:rowOff>15875</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3462000" y="10201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26052</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3131800" y="9970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a:extLst>
            <a:ext uri="{FF2B5EF4-FFF2-40B4-BE49-F238E27FC236}">
              <a16:creationId xmlns:a16="http://schemas.microsoft.com/office/drawing/2014/main" id="{00000000-0008-0000-0300-000059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a:extLst>
            <a:ext uri="{FF2B5EF4-FFF2-40B4-BE49-F238E27FC236}">
              <a16:creationId xmlns:a16="http://schemas.microsoft.com/office/drawing/2014/main" id="{00000000-0008-0000-0300-00005C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経済事情の変動による公債費の財源不足に伴い減債基金の一部を活用し、算定上の積立不足額が生じていることなどから、類似団体の中では高い水準となっています。</a:t>
          </a:r>
        </a:p>
        <a:p>
          <a:r>
            <a:rPr kumimoji="1" lang="ja-JP" altLang="en-US" sz="1200">
              <a:latin typeface="ＭＳ Ｐゴシック" panose="020B0600070205080204" pitchFamily="50" charset="-128"/>
              <a:ea typeface="ＭＳ Ｐゴシック" panose="020B0600070205080204" pitchFamily="50" charset="-128"/>
            </a:rPr>
            <a:t>　令和元年度までは、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の県費負担教職員の本市への移管に伴う標準財政規模の増加などにより低下傾向にありました。</a:t>
          </a:r>
        </a:p>
        <a:p>
          <a:r>
            <a:rPr kumimoji="1" lang="ja-JP" altLang="en-US" sz="1200">
              <a:latin typeface="ＭＳ Ｐゴシック" panose="020B0600070205080204" pitchFamily="50" charset="-128"/>
              <a:ea typeface="ＭＳ Ｐゴシック" panose="020B0600070205080204" pitchFamily="50" charset="-128"/>
            </a:rPr>
            <a:t>　令和３年度は、算定対象から除外される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単年度数値と比較して、令和３年度単年度数値において分子から控除される特定財源の減があったことなどにより、やや上昇しています。</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58" name="テキスト ボックス 357">
          <a:extLst>
            <a:ext uri="{FF2B5EF4-FFF2-40B4-BE49-F238E27FC236}">
              <a16:creationId xmlns:a16="http://schemas.microsoft.com/office/drawing/2014/main" id="{00000000-0008-0000-0300-000066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a:extLst>
            <a:ext uri="{FF2B5EF4-FFF2-40B4-BE49-F238E27FC236}">
              <a16:creationId xmlns:a16="http://schemas.microsoft.com/office/drawing/2014/main" id="{00000000-0008-0000-0300-000067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4</xdr:row>
      <xdr:rowOff>151691</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a16="http://schemas.microsoft.com/office/drawing/2014/main"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57843</xdr:rowOff>
    </xdr:from>
    <xdr:to>
      <xdr:col>81</xdr:col>
      <xdr:colOff>44450</xdr:colOff>
      <xdr:row>43</xdr:row>
      <xdr:rowOff>106741</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flipV="1">
          <a:off x="17018000" y="6330043"/>
          <a:ext cx="0" cy="114904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78818</xdr:rowOff>
    </xdr:from>
    <xdr:ext cx="762000" cy="259045"/>
    <xdr:sp macro="" textlink="">
      <xdr:nvSpPr>
        <xdr:cNvPr id="376" name="公債費負担の状況最小値テキスト">
          <a:extLst>
            <a:ext uri="{FF2B5EF4-FFF2-40B4-BE49-F238E27FC236}">
              <a16:creationId xmlns:a16="http://schemas.microsoft.com/office/drawing/2014/main" id="{00000000-0008-0000-0300-000078010000}"/>
            </a:ext>
          </a:extLst>
        </xdr:cNvPr>
        <xdr:cNvSpPr txBox="1"/>
      </xdr:nvSpPr>
      <xdr:spPr>
        <a:xfrm>
          <a:off x="17106900" y="74511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3</xdr:row>
      <xdr:rowOff>106741</xdr:rowOff>
    </xdr:from>
    <xdr:to>
      <xdr:col>81</xdr:col>
      <xdr:colOff>133350</xdr:colOff>
      <xdr:row>43</xdr:row>
      <xdr:rowOff>106741</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6929100" y="74790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2770</xdr:rowOff>
    </xdr:from>
    <xdr:ext cx="762000" cy="259045"/>
    <xdr:sp macro="" textlink="">
      <xdr:nvSpPr>
        <xdr:cNvPr id="378" name="公債費負担の状況最大値テキスト">
          <a:extLst>
            <a:ext uri="{FF2B5EF4-FFF2-40B4-BE49-F238E27FC236}">
              <a16:creationId xmlns:a16="http://schemas.microsoft.com/office/drawing/2014/main" id="{00000000-0008-0000-0300-00007A010000}"/>
            </a:ext>
          </a:extLst>
        </xdr:cNvPr>
        <xdr:cNvSpPr txBox="1"/>
      </xdr:nvSpPr>
      <xdr:spPr>
        <a:xfrm>
          <a:off x="17106900" y="6073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57843</xdr:rowOff>
    </xdr:from>
    <xdr:to>
      <xdr:col>81</xdr:col>
      <xdr:colOff>133350</xdr:colOff>
      <xdr:row>36</xdr:row>
      <xdr:rowOff>157843</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6929100" y="633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2</xdr:row>
      <xdr:rowOff>128815</xdr:rowOff>
    </xdr:from>
    <xdr:to>
      <xdr:col>81</xdr:col>
      <xdr:colOff>44450</xdr:colOff>
      <xdr:row>42</xdr:row>
      <xdr:rowOff>140305</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179800" y="7329715"/>
          <a:ext cx="8382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46765</xdr:rowOff>
    </xdr:from>
    <xdr:ext cx="762000" cy="259045"/>
    <xdr:sp macro="" textlink="">
      <xdr:nvSpPr>
        <xdr:cNvPr id="381" name="公債費負担の状況平均値テキスト">
          <a:extLst>
            <a:ext uri="{FF2B5EF4-FFF2-40B4-BE49-F238E27FC236}">
              <a16:creationId xmlns:a16="http://schemas.microsoft.com/office/drawing/2014/main" id="{00000000-0008-0000-0300-00007D010000}"/>
            </a:ext>
          </a:extLst>
        </xdr:cNvPr>
        <xdr:cNvSpPr txBox="1"/>
      </xdr:nvSpPr>
      <xdr:spPr>
        <a:xfrm>
          <a:off x="17106900" y="67333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30238</xdr:rowOff>
    </xdr:from>
    <xdr:to>
      <xdr:col>81</xdr:col>
      <xdr:colOff>95250</xdr:colOff>
      <xdr:row>40</xdr:row>
      <xdr:rowOff>131838</xdr:rowOff>
    </xdr:to>
    <xdr:sp macro="" textlink="">
      <xdr:nvSpPr>
        <xdr:cNvPr id="382" name="フローチャート: 判断 381">
          <a:extLst>
            <a:ext uri="{FF2B5EF4-FFF2-40B4-BE49-F238E27FC236}">
              <a16:creationId xmlns:a16="http://schemas.microsoft.com/office/drawing/2014/main" id="{00000000-0008-0000-0300-00007E010000}"/>
            </a:ext>
          </a:extLst>
        </xdr:cNvPr>
        <xdr:cNvSpPr/>
      </xdr:nvSpPr>
      <xdr:spPr>
        <a:xfrm>
          <a:off x="16967200" y="688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2</xdr:row>
      <xdr:rowOff>94343</xdr:rowOff>
    </xdr:from>
    <xdr:to>
      <xdr:col>77</xdr:col>
      <xdr:colOff>44450</xdr:colOff>
      <xdr:row>42</xdr:row>
      <xdr:rowOff>128815</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5290800" y="7295243"/>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53219</xdr:rowOff>
    </xdr:from>
    <xdr:to>
      <xdr:col>77</xdr:col>
      <xdr:colOff>95250</xdr:colOff>
      <xdr:row>40</xdr:row>
      <xdr:rowOff>154819</xdr:rowOff>
    </xdr:to>
    <xdr:sp macro="" textlink="">
      <xdr:nvSpPr>
        <xdr:cNvPr id="384" name="フローチャート: 判断 383">
          <a:extLst>
            <a:ext uri="{FF2B5EF4-FFF2-40B4-BE49-F238E27FC236}">
              <a16:creationId xmlns:a16="http://schemas.microsoft.com/office/drawing/2014/main" id="{00000000-0008-0000-0300-000080010000}"/>
            </a:ext>
          </a:extLst>
        </xdr:cNvPr>
        <xdr:cNvSpPr/>
      </xdr:nvSpPr>
      <xdr:spPr>
        <a:xfrm>
          <a:off x="16129000" y="6911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64996</xdr:rowOff>
    </xdr:from>
    <xdr:ext cx="736600" cy="259045"/>
    <xdr:sp macro="" textlink="">
      <xdr:nvSpPr>
        <xdr:cNvPr id="385" name="テキスト ボックス 384">
          <a:extLst>
            <a:ext uri="{FF2B5EF4-FFF2-40B4-BE49-F238E27FC236}">
              <a16:creationId xmlns:a16="http://schemas.microsoft.com/office/drawing/2014/main" id="{00000000-0008-0000-0300-000081010000}"/>
            </a:ext>
          </a:extLst>
        </xdr:cNvPr>
        <xdr:cNvSpPr txBox="1"/>
      </xdr:nvSpPr>
      <xdr:spPr>
        <a:xfrm>
          <a:off x="15798800" y="66800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2</xdr:row>
      <xdr:rowOff>94343</xdr:rowOff>
    </xdr:from>
    <xdr:to>
      <xdr:col>72</xdr:col>
      <xdr:colOff>203200</xdr:colOff>
      <xdr:row>43</xdr:row>
      <xdr:rowOff>37798</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flipV="1">
          <a:off x="14401800" y="7295243"/>
          <a:ext cx="8890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53219</xdr:rowOff>
    </xdr:from>
    <xdr:to>
      <xdr:col>73</xdr:col>
      <xdr:colOff>44450</xdr:colOff>
      <xdr:row>40</xdr:row>
      <xdr:rowOff>154819</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5240000" y="6911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64996</xdr:rowOff>
    </xdr:from>
    <xdr:ext cx="7620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4909800" y="6680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3</xdr:row>
      <xdr:rowOff>37798</xdr:rowOff>
    </xdr:from>
    <xdr:to>
      <xdr:col>68</xdr:col>
      <xdr:colOff>152400</xdr:colOff>
      <xdr:row>44</xdr:row>
      <xdr:rowOff>107648</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3512800" y="7410148"/>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33652</xdr:rowOff>
    </xdr:from>
    <xdr:to>
      <xdr:col>68</xdr:col>
      <xdr:colOff>203200</xdr:colOff>
      <xdr:row>41</xdr:row>
      <xdr:rowOff>63802</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4351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73979</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020800" y="6760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7107</xdr:rowOff>
    </xdr:from>
    <xdr:to>
      <xdr:col>64</xdr:col>
      <xdr:colOff>152400</xdr:colOff>
      <xdr:row>42</xdr:row>
      <xdr:rowOff>7257</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3462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7434</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3131800" y="6875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2</xdr:row>
      <xdr:rowOff>89505</xdr:rowOff>
    </xdr:from>
    <xdr:to>
      <xdr:col>81</xdr:col>
      <xdr:colOff>95250</xdr:colOff>
      <xdr:row>43</xdr:row>
      <xdr:rowOff>19655</xdr:rowOff>
    </xdr:to>
    <xdr:sp macro="" textlink="">
      <xdr:nvSpPr>
        <xdr:cNvPr id="399" name="楕円 398">
          <a:extLst>
            <a:ext uri="{FF2B5EF4-FFF2-40B4-BE49-F238E27FC236}">
              <a16:creationId xmlns:a16="http://schemas.microsoft.com/office/drawing/2014/main" id="{00000000-0008-0000-0300-00008F010000}"/>
            </a:ext>
          </a:extLst>
        </xdr:cNvPr>
        <xdr:cNvSpPr/>
      </xdr:nvSpPr>
      <xdr:spPr>
        <a:xfrm>
          <a:off x="16967200" y="7290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2</xdr:row>
      <xdr:rowOff>61582</xdr:rowOff>
    </xdr:from>
    <xdr:ext cx="762000" cy="259045"/>
    <xdr:sp macro="" textlink="">
      <xdr:nvSpPr>
        <xdr:cNvPr id="400" name="公債費負担の状況該当値テキスト">
          <a:extLst>
            <a:ext uri="{FF2B5EF4-FFF2-40B4-BE49-F238E27FC236}">
              <a16:creationId xmlns:a16="http://schemas.microsoft.com/office/drawing/2014/main" id="{00000000-0008-0000-0300-000090010000}"/>
            </a:ext>
          </a:extLst>
        </xdr:cNvPr>
        <xdr:cNvSpPr txBox="1"/>
      </xdr:nvSpPr>
      <xdr:spPr>
        <a:xfrm>
          <a:off x="17106900" y="7262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78015</xdr:rowOff>
    </xdr:from>
    <xdr:to>
      <xdr:col>77</xdr:col>
      <xdr:colOff>95250</xdr:colOff>
      <xdr:row>43</xdr:row>
      <xdr:rowOff>8165</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6129000" y="7278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164392</xdr:rowOff>
    </xdr:from>
    <xdr:ext cx="7366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5798800" y="7365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43543</xdr:rowOff>
    </xdr:from>
    <xdr:to>
      <xdr:col>73</xdr:col>
      <xdr:colOff>44450</xdr:colOff>
      <xdr:row>42</xdr:row>
      <xdr:rowOff>145143</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5240000" y="724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29920</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4909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2</xdr:row>
      <xdr:rowOff>158448</xdr:rowOff>
    </xdr:from>
    <xdr:to>
      <xdr:col>68</xdr:col>
      <xdr:colOff>203200</xdr:colOff>
      <xdr:row>43</xdr:row>
      <xdr:rowOff>88598</xdr:rowOff>
    </xdr:to>
    <xdr:sp macro="" textlink="">
      <xdr:nvSpPr>
        <xdr:cNvPr id="405" name="楕円 404">
          <a:extLst>
            <a:ext uri="{FF2B5EF4-FFF2-40B4-BE49-F238E27FC236}">
              <a16:creationId xmlns:a16="http://schemas.microsoft.com/office/drawing/2014/main" id="{00000000-0008-0000-0300-000095010000}"/>
            </a:ext>
          </a:extLst>
        </xdr:cNvPr>
        <xdr:cNvSpPr/>
      </xdr:nvSpPr>
      <xdr:spPr>
        <a:xfrm>
          <a:off x="14351000" y="735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3</xdr:row>
      <xdr:rowOff>73375</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4020800" y="7445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56848</xdr:rowOff>
    </xdr:from>
    <xdr:to>
      <xdr:col>64</xdr:col>
      <xdr:colOff>152400</xdr:colOff>
      <xdr:row>44</xdr:row>
      <xdr:rowOff>158448</xdr:rowOff>
    </xdr:to>
    <xdr:sp macro="" textlink="">
      <xdr:nvSpPr>
        <xdr:cNvPr id="407" name="楕円 406">
          <a:extLst>
            <a:ext uri="{FF2B5EF4-FFF2-40B4-BE49-F238E27FC236}">
              <a16:creationId xmlns:a16="http://schemas.microsoft.com/office/drawing/2014/main" id="{00000000-0008-0000-0300-000097010000}"/>
            </a:ext>
          </a:extLst>
        </xdr:cNvPr>
        <xdr:cNvSpPr/>
      </xdr:nvSpPr>
      <xdr:spPr>
        <a:xfrm>
          <a:off x="13462000" y="7600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4</xdr:row>
      <xdr:rowOff>143225</xdr:rowOff>
    </xdr:from>
    <xdr:ext cx="762000" cy="259045"/>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3131800" y="7687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a16="http://schemas.microsoft.com/office/drawing/2014/main"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a16="http://schemas.microsoft.com/office/drawing/2014/main"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a16="http://schemas.microsoft.com/office/drawing/2014/main"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企業会計・外郭団体の借入金等の返済を進めてきたことにより、年々減少傾向にあります。過去５年間において唯一増加した令和元年度は、公営企業・外郭団体の借入金等は減少したものの、一般会計等に係る地方債の現在高及び債務負担行為に基づく支出予定額が増加したことにより、分子である将来負担額が増加し、上昇しました。</a:t>
          </a:r>
        </a:p>
        <a:p>
          <a:r>
            <a:rPr kumimoji="1" lang="ja-JP" altLang="en-US" sz="1100">
              <a:latin typeface="ＭＳ Ｐゴシック" panose="020B0600070205080204" pitchFamily="50" charset="-128"/>
              <a:ea typeface="ＭＳ Ｐゴシック" panose="020B0600070205080204" pitchFamily="50" charset="-128"/>
            </a:rPr>
            <a:t>　 令和３年度は、国勢調査結果の反映及び、臨時財政対策債償還基金費（臨時財政対策債の償還等に要する経費に対し交付されるもの）等の追加交付に伴う再算定により基準財政需要額が増加したため、分母の構成要素である標準財政規模が増加しました。それにより</a:t>
          </a:r>
          <a:r>
            <a:rPr kumimoji="1" lang="en-US" altLang="ja-JP" sz="1100">
              <a:latin typeface="ＭＳ Ｐゴシック" panose="020B0600070205080204" pitchFamily="50" charset="-128"/>
              <a:ea typeface="ＭＳ Ｐゴシック" panose="020B0600070205080204" pitchFamily="50" charset="-128"/>
            </a:rPr>
            <a:t>7.5</a:t>
          </a:r>
          <a:r>
            <a:rPr kumimoji="1" lang="ja-JP" altLang="en-US" sz="1100">
              <a:latin typeface="ＭＳ Ｐゴシック" panose="020B0600070205080204" pitchFamily="50" charset="-128"/>
              <a:ea typeface="ＭＳ Ｐゴシック" panose="020B0600070205080204" pitchFamily="50" charset="-128"/>
            </a:rPr>
            <a:t>ポイント減少しましたが、依然として類似団体の中で高い水準となっています。</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a16="http://schemas.microsoft.com/office/drawing/2014/main"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2" name="テキスト ボックス 431">
          <a:extLst>
            <a:ext uri="{FF2B5EF4-FFF2-40B4-BE49-F238E27FC236}">
              <a16:creationId xmlns:a16="http://schemas.microsoft.com/office/drawing/2014/main" id="{00000000-0008-0000-0300-0000B0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4" name="テキスト ボックス 433">
          <a:extLst>
            <a:ext uri="{FF2B5EF4-FFF2-40B4-BE49-F238E27FC236}">
              <a16:creationId xmlns:a16="http://schemas.microsoft.com/office/drawing/2014/main" id="{00000000-0008-0000-0300-0000B2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6" name="将来負担の状況グラフ枠">
          <a:extLst>
            <a:ext uri="{FF2B5EF4-FFF2-40B4-BE49-F238E27FC236}">
              <a16:creationId xmlns:a16="http://schemas.microsoft.com/office/drawing/2014/main" id="{00000000-0008-0000-0300-0000B4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40801</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flipV="1">
          <a:off x="17018000" y="2370667"/>
          <a:ext cx="0" cy="1370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12878</xdr:rowOff>
    </xdr:from>
    <xdr:ext cx="762000" cy="259045"/>
    <xdr:sp macro="" textlink="">
      <xdr:nvSpPr>
        <xdr:cNvPr id="438" name="将来負担の状況最小値テキスト">
          <a:extLst>
            <a:ext uri="{FF2B5EF4-FFF2-40B4-BE49-F238E27FC236}">
              <a16:creationId xmlns:a16="http://schemas.microsoft.com/office/drawing/2014/main" id="{00000000-0008-0000-0300-0000B6010000}"/>
            </a:ext>
          </a:extLst>
        </xdr:cNvPr>
        <xdr:cNvSpPr txBox="1"/>
      </xdr:nvSpPr>
      <xdr:spPr>
        <a:xfrm>
          <a:off x="17106900" y="3713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40801</xdr:rowOff>
    </xdr:from>
    <xdr:to>
      <xdr:col>81</xdr:col>
      <xdr:colOff>133350</xdr:colOff>
      <xdr:row>21</xdr:row>
      <xdr:rowOff>140801</xdr:rowOff>
    </xdr:to>
    <xdr:cxnSp macro="">
      <xdr:nvCxnSpPr>
        <xdr:cNvPr id="439" name="直線コネクタ 438">
          <a:extLst>
            <a:ext uri="{FF2B5EF4-FFF2-40B4-BE49-F238E27FC236}">
              <a16:creationId xmlns:a16="http://schemas.microsoft.com/office/drawing/2014/main" id="{00000000-0008-0000-0300-0000B7010000}"/>
            </a:ext>
          </a:extLst>
        </xdr:cNvPr>
        <xdr:cNvCxnSpPr/>
      </xdr:nvCxnSpPr>
      <xdr:spPr>
        <a:xfrm>
          <a:off x="16929100" y="3741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0" name="将来負担の状況最大値テキスト">
          <a:extLst>
            <a:ext uri="{FF2B5EF4-FFF2-40B4-BE49-F238E27FC236}">
              <a16:creationId xmlns:a16="http://schemas.microsoft.com/office/drawing/2014/main" id="{00000000-0008-0000-0300-0000B8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157946</xdr:rowOff>
    </xdr:from>
    <xdr:to>
      <xdr:col>81</xdr:col>
      <xdr:colOff>44450</xdr:colOff>
      <xdr:row>20</xdr:row>
      <xdr:rowOff>46821</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flipV="1">
          <a:off x="16179800" y="3415496"/>
          <a:ext cx="8382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7298</xdr:rowOff>
    </xdr:from>
    <xdr:ext cx="762000" cy="259045"/>
    <xdr:sp macro="" textlink="">
      <xdr:nvSpPr>
        <xdr:cNvPr id="443" name="将来負担の状況平均値テキスト">
          <a:extLst>
            <a:ext uri="{FF2B5EF4-FFF2-40B4-BE49-F238E27FC236}">
              <a16:creationId xmlns:a16="http://schemas.microsoft.com/office/drawing/2014/main" id="{00000000-0008-0000-0300-0000BB010000}"/>
            </a:ext>
          </a:extLst>
        </xdr:cNvPr>
        <xdr:cNvSpPr txBox="1"/>
      </xdr:nvSpPr>
      <xdr:spPr>
        <a:xfrm>
          <a:off x="17106900" y="27504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62221</xdr:rowOff>
    </xdr:from>
    <xdr:to>
      <xdr:col>81</xdr:col>
      <xdr:colOff>95250</xdr:colOff>
      <xdr:row>17</xdr:row>
      <xdr:rowOff>92371</xdr:rowOff>
    </xdr:to>
    <xdr:sp macro="" textlink="">
      <xdr:nvSpPr>
        <xdr:cNvPr id="444" name="フローチャート: 判断 443">
          <a:extLst>
            <a:ext uri="{FF2B5EF4-FFF2-40B4-BE49-F238E27FC236}">
              <a16:creationId xmlns:a16="http://schemas.microsoft.com/office/drawing/2014/main" id="{00000000-0008-0000-0300-0000BC010000}"/>
            </a:ext>
          </a:extLst>
        </xdr:cNvPr>
        <xdr:cNvSpPr/>
      </xdr:nvSpPr>
      <xdr:spPr>
        <a:xfrm>
          <a:off x="16967200" y="2905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20</xdr:row>
      <xdr:rowOff>46821</xdr:rowOff>
    </xdr:from>
    <xdr:to>
      <xdr:col>77</xdr:col>
      <xdr:colOff>44450</xdr:colOff>
      <xdr:row>20</xdr:row>
      <xdr:rowOff>70951</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5290800" y="3475821"/>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7</xdr:row>
      <xdr:rowOff>96943</xdr:rowOff>
    </xdr:from>
    <xdr:to>
      <xdr:col>77</xdr:col>
      <xdr:colOff>95250</xdr:colOff>
      <xdr:row>18</xdr:row>
      <xdr:rowOff>27093</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6129000" y="3011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37270</xdr:rowOff>
    </xdr:from>
    <xdr:ext cx="7366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5798800" y="27804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0</xdr:row>
      <xdr:rowOff>55668</xdr:rowOff>
    </xdr:from>
    <xdr:to>
      <xdr:col>72</xdr:col>
      <xdr:colOff>203200</xdr:colOff>
      <xdr:row>20</xdr:row>
      <xdr:rowOff>70951</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4401800" y="3484668"/>
          <a:ext cx="889000" cy="15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7</xdr:row>
      <xdr:rowOff>144399</xdr:rowOff>
    </xdr:from>
    <xdr:to>
      <xdr:col>73</xdr:col>
      <xdr:colOff>44450</xdr:colOff>
      <xdr:row>18</xdr:row>
      <xdr:rowOff>74549</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5240000" y="3059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84726</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4909800" y="28279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0</xdr:row>
      <xdr:rowOff>55668</xdr:rowOff>
    </xdr:from>
    <xdr:to>
      <xdr:col>68</xdr:col>
      <xdr:colOff>152400</xdr:colOff>
      <xdr:row>20</xdr:row>
      <xdr:rowOff>112776</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3512800" y="3484668"/>
          <a:ext cx="889000" cy="57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8</xdr:row>
      <xdr:rowOff>18796</xdr:rowOff>
    </xdr:from>
    <xdr:to>
      <xdr:col>68</xdr:col>
      <xdr:colOff>203200</xdr:colOff>
      <xdr:row>18</xdr:row>
      <xdr:rowOff>120396</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4351000" y="310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30573</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020800" y="2873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86360</xdr:rowOff>
    </xdr:from>
    <xdr:to>
      <xdr:col>64</xdr:col>
      <xdr:colOff>152400</xdr:colOff>
      <xdr:row>19</xdr:row>
      <xdr:rowOff>16510</xdr:rowOff>
    </xdr:to>
    <xdr:sp macro="" textlink="">
      <xdr:nvSpPr>
        <xdr:cNvPr id="454" name="フローチャート: 判断 453">
          <a:extLst>
            <a:ext uri="{FF2B5EF4-FFF2-40B4-BE49-F238E27FC236}">
              <a16:creationId xmlns:a16="http://schemas.microsoft.com/office/drawing/2014/main" id="{00000000-0008-0000-0300-0000C6010000}"/>
            </a:ext>
          </a:extLst>
        </xdr:cNvPr>
        <xdr:cNvSpPr/>
      </xdr:nvSpPr>
      <xdr:spPr>
        <a:xfrm>
          <a:off x="13462000" y="31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2668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3131800" y="294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107146</xdr:rowOff>
    </xdr:from>
    <xdr:to>
      <xdr:col>81</xdr:col>
      <xdr:colOff>95250</xdr:colOff>
      <xdr:row>20</xdr:row>
      <xdr:rowOff>37296</xdr:rowOff>
    </xdr:to>
    <xdr:sp macro="" textlink="">
      <xdr:nvSpPr>
        <xdr:cNvPr id="461" name="楕円 460">
          <a:extLst>
            <a:ext uri="{FF2B5EF4-FFF2-40B4-BE49-F238E27FC236}">
              <a16:creationId xmlns:a16="http://schemas.microsoft.com/office/drawing/2014/main" id="{00000000-0008-0000-0300-0000CD010000}"/>
            </a:ext>
          </a:extLst>
        </xdr:cNvPr>
        <xdr:cNvSpPr/>
      </xdr:nvSpPr>
      <xdr:spPr>
        <a:xfrm>
          <a:off x="16967200" y="3364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79223</xdr:rowOff>
    </xdr:from>
    <xdr:ext cx="762000" cy="259045"/>
    <xdr:sp macro="" textlink="">
      <xdr:nvSpPr>
        <xdr:cNvPr id="462" name="将来負担の状況該当値テキスト">
          <a:extLst>
            <a:ext uri="{FF2B5EF4-FFF2-40B4-BE49-F238E27FC236}">
              <a16:creationId xmlns:a16="http://schemas.microsoft.com/office/drawing/2014/main" id="{00000000-0008-0000-0300-0000CE010000}"/>
            </a:ext>
          </a:extLst>
        </xdr:cNvPr>
        <xdr:cNvSpPr txBox="1"/>
      </xdr:nvSpPr>
      <xdr:spPr>
        <a:xfrm>
          <a:off x="17106900" y="3336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67471</xdr:rowOff>
    </xdr:from>
    <xdr:to>
      <xdr:col>77</xdr:col>
      <xdr:colOff>95250</xdr:colOff>
      <xdr:row>20</xdr:row>
      <xdr:rowOff>97621</xdr:rowOff>
    </xdr:to>
    <xdr:sp macro="" textlink="">
      <xdr:nvSpPr>
        <xdr:cNvPr id="463" name="楕円 462">
          <a:extLst>
            <a:ext uri="{FF2B5EF4-FFF2-40B4-BE49-F238E27FC236}">
              <a16:creationId xmlns:a16="http://schemas.microsoft.com/office/drawing/2014/main" id="{00000000-0008-0000-0300-0000CF010000}"/>
            </a:ext>
          </a:extLst>
        </xdr:cNvPr>
        <xdr:cNvSpPr/>
      </xdr:nvSpPr>
      <xdr:spPr>
        <a:xfrm>
          <a:off x="16129000" y="3425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82398</xdr:rowOff>
    </xdr:from>
    <xdr:ext cx="7366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5798800" y="35113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20</xdr:row>
      <xdr:rowOff>20151</xdr:rowOff>
    </xdr:from>
    <xdr:to>
      <xdr:col>73</xdr:col>
      <xdr:colOff>44450</xdr:colOff>
      <xdr:row>20</xdr:row>
      <xdr:rowOff>121751</xdr:rowOff>
    </xdr:to>
    <xdr:sp macro="" textlink="">
      <xdr:nvSpPr>
        <xdr:cNvPr id="465" name="楕円 464">
          <a:extLst>
            <a:ext uri="{FF2B5EF4-FFF2-40B4-BE49-F238E27FC236}">
              <a16:creationId xmlns:a16="http://schemas.microsoft.com/office/drawing/2014/main" id="{00000000-0008-0000-0300-0000D1010000}"/>
            </a:ext>
          </a:extLst>
        </xdr:cNvPr>
        <xdr:cNvSpPr/>
      </xdr:nvSpPr>
      <xdr:spPr>
        <a:xfrm>
          <a:off x="15240000" y="344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0</xdr:row>
      <xdr:rowOff>106528</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4909800" y="3535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0</xdr:row>
      <xdr:rowOff>4868</xdr:rowOff>
    </xdr:from>
    <xdr:to>
      <xdr:col>68</xdr:col>
      <xdr:colOff>203200</xdr:colOff>
      <xdr:row>20</xdr:row>
      <xdr:rowOff>106468</xdr:rowOff>
    </xdr:to>
    <xdr:sp macro="" textlink="">
      <xdr:nvSpPr>
        <xdr:cNvPr id="467" name="楕円 466">
          <a:extLst>
            <a:ext uri="{FF2B5EF4-FFF2-40B4-BE49-F238E27FC236}">
              <a16:creationId xmlns:a16="http://schemas.microsoft.com/office/drawing/2014/main" id="{00000000-0008-0000-0300-0000D3010000}"/>
            </a:ext>
          </a:extLst>
        </xdr:cNvPr>
        <xdr:cNvSpPr/>
      </xdr:nvSpPr>
      <xdr:spPr>
        <a:xfrm>
          <a:off x="14351000" y="3433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0</xdr:row>
      <xdr:rowOff>91245</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4020800" y="35202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0</xdr:row>
      <xdr:rowOff>61976</xdr:rowOff>
    </xdr:from>
    <xdr:to>
      <xdr:col>64</xdr:col>
      <xdr:colOff>152400</xdr:colOff>
      <xdr:row>20</xdr:row>
      <xdr:rowOff>163576</xdr:rowOff>
    </xdr:to>
    <xdr:sp macro="" textlink="">
      <xdr:nvSpPr>
        <xdr:cNvPr id="469" name="楕円 468">
          <a:extLst>
            <a:ext uri="{FF2B5EF4-FFF2-40B4-BE49-F238E27FC236}">
              <a16:creationId xmlns:a16="http://schemas.microsoft.com/office/drawing/2014/main" id="{00000000-0008-0000-0300-0000D5010000}"/>
            </a:ext>
          </a:extLst>
        </xdr:cNvPr>
        <xdr:cNvSpPr/>
      </xdr:nvSpPr>
      <xdr:spPr>
        <a:xfrm>
          <a:off x="13462000" y="349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0</xdr:row>
      <xdr:rowOff>148353</xdr:rowOff>
    </xdr:from>
    <xdr:ext cx="762000" cy="259045"/>
    <xdr:sp macro="" textlink="">
      <xdr:nvSpPr>
        <xdr:cNvPr id="470" name="テキスト ボックス 469">
          <a:extLst>
            <a:ext uri="{FF2B5EF4-FFF2-40B4-BE49-F238E27FC236}">
              <a16:creationId xmlns:a16="http://schemas.microsoft.com/office/drawing/2014/main" id="{00000000-0008-0000-0300-0000D6010000}"/>
            </a:ext>
          </a:extLst>
        </xdr:cNvPr>
        <xdr:cNvSpPr txBox="1"/>
      </xdr:nvSpPr>
      <xdr:spPr>
        <a:xfrm>
          <a:off x="13131800" y="3577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5,793
3,656,564
437.78
2,230,290,510
2,202,642,428
13,996,572
999,814,703
2,384,424,6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6
12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人員増等に伴い、令和３年度を含め、毎年度の人件費は微増しているものの、「横浜市中期４か年計画」（</a:t>
          </a:r>
          <a:r>
            <a:rPr kumimoji="1" lang="en-US" altLang="ja-JP" sz="1050">
              <a:latin typeface="ＭＳ Ｐゴシック" panose="020B0600070205080204" pitchFamily="50" charset="-128"/>
              <a:ea typeface="ＭＳ Ｐゴシック" panose="020B0600070205080204" pitchFamily="50" charset="-128"/>
            </a:rPr>
            <a:t>2018</a:t>
          </a:r>
          <a:r>
            <a:rPr kumimoji="1" lang="ja-JP" altLang="en-US" sz="1050">
              <a:latin typeface="ＭＳ Ｐゴシック" panose="020B0600070205080204" pitchFamily="50" charset="-128"/>
              <a:ea typeface="ＭＳ Ｐゴシック" panose="020B0600070205080204" pitchFamily="50" charset="-128"/>
            </a:rPr>
            <a:t>～</a:t>
          </a:r>
          <a:r>
            <a:rPr kumimoji="1" lang="en-US" altLang="ja-JP" sz="1050">
              <a:latin typeface="ＭＳ Ｐゴシック" panose="020B0600070205080204" pitchFamily="50" charset="-128"/>
              <a:ea typeface="ＭＳ Ｐゴシック" panose="020B0600070205080204" pitchFamily="50" charset="-128"/>
            </a:rPr>
            <a:t>2021</a:t>
          </a:r>
          <a:r>
            <a:rPr kumimoji="1" lang="ja-JP" altLang="en-US" sz="1050">
              <a:latin typeface="ＭＳ Ｐゴシック" panose="020B0600070205080204" pitchFamily="50" charset="-128"/>
              <a:ea typeface="ＭＳ Ｐゴシック" panose="020B0600070205080204" pitchFamily="50" charset="-128"/>
            </a:rPr>
            <a:t>）において、行政ニーズや環境の変化に対応するため、経営資源を重点分野に集中させるとともに、スクラップ・アンド・ビルドの取組によって、簡素で効率的な執行体制を構築するという目標を掲げ、執行体制づくりを進めました。そのため、人件費は類似団体平均を下回っています。</a:t>
          </a:r>
        </a:p>
        <a:p>
          <a:r>
            <a:rPr kumimoji="1" lang="ja-JP" altLang="en-US" sz="1050">
              <a:latin typeface="ＭＳ Ｐゴシック" panose="020B0600070205080204" pitchFamily="50" charset="-128"/>
              <a:ea typeface="ＭＳ Ｐゴシック" panose="020B0600070205080204" pitchFamily="50" charset="-128"/>
            </a:rPr>
            <a:t>　平成</a:t>
          </a:r>
          <a:r>
            <a:rPr kumimoji="1" lang="en-US" altLang="ja-JP" sz="1050">
              <a:latin typeface="ＭＳ Ｐゴシック" panose="020B0600070205080204" pitchFamily="50" charset="-128"/>
              <a:ea typeface="ＭＳ Ｐゴシック" panose="020B0600070205080204" pitchFamily="50" charset="-128"/>
            </a:rPr>
            <a:t>29</a:t>
          </a:r>
          <a:r>
            <a:rPr kumimoji="1" lang="ja-JP" altLang="en-US" sz="1050">
              <a:latin typeface="ＭＳ Ｐゴシック" panose="020B0600070205080204" pitchFamily="50" charset="-128"/>
              <a:ea typeface="ＭＳ Ｐゴシック" panose="020B0600070205080204" pitchFamily="50" charset="-128"/>
            </a:rPr>
            <a:t>年度以降は同水準で推移していましたが、令和３年度は、経常一般財源の増により、低下しました（（３）市町村財政比較分析表参照）。</a:t>
          </a:r>
          <a:endParaRPr kumimoji="1" lang="en-US" altLang="ja-JP" sz="105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27000</xdr:rowOff>
    </xdr:from>
    <xdr:to>
      <xdr:col>24</xdr:col>
      <xdr:colOff>25400</xdr:colOff>
      <xdr:row>42</xdr:row>
      <xdr:rowOff>127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flipV="1">
          <a:off x="4826000" y="56134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56227</xdr:rowOff>
    </xdr:from>
    <xdr:ext cx="762000" cy="259045"/>
    <xdr:sp macro="" textlink="">
      <xdr:nvSpPr>
        <xdr:cNvPr id="64" name="人件費最小値テキスト">
          <a:extLst>
            <a:ext uri="{FF2B5EF4-FFF2-40B4-BE49-F238E27FC236}">
              <a16:creationId xmlns:a16="http://schemas.microsoft.com/office/drawing/2014/main" id="{00000000-0008-0000-0400-000040000000}"/>
            </a:ext>
          </a:extLst>
        </xdr:cNvPr>
        <xdr:cNvSpPr txBox="1"/>
      </xdr:nvSpPr>
      <xdr:spPr>
        <a:xfrm>
          <a:off x="4914900" y="718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12700</xdr:rowOff>
    </xdr:from>
    <xdr:to>
      <xdr:col>24</xdr:col>
      <xdr:colOff>114300</xdr:colOff>
      <xdr:row>42</xdr:row>
      <xdr:rowOff>1270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721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41927</xdr:rowOff>
    </xdr:from>
    <xdr:ext cx="762000" cy="259045"/>
    <xdr:sp macro="" textlink="">
      <xdr:nvSpPr>
        <xdr:cNvPr id="66" name="人件費最大値テキスト">
          <a:extLst>
            <a:ext uri="{FF2B5EF4-FFF2-40B4-BE49-F238E27FC236}">
              <a16:creationId xmlns:a16="http://schemas.microsoft.com/office/drawing/2014/main" id="{00000000-0008-0000-0400-000042000000}"/>
            </a:ext>
          </a:extLst>
        </xdr:cNvPr>
        <xdr:cNvSpPr txBox="1"/>
      </xdr:nvSpPr>
      <xdr:spPr>
        <a:xfrm>
          <a:off x="4914900" y="535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27000</xdr:rowOff>
    </xdr:from>
    <xdr:to>
      <xdr:col>24</xdr:col>
      <xdr:colOff>114300</xdr:colOff>
      <xdr:row>32</xdr:row>
      <xdr:rowOff>127000</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561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02507</xdr:rowOff>
    </xdr:from>
    <xdr:to>
      <xdr:col>24</xdr:col>
      <xdr:colOff>25400</xdr:colOff>
      <xdr:row>38</xdr:row>
      <xdr:rowOff>159657</xdr:rowOff>
    </xdr:to>
    <xdr:cxnSp macro="">
      <xdr:nvCxnSpPr>
        <xdr:cNvPr id="68" name="直線コネクタ 67">
          <a:extLst>
            <a:ext uri="{FF2B5EF4-FFF2-40B4-BE49-F238E27FC236}">
              <a16:creationId xmlns:a16="http://schemas.microsoft.com/office/drawing/2014/main" id="{00000000-0008-0000-0400-000044000000}"/>
            </a:ext>
          </a:extLst>
        </xdr:cNvPr>
        <xdr:cNvCxnSpPr/>
      </xdr:nvCxnSpPr>
      <xdr:spPr>
        <a:xfrm flipV="1">
          <a:off x="3987800" y="6446157"/>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21755</xdr:rowOff>
    </xdr:from>
    <xdr:ext cx="762000" cy="259045"/>
    <xdr:sp macro="" textlink="">
      <xdr:nvSpPr>
        <xdr:cNvPr id="69" name="人件費平均値テキスト">
          <a:extLst>
            <a:ext uri="{FF2B5EF4-FFF2-40B4-BE49-F238E27FC236}">
              <a16:creationId xmlns:a16="http://schemas.microsoft.com/office/drawing/2014/main" id="{00000000-0008-0000-0400-000045000000}"/>
            </a:ext>
          </a:extLst>
        </xdr:cNvPr>
        <xdr:cNvSpPr txBox="1"/>
      </xdr:nvSpPr>
      <xdr:spPr>
        <a:xfrm>
          <a:off x="4914900" y="64654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9678</xdr:rowOff>
    </xdr:from>
    <xdr:to>
      <xdr:col>24</xdr:col>
      <xdr:colOff>76200</xdr:colOff>
      <xdr:row>38</xdr:row>
      <xdr:rowOff>79828</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4775200" y="6493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59657</xdr:rowOff>
    </xdr:from>
    <xdr:to>
      <xdr:col>19</xdr:col>
      <xdr:colOff>187325</xdr:colOff>
      <xdr:row>38</xdr:row>
      <xdr:rowOff>159657</xdr:rowOff>
    </xdr:to>
    <xdr:cxnSp macro="">
      <xdr:nvCxnSpPr>
        <xdr:cNvPr id="71" name="直線コネクタ 70">
          <a:extLst>
            <a:ext uri="{FF2B5EF4-FFF2-40B4-BE49-F238E27FC236}">
              <a16:creationId xmlns:a16="http://schemas.microsoft.com/office/drawing/2014/main" id="{00000000-0008-0000-0400-000047000000}"/>
            </a:ext>
          </a:extLst>
        </xdr:cNvPr>
        <xdr:cNvCxnSpPr/>
      </xdr:nvCxnSpPr>
      <xdr:spPr>
        <a:xfrm>
          <a:off x="3098800" y="66747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9</xdr:row>
      <xdr:rowOff>133350</xdr:rowOff>
    </xdr:from>
    <xdr:to>
      <xdr:col>20</xdr:col>
      <xdr:colOff>38100</xdr:colOff>
      <xdr:row>40</xdr:row>
      <xdr:rowOff>63500</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39370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48277</xdr:rowOff>
    </xdr:from>
    <xdr:ext cx="736600" cy="259045"/>
    <xdr:sp macro="" textlink="">
      <xdr:nvSpPr>
        <xdr:cNvPr id="73" name="テキスト ボックス 72">
          <a:extLst>
            <a:ext uri="{FF2B5EF4-FFF2-40B4-BE49-F238E27FC236}">
              <a16:creationId xmlns:a16="http://schemas.microsoft.com/office/drawing/2014/main" id="{00000000-0008-0000-0400-000049000000}"/>
            </a:ext>
          </a:extLst>
        </xdr:cNvPr>
        <xdr:cNvSpPr txBox="1"/>
      </xdr:nvSpPr>
      <xdr:spPr>
        <a:xfrm>
          <a:off x="3606800" y="690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27000</xdr:rowOff>
    </xdr:from>
    <xdr:to>
      <xdr:col>15</xdr:col>
      <xdr:colOff>98425</xdr:colOff>
      <xdr:row>38</xdr:row>
      <xdr:rowOff>159657</xdr:rowOff>
    </xdr:to>
    <xdr:cxnSp macro="">
      <xdr:nvCxnSpPr>
        <xdr:cNvPr id="74" name="直線コネクタ 73">
          <a:extLst>
            <a:ext uri="{FF2B5EF4-FFF2-40B4-BE49-F238E27FC236}">
              <a16:creationId xmlns:a16="http://schemas.microsoft.com/office/drawing/2014/main" id="{00000000-0008-0000-0400-00004A000000}"/>
            </a:ext>
          </a:extLst>
        </xdr:cNvPr>
        <xdr:cNvCxnSpPr/>
      </xdr:nvCxnSpPr>
      <xdr:spPr>
        <a:xfrm>
          <a:off x="2209800" y="66421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9</xdr:row>
      <xdr:rowOff>68035</xdr:rowOff>
    </xdr:from>
    <xdr:to>
      <xdr:col>15</xdr:col>
      <xdr:colOff>149225</xdr:colOff>
      <xdr:row>39</xdr:row>
      <xdr:rowOff>169635</xdr:rowOff>
    </xdr:to>
    <xdr:sp macro="" textlink="">
      <xdr:nvSpPr>
        <xdr:cNvPr id="75" name="フローチャート: 判断 74">
          <a:extLst>
            <a:ext uri="{FF2B5EF4-FFF2-40B4-BE49-F238E27FC236}">
              <a16:creationId xmlns:a16="http://schemas.microsoft.com/office/drawing/2014/main" id="{00000000-0008-0000-0400-00004B000000}"/>
            </a:ext>
          </a:extLst>
        </xdr:cNvPr>
        <xdr:cNvSpPr/>
      </xdr:nvSpPr>
      <xdr:spPr>
        <a:xfrm>
          <a:off x="3048000" y="6754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54412</xdr:rowOff>
    </xdr:from>
    <xdr:ext cx="762000" cy="259045"/>
    <xdr:sp macro="" textlink="">
      <xdr:nvSpPr>
        <xdr:cNvPr id="76" name="テキスト ボックス 75">
          <a:extLst>
            <a:ext uri="{FF2B5EF4-FFF2-40B4-BE49-F238E27FC236}">
              <a16:creationId xmlns:a16="http://schemas.microsoft.com/office/drawing/2014/main" id="{00000000-0008-0000-0400-00004C000000}"/>
            </a:ext>
          </a:extLst>
        </xdr:cNvPr>
        <xdr:cNvSpPr txBox="1"/>
      </xdr:nvSpPr>
      <xdr:spPr>
        <a:xfrm>
          <a:off x="2717800" y="684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27000</xdr:rowOff>
    </xdr:from>
    <xdr:to>
      <xdr:col>11</xdr:col>
      <xdr:colOff>9525</xdr:colOff>
      <xdr:row>38</xdr:row>
      <xdr:rowOff>127000</xdr:rowOff>
    </xdr:to>
    <xdr:cxnSp macro="">
      <xdr:nvCxnSpPr>
        <xdr:cNvPr id="77" name="直線コネクタ 76">
          <a:extLst>
            <a:ext uri="{FF2B5EF4-FFF2-40B4-BE49-F238E27FC236}">
              <a16:creationId xmlns:a16="http://schemas.microsoft.com/office/drawing/2014/main" id="{00000000-0008-0000-0400-00004D000000}"/>
            </a:ext>
          </a:extLst>
        </xdr:cNvPr>
        <xdr:cNvCxnSpPr/>
      </xdr:nvCxnSpPr>
      <xdr:spPr>
        <a:xfrm>
          <a:off x="1320800" y="6642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9</xdr:row>
      <xdr:rowOff>68035</xdr:rowOff>
    </xdr:from>
    <xdr:to>
      <xdr:col>11</xdr:col>
      <xdr:colOff>60325</xdr:colOff>
      <xdr:row>39</xdr:row>
      <xdr:rowOff>169635</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2159000" y="6754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54412</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1828800" y="684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00693</xdr:rowOff>
    </xdr:from>
    <xdr:to>
      <xdr:col>6</xdr:col>
      <xdr:colOff>171450</xdr:colOff>
      <xdr:row>40</xdr:row>
      <xdr:rowOff>30843</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1270000" y="678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5620</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939800" y="6873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51707</xdr:rowOff>
    </xdr:from>
    <xdr:to>
      <xdr:col>24</xdr:col>
      <xdr:colOff>76200</xdr:colOff>
      <xdr:row>37</xdr:row>
      <xdr:rowOff>153307</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4775200" y="6395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68234</xdr:rowOff>
    </xdr:from>
    <xdr:ext cx="762000" cy="259045"/>
    <xdr:sp macro="" textlink="">
      <xdr:nvSpPr>
        <xdr:cNvPr id="88" name="人件費該当値テキスト">
          <a:extLst>
            <a:ext uri="{FF2B5EF4-FFF2-40B4-BE49-F238E27FC236}">
              <a16:creationId xmlns:a16="http://schemas.microsoft.com/office/drawing/2014/main" id="{00000000-0008-0000-0400-000058000000}"/>
            </a:ext>
          </a:extLst>
        </xdr:cNvPr>
        <xdr:cNvSpPr txBox="1"/>
      </xdr:nvSpPr>
      <xdr:spPr>
        <a:xfrm>
          <a:off x="4914900" y="6240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08857</xdr:rowOff>
    </xdr:from>
    <xdr:to>
      <xdr:col>20</xdr:col>
      <xdr:colOff>38100</xdr:colOff>
      <xdr:row>39</xdr:row>
      <xdr:rowOff>39007</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937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49184</xdr:rowOff>
    </xdr:from>
    <xdr:ext cx="7366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3606800" y="6392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08857</xdr:rowOff>
    </xdr:from>
    <xdr:to>
      <xdr:col>15</xdr:col>
      <xdr:colOff>149225</xdr:colOff>
      <xdr:row>39</xdr:row>
      <xdr:rowOff>39007</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048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49184</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2717800" y="639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76200</xdr:rowOff>
    </xdr:from>
    <xdr:to>
      <xdr:col>11</xdr:col>
      <xdr:colOff>60325</xdr:colOff>
      <xdr:row>39</xdr:row>
      <xdr:rowOff>63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21590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65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1828800" y="636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76200</xdr:rowOff>
    </xdr:from>
    <xdr:to>
      <xdr:col>6</xdr:col>
      <xdr:colOff>171450</xdr:colOff>
      <xdr:row>39</xdr:row>
      <xdr:rowOff>6350</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12700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6527</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939800" y="636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ウェブサイト構築経費や、</a:t>
          </a:r>
          <a:r>
            <a:rPr kumimoji="1" lang="en-US" altLang="ja-JP" sz="1100">
              <a:latin typeface="ＭＳ Ｐゴシック" panose="020B0600070205080204" pitchFamily="50" charset="-128"/>
              <a:ea typeface="ＭＳ Ｐゴシック" panose="020B0600070205080204" pitchFamily="50" charset="-128"/>
            </a:rPr>
            <a:t>PCB</a:t>
          </a:r>
          <a:r>
            <a:rPr kumimoji="1" lang="ja-JP" altLang="en-US" sz="1100">
              <a:latin typeface="ＭＳ Ｐゴシック" panose="020B0600070205080204" pitchFamily="50" charset="-128"/>
              <a:ea typeface="ＭＳ Ｐゴシック" panose="020B0600070205080204" pitchFamily="50" charset="-128"/>
            </a:rPr>
            <a:t>廃棄物処理経費の増などにより上昇し、令和元年度は、学校への</a:t>
          </a:r>
          <a:r>
            <a:rPr kumimoji="1" lang="en-US" altLang="ja-JP" sz="1100">
              <a:latin typeface="ＭＳ Ｐゴシック" panose="020B0600070205080204" pitchFamily="50" charset="-128"/>
              <a:ea typeface="ＭＳ Ｐゴシック" panose="020B0600070205080204" pitchFamily="50" charset="-128"/>
            </a:rPr>
            <a:t>ICT</a:t>
          </a:r>
          <a:r>
            <a:rPr kumimoji="1" lang="ja-JP" altLang="en-US" sz="1100">
              <a:latin typeface="ＭＳ Ｐゴシック" panose="020B0600070205080204" pitchFamily="50" charset="-128"/>
              <a:ea typeface="ＭＳ Ｐゴシック" panose="020B0600070205080204" pitchFamily="50" charset="-128"/>
            </a:rPr>
            <a:t>支援員派遣経費の増などにより、上昇しまし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令和２年度は、会計年度任用職員制度の導入（物件費から人件費への移行）などにより低下、令和３年度は、経常一般財源の増により、低下しました（（３）市町村財政比較分析表参照）。</a:t>
          </a: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4536</xdr:rowOff>
    </xdr:from>
    <xdr:to>
      <xdr:col>82</xdr:col>
      <xdr:colOff>107950</xdr:colOff>
      <xdr:row>20</xdr:row>
      <xdr:rowOff>143328</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233386"/>
          <a:ext cx="0" cy="1338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15405</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544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43328</xdr:rowOff>
    </xdr:from>
    <xdr:to>
      <xdr:col>82</xdr:col>
      <xdr:colOff>196850</xdr:colOff>
      <xdr:row>20</xdr:row>
      <xdr:rowOff>143328</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57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0913</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1976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4536</xdr:rowOff>
    </xdr:from>
    <xdr:to>
      <xdr:col>82</xdr:col>
      <xdr:colOff>196850</xdr:colOff>
      <xdr:row>13</xdr:row>
      <xdr:rowOff>4536</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233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29029</xdr:rowOff>
    </xdr:from>
    <xdr:to>
      <xdr:col>82</xdr:col>
      <xdr:colOff>107950</xdr:colOff>
      <xdr:row>16</xdr:row>
      <xdr:rowOff>127000</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flipV="1">
          <a:off x="15671800" y="2772229"/>
          <a:ext cx="8382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49877</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550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33350</xdr:rowOff>
    </xdr:from>
    <xdr:to>
      <xdr:col>82</xdr:col>
      <xdr:colOff>158750</xdr:colOff>
      <xdr:row>16</xdr:row>
      <xdr:rowOff>6350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27000</xdr:rowOff>
    </xdr:from>
    <xdr:to>
      <xdr:col>78</xdr:col>
      <xdr:colOff>69850</xdr:colOff>
      <xdr:row>17</xdr:row>
      <xdr:rowOff>53521</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flipV="1">
          <a:off x="14782800" y="2870200"/>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3543</xdr:rowOff>
    </xdr:from>
    <xdr:to>
      <xdr:col>78</xdr:col>
      <xdr:colOff>120650</xdr:colOff>
      <xdr:row>16</xdr:row>
      <xdr:rowOff>145143</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786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5320</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555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59657</xdr:rowOff>
    </xdr:from>
    <xdr:to>
      <xdr:col>73</xdr:col>
      <xdr:colOff>180975</xdr:colOff>
      <xdr:row>17</xdr:row>
      <xdr:rowOff>53521</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a:off x="13893800" y="2902857"/>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27214</xdr:rowOff>
    </xdr:from>
    <xdr:to>
      <xdr:col>74</xdr:col>
      <xdr:colOff>31750</xdr:colOff>
      <xdr:row>16</xdr:row>
      <xdr:rowOff>128814</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7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38991</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539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10671</xdr:rowOff>
    </xdr:from>
    <xdr:to>
      <xdr:col>69</xdr:col>
      <xdr:colOff>92075</xdr:colOff>
      <xdr:row>16</xdr:row>
      <xdr:rowOff>159657</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a:off x="13004800" y="2853871"/>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66007</xdr:rowOff>
    </xdr:from>
    <xdr:to>
      <xdr:col>69</xdr:col>
      <xdr:colOff>142875</xdr:colOff>
      <xdr:row>16</xdr:row>
      <xdr:rowOff>96157</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737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06334</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2506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49679</xdr:rowOff>
    </xdr:from>
    <xdr:to>
      <xdr:col>65</xdr:col>
      <xdr:colOff>53975</xdr:colOff>
      <xdr:row>16</xdr:row>
      <xdr:rowOff>79829</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721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90006</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490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9679</xdr:rowOff>
    </xdr:from>
    <xdr:to>
      <xdr:col>82</xdr:col>
      <xdr:colOff>158750</xdr:colOff>
      <xdr:row>16</xdr:row>
      <xdr:rowOff>79829</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2721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121756</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2693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76200</xdr:rowOff>
    </xdr:from>
    <xdr:to>
      <xdr:col>78</xdr:col>
      <xdr:colOff>120650</xdr:colOff>
      <xdr:row>17</xdr:row>
      <xdr:rowOff>635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281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2577</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290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2721</xdr:rowOff>
    </xdr:from>
    <xdr:to>
      <xdr:col>74</xdr:col>
      <xdr:colOff>31750</xdr:colOff>
      <xdr:row>17</xdr:row>
      <xdr:rowOff>104321</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2917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89098</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3003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08857</xdr:rowOff>
    </xdr:from>
    <xdr:to>
      <xdr:col>69</xdr:col>
      <xdr:colOff>142875</xdr:colOff>
      <xdr:row>17</xdr:row>
      <xdr:rowOff>39007</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2852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23784</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2938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9871</xdr:rowOff>
    </xdr:from>
    <xdr:to>
      <xdr:col>65</xdr:col>
      <xdr:colOff>53975</xdr:colOff>
      <xdr:row>16</xdr:row>
      <xdr:rowOff>161471</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2803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46248</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2889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待機児童対策などの子育て支援施策の増、障害者支援施設の増加や施設利用者数の増などにより、扶助費は上昇傾向にあり、他都市より高い水準にあります。</a:t>
          </a:r>
        </a:p>
        <a:p>
          <a:r>
            <a:rPr kumimoji="1" lang="ja-JP" altLang="en-US" sz="1050">
              <a:latin typeface="ＭＳ Ｐゴシック" panose="020B0600070205080204" pitchFamily="50" charset="-128"/>
              <a:ea typeface="ＭＳ Ｐゴシック" panose="020B0600070205080204" pitchFamily="50" charset="-128"/>
            </a:rPr>
            <a:t>　令和元年度は、幼児教育・保育の無償化に伴い施設型給付費などが大幅に増加したことにより上昇、令和２年度は、新型コロナウイルス感染症感染拡大の影響により医療費助成が減少したことなどに伴い低下しました。</a:t>
          </a:r>
          <a:endParaRPr kumimoji="1" lang="en-US" altLang="ja-JP" sz="1050">
            <a:latin typeface="ＭＳ Ｐゴシック" panose="020B0600070205080204" pitchFamily="50" charset="-128"/>
            <a:ea typeface="ＭＳ Ｐゴシック" panose="020B0600070205080204" pitchFamily="50" charset="-128"/>
          </a:endParaRPr>
        </a:p>
        <a:p>
          <a:r>
            <a:rPr kumimoji="1" lang="ja-JP" altLang="en-US" sz="1050">
              <a:latin typeface="ＭＳ Ｐゴシック" panose="020B0600070205080204" pitchFamily="50" charset="-128"/>
              <a:ea typeface="ＭＳ Ｐゴシック" panose="020B0600070205080204" pitchFamily="50" charset="-128"/>
            </a:rPr>
            <a:t>　令和３年度は、障害者支援施設数及び施設利用者数の増加等による扶助費の増があったものの、経常一般財源の増により、低下しました（（３）市町村財政比較分析表参照）。</a:t>
          </a: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a:extLst>
            <a:ext uri="{FF2B5EF4-FFF2-40B4-BE49-F238E27FC236}">
              <a16:creationId xmlns:a16="http://schemas.microsoft.com/office/drawing/2014/main" id="{00000000-0008-0000-0400-0000BB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a:extLst>
            <a:ext uri="{FF2B5EF4-FFF2-40B4-BE49-F238E27FC236}">
              <a16:creationId xmlns:a16="http://schemas.microsoft.com/office/drawing/2014/main" id="{00000000-0008-0000-0400-0000BC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1</xdr:row>
      <xdr:rowOff>86178</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4826000" y="9156700"/>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58255</xdr:rowOff>
    </xdr:from>
    <xdr:ext cx="762000" cy="259045"/>
    <xdr:sp macro="" textlink="">
      <xdr:nvSpPr>
        <xdr:cNvPr id="190" name="扶助費最小値テキスト">
          <a:extLst>
            <a:ext uri="{FF2B5EF4-FFF2-40B4-BE49-F238E27FC236}">
              <a16:creationId xmlns:a16="http://schemas.microsoft.com/office/drawing/2014/main" id="{00000000-0008-0000-0400-0000BE000000}"/>
            </a:ext>
          </a:extLst>
        </xdr:cNvPr>
        <xdr:cNvSpPr txBox="1"/>
      </xdr:nvSpPr>
      <xdr:spPr>
        <a:xfrm>
          <a:off x="4914900" y="10516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86178</xdr:rowOff>
    </xdr:from>
    <xdr:to>
      <xdr:col>24</xdr:col>
      <xdr:colOff>114300</xdr:colOff>
      <xdr:row>61</xdr:row>
      <xdr:rowOff>86178</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10544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92" name="扶助費最大値テキスト">
          <a:extLst>
            <a:ext uri="{FF2B5EF4-FFF2-40B4-BE49-F238E27FC236}">
              <a16:creationId xmlns:a16="http://schemas.microsoft.com/office/drawing/2014/main" id="{00000000-0008-0000-0400-0000C0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67822</xdr:rowOff>
    </xdr:from>
    <xdr:to>
      <xdr:col>24</xdr:col>
      <xdr:colOff>25400</xdr:colOff>
      <xdr:row>60</xdr:row>
      <xdr:rowOff>61685</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flipV="1">
          <a:off x="3987800" y="10283372"/>
          <a:ext cx="8382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3549</xdr:rowOff>
    </xdr:from>
    <xdr:ext cx="762000" cy="259045"/>
    <xdr:sp macro="" textlink="">
      <xdr:nvSpPr>
        <xdr:cNvPr id="195" name="扶助費平均値テキスト">
          <a:extLst>
            <a:ext uri="{FF2B5EF4-FFF2-40B4-BE49-F238E27FC236}">
              <a16:creationId xmlns:a16="http://schemas.microsoft.com/office/drawing/2014/main" id="{00000000-0008-0000-0400-0000C3000000}"/>
            </a:ext>
          </a:extLst>
        </xdr:cNvPr>
        <xdr:cNvSpPr txBox="1"/>
      </xdr:nvSpPr>
      <xdr:spPr>
        <a:xfrm>
          <a:off x="4914900" y="97347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17022</xdr:rowOff>
    </xdr:from>
    <xdr:to>
      <xdr:col>24</xdr:col>
      <xdr:colOff>76200</xdr:colOff>
      <xdr:row>58</xdr:row>
      <xdr:rowOff>47172</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47752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61685</xdr:rowOff>
    </xdr:from>
    <xdr:to>
      <xdr:col>19</xdr:col>
      <xdr:colOff>187325</xdr:colOff>
      <xdr:row>60</xdr:row>
      <xdr:rowOff>143328</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flipV="1">
          <a:off x="3098800" y="10348685"/>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0885</xdr:rowOff>
    </xdr:from>
    <xdr:to>
      <xdr:col>20</xdr:col>
      <xdr:colOff>38100</xdr:colOff>
      <xdr:row>58</xdr:row>
      <xdr:rowOff>112485</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3937000" y="995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22662</xdr:rowOff>
    </xdr:from>
    <xdr:ext cx="7366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606800" y="9723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151493</xdr:rowOff>
    </xdr:from>
    <xdr:to>
      <xdr:col>15</xdr:col>
      <xdr:colOff>98425</xdr:colOff>
      <xdr:row>60</xdr:row>
      <xdr:rowOff>143328</xdr:rowOff>
    </xdr:to>
    <xdr:cxnSp macro="">
      <xdr:nvCxnSpPr>
        <xdr:cNvPr id="200" name="直線コネクタ 199">
          <a:extLst>
            <a:ext uri="{FF2B5EF4-FFF2-40B4-BE49-F238E27FC236}">
              <a16:creationId xmlns:a16="http://schemas.microsoft.com/office/drawing/2014/main" id="{00000000-0008-0000-0400-0000C8000000}"/>
            </a:ext>
          </a:extLst>
        </xdr:cNvPr>
        <xdr:cNvCxnSpPr/>
      </xdr:nvCxnSpPr>
      <xdr:spPr>
        <a:xfrm>
          <a:off x="2209800" y="10267043"/>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76200</xdr:rowOff>
    </xdr:from>
    <xdr:to>
      <xdr:col>15</xdr:col>
      <xdr:colOff>149225</xdr:colOff>
      <xdr:row>59</xdr:row>
      <xdr:rowOff>6350</xdr:rowOff>
    </xdr:to>
    <xdr:sp macro="" textlink="">
      <xdr:nvSpPr>
        <xdr:cNvPr id="201" name="フローチャート: 判断 200">
          <a:extLst>
            <a:ext uri="{FF2B5EF4-FFF2-40B4-BE49-F238E27FC236}">
              <a16:creationId xmlns:a16="http://schemas.microsoft.com/office/drawing/2014/main" id="{00000000-0008-0000-0400-0000C9000000}"/>
            </a:ext>
          </a:extLst>
        </xdr:cNvPr>
        <xdr:cNvSpPr/>
      </xdr:nvSpPr>
      <xdr:spPr>
        <a:xfrm>
          <a:off x="3048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652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717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118835</xdr:rowOff>
    </xdr:from>
    <xdr:to>
      <xdr:col>11</xdr:col>
      <xdr:colOff>9525</xdr:colOff>
      <xdr:row>59</xdr:row>
      <xdr:rowOff>151493</xdr:rowOff>
    </xdr:to>
    <xdr:cxnSp macro="">
      <xdr:nvCxnSpPr>
        <xdr:cNvPr id="203" name="直線コネクタ 202">
          <a:extLst>
            <a:ext uri="{FF2B5EF4-FFF2-40B4-BE49-F238E27FC236}">
              <a16:creationId xmlns:a16="http://schemas.microsoft.com/office/drawing/2014/main" id="{00000000-0008-0000-0400-0000CB000000}"/>
            </a:ext>
          </a:extLst>
        </xdr:cNvPr>
        <xdr:cNvCxnSpPr/>
      </xdr:nvCxnSpPr>
      <xdr:spPr>
        <a:xfrm>
          <a:off x="1320800" y="102343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49678</xdr:rowOff>
    </xdr:from>
    <xdr:to>
      <xdr:col>11</xdr:col>
      <xdr:colOff>60325</xdr:colOff>
      <xdr:row>58</xdr:row>
      <xdr:rowOff>79828</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2159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90005</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828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84365</xdr:rowOff>
    </xdr:from>
    <xdr:to>
      <xdr:col>6</xdr:col>
      <xdr:colOff>171450</xdr:colOff>
      <xdr:row>58</xdr:row>
      <xdr:rowOff>14515</xdr:rowOff>
    </xdr:to>
    <xdr:sp macro="" textlink="">
      <xdr:nvSpPr>
        <xdr:cNvPr id="206" name="フローチャート: 判断 205">
          <a:extLst>
            <a:ext uri="{FF2B5EF4-FFF2-40B4-BE49-F238E27FC236}">
              <a16:creationId xmlns:a16="http://schemas.microsoft.com/office/drawing/2014/main" id="{00000000-0008-0000-0400-0000CE000000}"/>
            </a:ext>
          </a:extLst>
        </xdr:cNvPr>
        <xdr:cNvSpPr/>
      </xdr:nvSpPr>
      <xdr:spPr>
        <a:xfrm>
          <a:off x="1270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24692</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939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17022</xdr:rowOff>
    </xdr:from>
    <xdr:to>
      <xdr:col>24</xdr:col>
      <xdr:colOff>76200</xdr:colOff>
      <xdr:row>60</xdr:row>
      <xdr:rowOff>47172</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4775200" y="10232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89099</xdr:rowOff>
    </xdr:from>
    <xdr:ext cx="762000" cy="259045"/>
    <xdr:sp macro="" textlink="">
      <xdr:nvSpPr>
        <xdr:cNvPr id="214" name="扶助費該当値テキスト">
          <a:extLst>
            <a:ext uri="{FF2B5EF4-FFF2-40B4-BE49-F238E27FC236}">
              <a16:creationId xmlns:a16="http://schemas.microsoft.com/office/drawing/2014/main" id="{00000000-0008-0000-0400-0000D6000000}"/>
            </a:ext>
          </a:extLst>
        </xdr:cNvPr>
        <xdr:cNvSpPr txBox="1"/>
      </xdr:nvSpPr>
      <xdr:spPr>
        <a:xfrm>
          <a:off x="4914900" y="1020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10885</xdr:rowOff>
    </xdr:from>
    <xdr:to>
      <xdr:col>20</xdr:col>
      <xdr:colOff>38100</xdr:colOff>
      <xdr:row>60</xdr:row>
      <xdr:rowOff>112485</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937000" y="10297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97262</xdr:rowOff>
    </xdr:from>
    <xdr:ext cx="7366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3606800" y="10384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92528</xdr:rowOff>
    </xdr:from>
    <xdr:to>
      <xdr:col>15</xdr:col>
      <xdr:colOff>149225</xdr:colOff>
      <xdr:row>61</xdr:row>
      <xdr:rowOff>22678</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3048000" y="1037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7455</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2717800" y="10465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100693</xdr:rowOff>
    </xdr:from>
    <xdr:to>
      <xdr:col>11</xdr:col>
      <xdr:colOff>60325</xdr:colOff>
      <xdr:row>60</xdr:row>
      <xdr:rowOff>30843</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2159000" y="1021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5620</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1828800" y="10302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68035</xdr:rowOff>
    </xdr:from>
    <xdr:to>
      <xdr:col>6</xdr:col>
      <xdr:colOff>171450</xdr:colOff>
      <xdr:row>59</xdr:row>
      <xdr:rowOff>169635</xdr:rowOff>
    </xdr:to>
    <xdr:sp macro="" textlink="">
      <xdr:nvSpPr>
        <xdr:cNvPr id="221" name="楕円 220">
          <a:extLst>
            <a:ext uri="{FF2B5EF4-FFF2-40B4-BE49-F238E27FC236}">
              <a16:creationId xmlns:a16="http://schemas.microsoft.com/office/drawing/2014/main" id="{00000000-0008-0000-0400-0000DD000000}"/>
            </a:ext>
          </a:extLst>
        </xdr:cNvPr>
        <xdr:cNvSpPr/>
      </xdr:nvSpPr>
      <xdr:spPr>
        <a:xfrm>
          <a:off x="1270000" y="1018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154412</xdr:rowOff>
    </xdr:from>
    <xdr:ext cx="762000" cy="259045"/>
    <xdr:sp macro="" textlink="">
      <xdr:nvSpPr>
        <xdr:cNvPr id="222" name="テキスト ボックス 221">
          <a:extLst>
            <a:ext uri="{FF2B5EF4-FFF2-40B4-BE49-F238E27FC236}">
              <a16:creationId xmlns:a16="http://schemas.microsoft.com/office/drawing/2014/main" id="{00000000-0008-0000-0400-0000DE000000}"/>
            </a:ext>
          </a:extLst>
        </xdr:cNvPr>
        <xdr:cNvSpPr txBox="1"/>
      </xdr:nvSpPr>
      <xdr:spPr>
        <a:xfrm>
          <a:off x="939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a:extLst>
            <a:ext uri="{FF2B5EF4-FFF2-40B4-BE49-F238E27FC236}">
              <a16:creationId xmlns:a16="http://schemas.microsoft.com/office/drawing/2014/main" id="{00000000-0008-0000-0400-0000E8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その他のうち主なものは繰出金（</a:t>
          </a:r>
          <a:r>
            <a:rPr kumimoji="1" lang="en-US" altLang="ja-JP" sz="1100">
              <a:latin typeface="ＭＳ Ｐゴシック" panose="020B0600070205080204" pitchFamily="50" charset="-128"/>
              <a:ea typeface="ＭＳ Ｐゴシック" panose="020B0600070205080204" pitchFamily="50" charset="-128"/>
            </a:rPr>
            <a:t>8.4</a:t>
          </a:r>
          <a:r>
            <a:rPr kumimoji="1" lang="ja-JP" altLang="en-US" sz="1100">
              <a:latin typeface="ＭＳ Ｐゴシック" panose="020B0600070205080204" pitchFamily="50" charset="-128"/>
              <a:ea typeface="ＭＳ Ｐゴシック" panose="020B0600070205080204" pitchFamily="50" charset="-128"/>
            </a:rPr>
            <a:t>％）となっています。</a:t>
          </a:r>
        </a:p>
        <a:p>
          <a:r>
            <a:rPr kumimoji="1" lang="ja-JP" altLang="en-US" sz="1100">
              <a:latin typeface="ＭＳ Ｐゴシック" panose="020B0600070205080204" pitchFamily="50" charset="-128"/>
              <a:ea typeface="ＭＳ Ｐゴシック" panose="020B0600070205080204" pitchFamily="50" charset="-128"/>
            </a:rPr>
            <a:t>　高齢化に伴い、介護保険事業費会計や後期高齢者医療事業費会計に対する繰出金が増加傾向にあります。令和元年度及び２年度は、給付費の増等により、上昇しました。</a:t>
          </a:r>
        </a:p>
        <a:p>
          <a:r>
            <a:rPr kumimoji="1" lang="ja-JP" altLang="en-US" sz="1100">
              <a:latin typeface="ＭＳ Ｐゴシック" panose="020B0600070205080204" pitchFamily="50" charset="-128"/>
              <a:ea typeface="ＭＳ Ｐゴシック" panose="020B0600070205080204" pitchFamily="50" charset="-128"/>
            </a:rPr>
            <a:t>　令和３年度は、給付費の増等により介護保険事業費会計に対する繰出金の増加はあったものの、経常一般財源の増により、低下しました（（３）市町村財政比較分析表参照）。</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127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17575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5622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43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2700</xdr:rowOff>
    </xdr:from>
    <xdr:to>
      <xdr:col>82</xdr:col>
      <xdr:colOff>196850</xdr:colOff>
      <xdr:row>61</xdr:row>
      <xdr:rowOff>1270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71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88900</xdr:rowOff>
    </xdr:from>
    <xdr:to>
      <xdr:col>82</xdr:col>
      <xdr:colOff>107950</xdr:colOff>
      <xdr:row>55</xdr:row>
      <xdr:rowOff>3175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5671800" y="93472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86377</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5161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14300</xdr:rowOff>
    </xdr:from>
    <xdr:to>
      <xdr:col>82</xdr:col>
      <xdr:colOff>158750</xdr:colOff>
      <xdr:row>56</xdr:row>
      <xdr:rowOff>444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544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146050</xdr:rowOff>
    </xdr:from>
    <xdr:to>
      <xdr:col>78</xdr:col>
      <xdr:colOff>69850</xdr:colOff>
      <xdr:row>55</xdr:row>
      <xdr:rowOff>3175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a:off x="14782800" y="94043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7150</xdr:rowOff>
    </xdr:from>
    <xdr:to>
      <xdr:col>78</xdr:col>
      <xdr:colOff>120650</xdr:colOff>
      <xdr:row>56</xdr:row>
      <xdr:rowOff>1587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658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435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744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31750</xdr:rowOff>
    </xdr:from>
    <xdr:to>
      <xdr:col>73</xdr:col>
      <xdr:colOff>180975</xdr:colOff>
      <xdr:row>54</xdr:row>
      <xdr:rowOff>146050</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929005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152400</xdr:rowOff>
    </xdr:from>
    <xdr:to>
      <xdr:col>74</xdr:col>
      <xdr:colOff>31750</xdr:colOff>
      <xdr:row>56</xdr:row>
      <xdr:rowOff>82550</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732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668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31750</xdr:rowOff>
    </xdr:from>
    <xdr:to>
      <xdr:col>69</xdr:col>
      <xdr:colOff>92075</xdr:colOff>
      <xdr:row>54</xdr:row>
      <xdr:rowOff>50800</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flipV="1">
          <a:off x="13004800" y="92900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133350</xdr:rowOff>
    </xdr:from>
    <xdr:to>
      <xdr:col>69</xdr:col>
      <xdr:colOff>142875</xdr:colOff>
      <xdr:row>56</xdr:row>
      <xdr:rowOff>6350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82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95250</xdr:rowOff>
    </xdr:from>
    <xdr:to>
      <xdr:col>65</xdr:col>
      <xdr:colOff>53975</xdr:colOff>
      <xdr:row>56</xdr:row>
      <xdr:rowOff>25400</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38100</xdr:rowOff>
    </xdr:from>
    <xdr:to>
      <xdr:col>82</xdr:col>
      <xdr:colOff>158750</xdr:colOff>
      <xdr:row>54</xdr:row>
      <xdr:rowOff>1397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54627</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14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152400</xdr:rowOff>
    </xdr:from>
    <xdr:to>
      <xdr:col>78</xdr:col>
      <xdr:colOff>120650</xdr:colOff>
      <xdr:row>55</xdr:row>
      <xdr:rowOff>8255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92727</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17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95250</xdr:rowOff>
    </xdr:from>
    <xdr:to>
      <xdr:col>74</xdr:col>
      <xdr:colOff>31750</xdr:colOff>
      <xdr:row>55</xdr:row>
      <xdr:rowOff>2540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35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3557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912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3</xdr:row>
      <xdr:rowOff>152400</xdr:rowOff>
    </xdr:from>
    <xdr:to>
      <xdr:col>69</xdr:col>
      <xdr:colOff>142875</xdr:colOff>
      <xdr:row>54</xdr:row>
      <xdr:rowOff>8255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2</xdr:row>
      <xdr:rowOff>9272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900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0</xdr:rowOff>
    </xdr:from>
    <xdr:to>
      <xdr:col>65</xdr:col>
      <xdr:colOff>53975</xdr:colOff>
      <xdr:row>54</xdr:row>
      <xdr:rowOff>10160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11177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市は、地下鉄、病院、下水道等の公営企業会計への繰出しが多額になっており、類似団体の中で最大となっています。</a:t>
          </a:r>
        </a:p>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高速鉄道事業会計や下水道事業会計への繰出金の減等により低下したほか、令和元年度及び令和２年度はともに、下水道事業会計への繰出金の減等により低下しました。 令和３年度は、経常一般財源の増により、低下しました（（３）市町村財政比較分析表参照）。</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31750</xdr:rowOff>
    </xdr:from>
    <xdr:to>
      <xdr:col>82</xdr:col>
      <xdr:colOff>107950</xdr:colOff>
      <xdr:row>39</xdr:row>
      <xdr:rowOff>12700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689600"/>
          <a:ext cx="0" cy="1123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9907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6785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27000</xdr:rowOff>
    </xdr:from>
    <xdr:to>
      <xdr:col>82</xdr:col>
      <xdr:colOff>196850</xdr:colOff>
      <xdr:row>39</xdr:row>
      <xdr:rowOff>12700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6813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812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43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31750</xdr:rowOff>
    </xdr:from>
    <xdr:to>
      <xdr:col>82</xdr:col>
      <xdr:colOff>196850</xdr:colOff>
      <xdr:row>33</xdr:row>
      <xdr:rowOff>3175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689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9</xdr:row>
      <xdr:rowOff>127000</xdr:rowOff>
    </xdr:from>
    <xdr:to>
      <xdr:col>82</xdr:col>
      <xdr:colOff>107950</xdr:colOff>
      <xdr:row>40</xdr:row>
      <xdr:rowOff>10795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5671800" y="681355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9272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6093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6200</xdr:rowOff>
    </xdr:from>
    <xdr:to>
      <xdr:col>82</xdr:col>
      <xdr:colOff>158750</xdr:colOff>
      <xdr:row>37</xdr:row>
      <xdr:rowOff>635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40</xdr:row>
      <xdr:rowOff>107950</xdr:rowOff>
    </xdr:from>
    <xdr:to>
      <xdr:col>78</xdr:col>
      <xdr:colOff>69850</xdr:colOff>
      <xdr:row>41</xdr:row>
      <xdr:rowOff>6985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9659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52400</xdr:rowOff>
    </xdr:from>
    <xdr:to>
      <xdr:col>78</xdr:col>
      <xdr:colOff>120650</xdr:colOff>
      <xdr:row>37</xdr:row>
      <xdr:rowOff>8255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32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9272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609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41</xdr:row>
      <xdr:rowOff>69850</xdr:rowOff>
    </xdr:from>
    <xdr:to>
      <xdr:col>73</xdr:col>
      <xdr:colOff>180975</xdr:colOff>
      <xdr:row>41</xdr:row>
      <xdr:rowOff>10795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7099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38100</xdr:rowOff>
    </xdr:from>
    <xdr:to>
      <xdr:col>74</xdr:col>
      <xdr:colOff>31750</xdr:colOff>
      <xdr:row>37</xdr:row>
      <xdr:rowOff>13970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381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498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6150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41</xdr:row>
      <xdr:rowOff>107950</xdr:rowOff>
    </xdr:from>
    <xdr:to>
      <xdr:col>69</xdr:col>
      <xdr:colOff>92075</xdr:colOff>
      <xdr:row>41</xdr:row>
      <xdr:rowOff>14605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flipV="1">
          <a:off x="13004800" y="71374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76200</xdr:rowOff>
    </xdr:from>
    <xdr:to>
      <xdr:col>69</xdr:col>
      <xdr:colOff>142875</xdr:colOff>
      <xdr:row>38</xdr:row>
      <xdr:rowOff>635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652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618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14300</xdr:rowOff>
    </xdr:from>
    <xdr:to>
      <xdr:col>65</xdr:col>
      <xdr:colOff>53975</xdr:colOff>
      <xdr:row>38</xdr:row>
      <xdr:rowOff>4445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457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5462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622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9</xdr:row>
      <xdr:rowOff>76200</xdr:rowOff>
    </xdr:from>
    <xdr:to>
      <xdr:col>82</xdr:col>
      <xdr:colOff>158750</xdr:colOff>
      <xdr:row>40</xdr:row>
      <xdr:rowOff>635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76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8</xdr:row>
      <xdr:rowOff>15622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671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40</xdr:row>
      <xdr:rowOff>57150</xdr:rowOff>
    </xdr:from>
    <xdr:to>
      <xdr:col>78</xdr:col>
      <xdr:colOff>120650</xdr:colOff>
      <xdr:row>40</xdr:row>
      <xdr:rowOff>15875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915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40</xdr:row>
      <xdr:rowOff>14352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7001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41</xdr:row>
      <xdr:rowOff>19050</xdr:rowOff>
    </xdr:from>
    <xdr:to>
      <xdr:col>74</xdr:col>
      <xdr:colOff>31750</xdr:colOff>
      <xdr:row>41</xdr:row>
      <xdr:rowOff>1206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704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41</xdr:row>
      <xdr:rowOff>10542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41</xdr:row>
      <xdr:rowOff>57150</xdr:rowOff>
    </xdr:from>
    <xdr:to>
      <xdr:col>69</xdr:col>
      <xdr:colOff>142875</xdr:colOff>
      <xdr:row>41</xdr:row>
      <xdr:rowOff>15875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708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41</xdr:row>
      <xdr:rowOff>14352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717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41</xdr:row>
      <xdr:rowOff>95250</xdr:rowOff>
    </xdr:from>
    <xdr:to>
      <xdr:col>65</xdr:col>
      <xdr:colOff>53975</xdr:colOff>
      <xdr:row>42</xdr:row>
      <xdr:rowOff>2540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712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42</xdr:row>
      <xdr:rowOff>1017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721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満期一括５年債（３セク債）の満期到来に伴い償還元金が増加しましたが、土地売払収入などの公債費充当特定財源が増加したことにより、低下しました。　</a:t>
          </a:r>
        </a:p>
        <a:p>
          <a:r>
            <a:rPr kumimoji="1" lang="ja-JP" altLang="en-US" sz="1100">
              <a:latin typeface="ＭＳ Ｐゴシック" panose="020B0600070205080204" pitchFamily="50" charset="-128"/>
              <a:ea typeface="ＭＳ Ｐゴシック" panose="020B0600070205080204" pitchFamily="50" charset="-128"/>
            </a:rPr>
            <a:t>　令和元年度は、用地先行取得債の償還に伴い上昇、令和２年度は、土地売払収入などの特定財源の減により、公債費充当一般財源が増加したことにより、上昇しました。令和３年度は、用地先行取得債取得土地に係る元金償還額が減少したほか、経常一般財源の増により、低下しました（（３）市町村財政比較分析表参照）。</a:t>
          </a: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a:extLst>
            <a:ext uri="{FF2B5EF4-FFF2-40B4-BE49-F238E27FC236}">
              <a16:creationId xmlns:a16="http://schemas.microsoft.com/office/drawing/2014/main" id="{00000000-0008-0000-0400-000073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1</xdr:row>
      <xdr:rowOff>50800</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flipV="1">
          <a:off x="4826000" y="1254760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22877</xdr:rowOff>
    </xdr:from>
    <xdr:ext cx="762000" cy="259045"/>
    <xdr:sp macro="" textlink="">
      <xdr:nvSpPr>
        <xdr:cNvPr id="373" name="公債費最小値テキスト">
          <a:extLst>
            <a:ext uri="{FF2B5EF4-FFF2-40B4-BE49-F238E27FC236}">
              <a16:creationId xmlns:a16="http://schemas.microsoft.com/office/drawing/2014/main" id="{00000000-0008-0000-0400-000075010000}"/>
            </a:ext>
          </a:extLst>
        </xdr:cNvPr>
        <xdr:cNvSpPr txBox="1"/>
      </xdr:nvSpPr>
      <xdr:spPr>
        <a:xfrm>
          <a:off x="4914900" y="1391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50800</xdr:rowOff>
    </xdr:from>
    <xdr:to>
      <xdr:col>24</xdr:col>
      <xdr:colOff>114300</xdr:colOff>
      <xdr:row>81</xdr:row>
      <xdr:rowOff>5080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4737100" y="1393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75" name="公債費最大値テキスト">
          <a:extLst>
            <a:ext uri="{FF2B5EF4-FFF2-40B4-BE49-F238E27FC236}">
              <a16:creationId xmlns:a16="http://schemas.microsoft.com/office/drawing/2014/main" id="{00000000-0008-0000-0400-000077010000}"/>
            </a:ext>
          </a:extLst>
        </xdr:cNvPr>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50800</xdr:rowOff>
    </xdr:from>
    <xdr:to>
      <xdr:col>24</xdr:col>
      <xdr:colOff>25400</xdr:colOff>
      <xdr:row>78</xdr:row>
      <xdr:rowOff>12700</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987800" y="13081000"/>
          <a:ext cx="8382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6377</xdr:rowOff>
    </xdr:from>
    <xdr:ext cx="762000" cy="259045"/>
    <xdr:sp macro="" textlink="">
      <xdr:nvSpPr>
        <xdr:cNvPr id="378" name="公債費平均値テキスト">
          <a:extLst>
            <a:ext uri="{FF2B5EF4-FFF2-40B4-BE49-F238E27FC236}">
              <a16:creationId xmlns:a16="http://schemas.microsoft.com/office/drawing/2014/main" id="{00000000-0008-0000-0400-00007A010000}"/>
            </a:ext>
          </a:extLst>
        </xdr:cNvPr>
        <xdr:cNvSpPr txBox="1"/>
      </xdr:nvSpPr>
      <xdr:spPr>
        <a:xfrm>
          <a:off x="4914900" y="13116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4300</xdr:rowOff>
    </xdr:from>
    <xdr:to>
      <xdr:col>24</xdr:col>
      <xdr:colOff>76200</xdr:colOff>
      <xdr:row>77</xdr:row>
      <xdr:rowOff>44450</xdr:rowOff>
    </xdr:to>
    <xdr:sp macro="" textlink="">
      <xdr:nvSpPr>
        <xdr:cNvPr id="379" name="フローチャート: 判断 378">
          <a:extLst>
            <a:ext uri="{FF2B5EF4-FFF2-40B4-BE49-F238E27FC236}">
              <a16:creationId xmlns:a16="http://schemas.microsoft.com/office/drawing/2014/main" id="{00000000-0008-0000-0400-00007B010000}"/>
            </a:ext>
          </a:extLst>
        </xdr:cNvPr>
        <xdr:cNvSpPr/>
      </xdr:nvSpPr>
      <xdr:spPr>
        <a:xfrm>
          <a:off x="47752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31750</xdr:rowOff>
    </xdr:from>
    <xdr:to>
      <xdr:col>19</xdr:col>
      <xdr:colOff>187325</xdr:colOff>
      <xdr:row>78</xdr:row>
      <xdr:rowOff>12700</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3098800" y="132334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76200</xdr:rowOff>
    </xdr:from>
    <xdr:to>
      <xdr:col>20</xdr:col>
      <xdr:colOff>38100</xdr:colOff>
      <xdr:row>78</xdr:row>
      <xdr:rowOff>635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937000" y="1327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6527</xdr:rowOff>
    </xdr:from>
    <xdr:ext cx="7366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3606800" y="13046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88900</xdr:rowOff>
    </xdr:from>
    <xdr:to>
      <xdr:col>15</xdr:col>
      <xdr:colOff>98425</xdr:colOff>
      <xdr:row>77</xdr:row>
      <xdr:rowOff>31750</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a:off x="2209800" y="12947650"/>
          <a:ext cx="889000" cy="285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14300</xdr:rowOff>
    </xdr:from>
    <xdr:to>
      <xdr:col>15</xdr:col>
      <xdr:colOff>149225</xdr:colOff>
      <xdr:row>78</xdr:row>
      <xdr:rowOff>44450</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3048000" y="1331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2922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2717800" y="1340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88900</xdr:rowOff>
    </xdr:from>
    <xdr:to>
      <xdr:col>11</xdr:col>
      <xdr:colOff>9525</xdr:colOff>
      <xdr:row>75</xdr:row>
      <xdr:rowOff>165100</xdr:rowOff>
    </xdr:to>
    <xdr:cxnSp macro="">
      <xdr:nvCxnSpPr>
        <xdr:cNvPr id="386" name="直線コネクタ 385">
          <a:extLst>
            <a:ext uri="{FF2B5EF4-FFF2-40B4-BE49-F238E27FC236}">
              <a16:creationId xmlns:a16="http://schemas.microsoft.com/office/drawing/2014/main" id="{00000000-0008-0000-0400-000082010000}"/>
            </a:ext>
          </a:extLst>
        </xdr:cNvPr>
        <xdr:cNvCxnSpPr/>
      </xdr:nvCxnSpPr>
      <xdr:spPr>
        <a:xfrm flipV="1">
          <a:off x="1320800" y="129476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33350</xdr:rowOff>
    </xdr:from>
    <xdr:to>
      <xdr:col>11</xdr:col>
      <xdr:colOff>60325</xdr:colOff>
      <xdr:row>78</xdr:row>
      <xdr:rowOff>63500</xdr:rowOff>
    </xdr:to>
    <xdr:sp macro="" textlink="">
      <xdr:nvSpPr>
        <xdr:cNvPr id="387" name="フローチャート: 判断 386">
          <a:extLst>
            <a:ext uri="{FF2B5EF4-FFF2-40B4-BE49-F238E27FC236}">
              <a16:creationId xmlns:a16="http://schemas.microsoft.com/office/drawing/2014/main" id="{00000000-0008-0000-0400-000083010000}"/>
            </a:ext>
          </a:extLst>
        </xdr:cNvPr>
        <xdr:cNvSpPr/>
      </xdr:nvSpPr>
      <xdr:spPr>
        <a:xfrm>
          <a:off x="2159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482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828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57150</xdr:rowOff>
    </xdr:from>
    <xdr:to>
      <xdr:col>6</xdr:col>
      <xdr:colOff>171450</xdr:colOff>
      <xdr:row>78</xdr:row>
      <xdr:rowOff>158750</xdr:rowOff>
    </xdr:to>
    <xdr:sp macro="" textlink="">
      <xdr:nvSpPr>
        <xdr:cNvPr id="389" name="フローチャート: 判断 388">
          <a:extLst>
            <a:ext uri="{FF2B5EF4-FFF2-40B4-BE49-F238E27FC236}">
              <a16:creationId xmlns:a16="http://schemas.microsoft.com/office/drawing/2014/main" id="{00000000-0008-0000-0400-000085010000}"/>
            </a:ext>
          </a:extLst>
        </xdr:cNvPr>
        <xdr:cNvSpPr/>
      </xdr:nvSpPr>
      <xdr:spPr>
        <a:xfrm>
          <a:off x="1270000" y="1343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4352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939800" y="1351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0</xdr:rowOff>
    </xdr:from>
    <xdr:to>
      <xdr:col>24</xdr:col>
      <xdr:colOff>76200</xdr:colOff>
      <xdr:row>76</xdr:row>
      <xdr:rowOff>101600</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4775200" y="1303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6527</xdr:rowOff>
    </xdr:from>
    <xdr:ext cx="762000" cy="259045"/>
    <xdr:sp macro="" textlink="">
      <xdr:nvSpPr>
        <xdr:cNvPr id="397" name="公債費該当値テキスト">
          <a:extLst>
            <a:ext uri="{FF2B5EF4-FFF2-40B4-BE49-F238E27FC236}">
              <a16:creationId xmlns:a16="http://schemas.microsoft.com/office/drawing/2014/main" id="{00000000-0008-0000-0400-00008D010000}"/>
            </a:ext>
          </a:extLst>
        </xdr:cNvPr>
        <xdr:cNvSpPr txBox="1"/>
      </xdr:nvSpPr>
      <xdr:spPr>
        <a:xfrm>
          <a:off x="49149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133350</xdr:rowOff>
    </xdr:from>
    <xdr:to>
      <xdr:col>20</xdr:col>
      <xdr:colOff>38100</xdr:colOff>
      <xdr:row>78</xdr:row>
      <xdr:rowOff>63500</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3937000" y="1333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48277</xdr:rowOff>
    </xdr:from>
    <xdr:ext cx="7366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3606800" y="1342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52400</xdr:rowOff>
    </xdr:from>
    <xdr:to>
      <xdr:col>15</xdr:col>
      <xdr:colOff>149225</xdr:colOff>
      <xdr:row>77</xdr:row>
      <xdr:rowOff>82550</xdr:rowOff>
    </xdr:to>
    <xdr:sp macro="" textlink="">
      <xdr:nvSpPr>
        <xdr:cNvPr id="400" name="楕円 399">
          <a:extLst>
            <a:ext uri="{FF2B5EF4-FFF2-40B4-BE49-F238E27FC236}">
              <a16:creationId xmlns:a16="http://schemas.microsoft.com/office/drawing/2014/main" id="{00000000-0008-0000-0400-000090010000}"/>
            </a:ext>
          </a:extLst>
        </xdr:cNvPr>
        <xdr:cNvSpPr/>
      </xdr:nvSpPr>
      <xdr:spPr>
        <a:xfrm>
          <a:off x="30480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92727</xdr:rowOff>
    </xdr:from>
    <xdr:ext cx="762000" cy="259045"/>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2717800" y="1295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38100</xdr:rowOff>
    </xdr:from>
    <xdr:to>
      <xdr:col>11</xdr:col>
      <xdr:colOff>60325</xdr:colOff>
      <xdr:row>75</xdr:row>
      <xdr:rowOff>139700</xdr:rowOff>
    </xdr:to>
    <xdr:sp macro="" textlink="">
      <xdr:nvSpPr>
        <xdr:cNvPr id="402" name="楕円 401">
          <a:extLst>
            <a:ext uri="{FF2B5EF4-FFF2-40B4-BE49-F238E27FC236}">
              <a16:creationId xmlns:a16="http://schemas.microsoft.com/office/drawing/2014/main" id="{00000000-0008-0000-0400-000092010000}"/>
            </a:ext>
          </a:extLst>
        </xdr:cNvPr>
        <xdr:cNvSpPr/>
      </xdr:nvSpPr>
      <xdr:spPr>
        <a:xfrm>
          <a:off x="2159000" y="12896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49877</xdr:rowOff>
    </xdr:from>
    <xdr:ext cx="762000" cy="259045"/>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828800" y="12665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14300</xdr:rowOff>
    </xdr:from>
    <xdr:to>
      <xdr:col>6</xdr:col>
      <xdr:colOff>171450</xdr:colOff>
      <xdr:row>76</xdr:row>
      <xdr:rowOff>44450</xdr:rowOff>
    </xdr:to>
    <xdr:sp macro="" textlink="">
      <xdr:nvSpPr>
        <xdr:cNvPr id="404" name="楕円 403">
          <a:extLst>
            <a:ext uri="{FF2B5EF4-FFF2-40B4-BE49-F238E27FC236}">
              <a16:creationId xmlns:a16="http://schemas.microsoft.com/office/drawing/2014/main" id="{00000000-0008-0000-0400-000094010000}"/>
            </a:ext>
          </a:extLst>
        </xdr:cNvPr>
        <xdr:cNvSpPr/>
      </xdr:nvSpPr>
      <xdr:spPr>
        <a:xfrm>
          <a:off x="1270000" y="1297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54627</xdr:rowOff>
    </xdr:from>
    <xdr:ext cx="762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939800" y="1274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a:extLst>
            <a:ext uri="{FF2B5EF4-FFF2-40B4-BE49-F238E27FC236}">
              <a16:creationId xmlns:a16="http://schemas.microsoft.com/office/drawing/2014/main" id="{00000000-0008-0000-0400-00009E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a:extLst>
            <a:ext uri="{FF2B5EF4-FFF2-40B4-BE49-F238E27FC236}">
              <a16:creationId xmlns:a16="http://schemas.microsoft.com/office/drawing/2014/main" id="{00000000-0008-0000-0400-00009F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令和元年度までは、公債費以外の経費は上昇しており、占める割合の高い扶助費と同様の状況となっていました。</a:t>
          </a:r>
        </a:p>
        <a:p>
          <a:r>
            <a:rPr kumimoji="1" lang="ja-JP" altLang="en-US" sz="1050">
              <a:latin typeface="ＭＳ Ｐゴシック" panose="020B0600070205080204" pitchFamily="50" charset="-128"/>
              <a:ea typeface="ＭＳ Ｐゴシック" panose="020B0600070205080204" pitchFamily="50" charset="-128"/>
            </a:rPr>
            <a:t>　令和元年度は、幼児教育・保育の無償化に伴う施設型給付費の増等による扶助費の増により、上昇しました。令和２年度は、下水道事業会計への繰出金の減等による補助費等の減等により、低下しました。令和３年度は、障害者支援施設数及び施設利用者数の増加による扶助費の増等があったものの、経常一般財源の増により、低下しました（（３）市町村財政比較分析表参照）。</a:t>
          </a:r>
        </a:p>
      </xdr:txBody>
    </xdr:sp>
    <xdr:clientData/>
  </xdr:twoCellAnchor>
  <xdr:oneCellAnchor>
    <xdr:from>
      <xdr:col>62</xdr:col>
      <xdr:colOff>6350</xdr:colOff>
      <xdr:row>69</xdr:row>
      <xdr:rowOff>107950</xdr:rowOff>
    </xdr:from>
    <xdr:ext cx="298543" cy="225703"/>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7" name="テキスト ボックス 426">
          <a:extLst>
            <a:ext uri="{FF2B5EF4-FFF2-40B4-BE49-F238E27FC236}">
              <a16:creationId xmlns:a16="http://schemas.microsoft.com/office/drawing/2014/main" id="{00000000-0008-0000-0400-0000AB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4" name="公債費以外グラフ枠">
          <a:extLst>
            <a:ext uri="{FF2B5EF4-FFF2-40B4-BE49-F238E27FC236}">
              <a16:creationId xmlns:a16="http://schemas.microsoft.com/office/drawing/2014/main" id="{00000000-0008-0000-0400-0000B2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3328</xdr:rowOff>
    </xdr:from>
    <xdr:to>
      <xdr:col>82</xdr:col>
      <xdr:colOff>107950</xdr:colOff>
      <xdr:row>80</xdr:row>
      <xdr:rowOff>1270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6510000" y="12487728"/>
          <a:ext cx="0" cy="1240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156227</xdr:rowOff>
    </xdr:from>
    <xdr:ext cx="762000" cy="259045"/>
    <xdr:sp macro="" textlink="">
      <xdr:nvSpPr>
        <xdr:cNvPr id="436" name="公債費以外最小値テキスト">
          <a:extLst>
            <a:ext uri="{FF2B5EF4-FFF2-40B4-BE49-F238E27FC236}">
              <a16:creationId xmlns:a16="http://schemas.microsoft.com/office/drawing/2014/main" id="{00000000-0008-0000-0400-0000B4010000}"/>
            </a:ext>
          </a:extLst>
        </xdr:cNvPr>
        <xdr:cNvSpPr txBox="1"/>
      </xdr:nvSpPr>
      <xdr:spPr>
        <a:xfrm>
          <a:off x="16598900" y="1370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2700</xdr:rowOff>
    </xdr:from>
    <xdr:to>
      <xdr:col>82</xdr:col>
      <xdr:colOff>196850</xdr:colOff>
      <xdr:row>80</xdr:row>
      <xdr:rowOff>12700</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a:off x="16421100" y="1372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58255</xdr:rowOff>
    </xdr:from>
    <xdr:ext cx="762000" cy="259045"/>
    <xdr:sp macro="" textlink="">
      <xdr:nvSpPr>
        <xdr:cNvPr id="438" name="公債費以外最大値テキスト">
          <a:extLst>
            <a:ext uri="{FF2B5EF4-FFF2-40B4-BE49-F238E27FC236}">
              <a16:creationId xmlns:a16="http://schemas.microsoft.com/office/drawing/2014/main" id="{00000000-0008-0000-0400-0000B6010000}"/>
            </a:ext>
          </a:extLst>
        </xdr:cNvPr>
        <xdr:cNvSpPr txBox="1"/>
      </xdr:nvSpPr>
      <xdr:spPr>
        <a:xfrm>
          <a:off x="16598900" y="1223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3328</xdr:rowOff>
    </xdr:from>
    <xdr:to>
      <xdr:col>82</xdr:col>
      <xdr:colOff>196850</xdr:colOff>
      <xdr:row>72</xdr:row>
      <xdr:rowOff>143328</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6421100" y="12487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72571</xdr:rowOff>
    </xdr:from>
    <xdr:to>
      <xdr:col>82</xdr:col>
      <xdr:colOff>107950</xdr:colOff>
      <xdr:row>80</xdr:row>
      <xdr:rowOff>143329</xdr:rowOff>
    </xdr:to>
    <xdr:cxnSp macro="">
      <xdr:nvCxnSpPr>
        <xdr:cNvPr id="440" name="直線コネクタ 439">
          <a:extLst>
            <a:ext uri="{FF2B5EF4-FFF2-40B4-BE49-F238E27FC236}">
              <a16:creationId xmlns:a16="http://schemas.microsoft.com/office/drawing/2014/main" id="{00000000-0008-0000-0400-0000B8010000}"/>
            </a:ext>
          </a:extLst>
        </xdr:cNvPr>
        <xdr:cNvCxnSpPr/>
      </xdr:nvCxnSpPr>
      <xdr:spPr>
        <a:xfrm flipV="1">
          <a:off x="15671800" y="13445671"/>
          <a:ext cx="838200" cy="413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54627</xdr:rowOff>
    </xdr:from>
    <xdr:ext cx="762000" cy="259045"/>
    <xdr:sp macro="" textlink="">
      <xdr:nvSpPr>
        <xdr:cNvPr id="441" name="公債費以外平均値テキスト">
          <a:extLst>
            <a:ext uri="{FF2B5EF4-FFF2-40B4-BE49-F238E27FC236}">
              <a16:creationId xmlns:a16="http://schemas.microsoft.com/office/drawing/2014/main" id="{00000000-0008-0000-0400-0000B9010000}"/>
            </a:ext>
          </a:extLst>
        </xdr:cNvPr>
        <xdr:cNvSpPr txBox="1"/>
      </xdr:nvSpPr>
      <xdr:spPr>
        <a:xfrm>
          <a:off x="16598900" y="12913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38100</xdr:rowOff>
    </xdr:from>
    <xdr:to>
      <xdr:col>82</xdr:col>
      <xdr:colOff>158750</xdr:colOff>
      <xdr:row>76</xdr:row>
      <xdr:rowOff>13970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6459200" y="1306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143329</xdr:rowOff>
    </xdr:from>
    <xdr:to>
      <xdr:col>78</xdr:col>
      <xdr:colOff>69850</xdr:colOff>
      <xdr:row>81</xdr:row>
      <xdr:rowOff>135164</xdr:rowOff>
    </xdr:to>
    <xdr:cxnSp macro="">
      <xdr:nvCxnSpPr>
        <xdr:cNvPr id="443" name="直線コネクタ 442">
          <a:extLst>
            <a:ext uri="{FF2B5EF4-FFF2-40B4-BE49-F238E27FC236}">
              <a16:creationId xmlns:a16="http://schemas.microsoft.com/office/drawing/2014/main" id="{00000000-0008-0000-0400-0000BB010000}"/>
            </a:ext>
          </a:extLst>
        </xdr:cNvPr>
        <xdr:cNvCxnSpPr/>
      </xdr:nvCxnSpPr>
      <xdr:spPr>
        <a:xfrm flipV="1">
          <a:off x="14782800" y="13859329"/>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19743</xdr:rowOff>
    </xdr:from>
    <xdr:to>
      <xdr:col>78</xdr:col>
      <xdr:colOff>120650</xdr:colOff>
      <xdr:row>79</xdr:row>
      <xdr:rowOff>49893</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5621000" y="1349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0070</xdr:rowOff>
    </xdr:from>
    <xdr:ext cx="7366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290800" y="13261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88900</xdr:rowOff>
    </xdr:from>
    <xdr:to>
      <xdr:col>73</xdr:col>
      <xdr:colOff>180975</xdr:colOff>
      <xdr:row>81</xdr:row>
      <xdr:rowOff>135164</xdr:rowOff>
    </xdr:to>
    <xdr:cxnSp macro="">
      <xdr:nvCxnSpPr>
        <xdr:cNvPr id="446" name="直線コネクタ 445">
          <a:extLst>
            <a:ext uri="{FF2B5EF4-FFF2-40B4-BE49-F238E27FC236}">
              <a16:creationId xmlns:a16="http://schemas.microsoft.com/office/drawing/2014/main" id="{00000000-0008-0000-0400-0000BE010000}"/>
            </a:ext>
          </a:extLst>
        </xdr:cNvPr>
        <xdr:cNvCxnSpPr/>
      </xdr:nvCxnSpPr>
      <xdr:spPr>
        <a:xfrm>
          <a:off x="13893800" y="13804900"/>
          <a:ext cx="889000" cy="217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97971</xdr:rowOff>
    </xdr:from>
    <xdr:to>
      <xdr:col>74</xdr:col>
      <xdr:colOff>31750</xdr:colOff>
      <xdr:row>79</xdr:row>
      <xdr:rowOff>28121</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4732000" y="13471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38298</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401800" y="13239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67129</xdr:rowOff>
    </xdr:from>
    <xdr:to>
      <xdr:col>69</xdr:col>
      <xdr:colOff>92075</xdr:colOff>
      <xdr:row>80</xdr:row>
      <xdr:rowOff>88900</xdr:rowOff>
    </xdr:to>
    <xdr:cxnSp macro="">
      <xdr:nvCxnSpPr>
        <xdr:cNvPr id="449" name="直線コネクタ 448">
          <a:extLst>
            <a:ext uri="{FF2B5EF4-FFF2-40B4-BE49-F238E27FC236}">
              <a16:creationId xmlns:a16="http://schemas.microsoft.com/office/drawing/2014/main" id="{00000000-0008-0000-0400-0000C1010000}"/>
            </a:ext>
          </a:extLst>
        </xdr:cNvPr>
        <xdr:cNvCxnSpPr/>
      </xdr:nvCxnSpPr>
      <xdr:spPr>
        <a:xfrm>
          <a:off x="13004800" y="13783129"/>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21771</xdr:rowOff>
    </xdr:from>
    <xdr:to>
      <xdr:col>69</xdr:col>
      <xdr:colOff>142875</xdr:colOff>
      <xdr:row>78</xdr:row>
      <xdr:rowOff>123371</xdr:rowOff>
    </xdr:to>
    <xdr:sp macro="" textlink="">
      <xdr:nvSpPr>
        <xdr:cNvPr id="450" name="フローチャート: 判断 449">
          <a:extLst>
            <a:ext uri="{FF2B5EF4-FFF2-40B4-BE49-F238E27FC236}">
              <a16:creationId xmlns:a16="http://schemas.microsoft.com/office/drawing/2014/main" id="{00000000-0008-0000-0400-0000C2010000}"/>
            </a:ext>
          </a:extLst>
        </xdr:cNvPr>
        <xdr:cNvSpPr/>
      </xdr:nvSpPr>
      <xdr:spPr>
        <a:xfrm>
          <a:off x="138430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33548</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3512800" y="13163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60564</xdr:rowOff>
    </xdr:from>
    <xdr:to>
      <xdr:col>65</xdr:col>
      <xdr:colOff>53975</xdr:colOff>
      <xdr:row>78</xdr:row>
      <xdr:rowOff>90714</xdr:rowOff>
    </xdr:to>
    <xdr:sp macro="" textlink="">
      <xdr:nvSpPr>
        <xdr:cNvPr id="452" name="フローチャート: 判断 451">
          <a:extLst>
            <a:ext uri="{FF2B5EF4-FFF2-40B4-BE49-F238E27FC236}">
              <a16:creationId xmlns:a16="http://schemas.microsoft.com/office/drawing/2014/main" id="{00000000-0008-0000-0400-0000C4010000}"/>
            </a:ext>
          </a:extLst>
        </xdr:cNvPr>
        <xdr:cNvSpPr/>
      </xdr:nvSpPr>
      <xdr:spPr>
        <a:xfrm>
          <a:off x="12954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00891</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623800" y="13131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21771</xdr:rowOff>
    </xdr:from>
    <xdr:to>
      <xdr:col>82</xdr:col>
      <xdr:colOff>158750</xdr:colOff>
      <xdr:row>78</xdr:row>
      <xdr:rowOff>123371</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6459200" y="13394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65298</xdr:rowOff>
    </xdr:from>
    <xdr:ext cx="762000" cy="259045"/>
    <xdr:sp macro="" textlink="">
      <xdr:nvSpPr>
        <xdr:cNvPr id="460" name="公債費以外該当値テキスト">
          <a:extLst>
            <a:ext uri="{FF2B5EF4-FFF2-40B4-BE49-F238E27FC236}">
              <a16:creationId xmlns:a16="http://schemas.microsoft.com/office/drawing/2014/main" id="{00000000-0008-0000-0400-0000CC010000}"/>
            </a:ext>
          </a:extLst>
        </xdr:cNvPr>
        <xdr:cNvSpPr txBox="1"/>
      </xdr:nvSpPr>
      <xdr:spPr>
        <a:xfrm>
          <a:off x="16598900" y="13366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92529</xdr:rowOff>
    </xdr:from>
    <xdr:to>
      <xdr:col>78</xdr:col>
      <xdr:colOff>120650</xdr:colOff>
      <xdr:row>81</xdr:row>
      <xdr:rowOff>22679</xdr:rowOff>
    </xdr:to>
    <xdr:sp macro="" textlink="">
      <xdr:nvSpPr>
        <xdr:cNvPr id="461" name="楕円 460">
          <a:extLst>
            <a:ext uri="{FF2B5EF4-FFF2-40B4-BE49-F238E27FC236}">
              <a16:creationId xmlns:a16="http://schemas.microsoft.com/office/drawing/2014/main" id="{00000000-0008-0000-0400-0000CD010000}"/>
            </a:ext>
          </a:extLst>
        </xdr:cNvPr>
        <xdr:cNvSpPr/>
      </xdr:nvSpPr>
      <xdr:spPr>
        <a:xfrm>
          <a:off x="15621000" y="13808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7456</xdr:rowOff>
    </xdr:from>
    <xdr:ext cx="736600" cy="259045"/>
    <xdr:sp macro="" textlink="">
      <xdr:nvSpPr>
        <xdr:cNvPr id="462" name="テキスト ボックス 461">
          <a:extLst>
            <a:ext uri="{FF2B5EF4-FFF2-40B4-BE49-F238E27FC236}">
              <a16:creationId xmlns:a16="http://schemas.microsoft.com/office/drawing/2014/main" id="{00000000-0008-0000-0400-0000CE010000}"/>
            </a:ext>
          </a:extLst>
        </xdr:cNvPr>
        <xdr:cNvSpPr txBox="1"/>
      </xdr:nvSpPr>
      <xdr:spPr>
        <a:xfrm>
          <a:off x="15290800" y="138949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1</xdr:row>
      <xdr:rowOff>84364</xdr:rowOff>
    </xdr:from>
    <xdr:to>
      <xdr:col>74</xdr:col>
      <xdr:colOff>31750</xdr:colOff>
      <xdr:row>82</xdr:row>
      <xdr:rowOff>14514</xdr:rowOff>
    </xdr:to>
    <xdr:sp macro="" textlink="">
      <xdr:nvSpPr>
        <xdr:cNvPr id="463" name="楕円 462">
          <a:extLst>
            <a:ext uri="{FF2B5EF4-FFF2-40B4-BE49-F238E27FC236}">
              <a16:creationId xmlns:a16="http://schemas.microsoft.com/office/drawing/2014/main" id="{00000000-0008-0000-0400-0000CF010000}"/>
            </a:ext>
          </a:extLst>
        </xdr:cNvPr>
        <xdr:cNvSpPr/>
      </xdr:nvSpPr>
      <xdr:spPr>
        <a:xfrm>
          <a:off x="14732000" y="13971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170741</xdr:rowOff>
    </xdr:from>
    <xdr:ext cx="762000" cy="259045"/>
    <xdr:sp macro="" textlink="">
      <xdr:nvSpPr>
        <xdr:cNvPr id="464" name="テキスト ボックス 463">
          <a:extLst>
            <a:ext uri="{FF2B5EF4-FFF2-40B4-BE49-F238E27FC236}">
              <a16:creationId xmlns:a16="http://schemas.microsoft.com/office/drawing/2014/main" id="{00000000-0008-0000-0400-0000D0010000}"/>
            </a:ext>
          </a:extLst>
        </xdr:cNvPr>
        <xdr:cNvSpPr txBox="1"/>
      </xdr:nvSpPr>
      <xdr:spPr>
        <a:xfrm>
          <a:off x="14401800" y="1405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38100</xdr:rowOff>
    </xdr:from>
    <xdr:to>
      <xdr:col>69</xdr:col>
      <xdr:colOff>142875</xdr:colOff>
      <xdr:row>80</xdr:row>
      <xdr:rowOff>139700</xdr:rowOff>
    </xdr:to>
    <xdr:sp macro="" textlink="">
      <xdr:nvSpPr>
        <xdr:cNvPr id="465" name="楕円 464">
          <a:extLst>
            <a:ext uri="{FF2B5EF4-FFF2-40B4-BE49-F238E27FC236}">
              <a16:creationId xmlns:a16="http://schemas.microsoft.com/office/drawing/2014/main" id="{00000000-0008-0000-0400-0000D1010000}"/>
            </a:ext>
          </a:extLst>
        </xdr:cNvPr>
        <xdr:cNvSpPr/>
      </xdr:nvSpPr>
      <xdr:spPr>
        <a:xfrm>
          <a:off x="13843000" y="1375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24477</xdr:rowOff>
    </xdr:from>
    <xdr:ext cx="762000" cy="259045"/>
    <xdr:sp macro="" textlink="">
      <xdr:nvSpPr>
        <xdr:cNvPr id="466" name="テキスト ボックス 465">
          <a:extLst>
            <a:ext uri="{FF2B5EF4-FFF2-40B4-BE49-F238E27FC236}">
              <a16:creationId xmlns:a16="http://schemas.microsoft.com/office/drawing/2014/main" id="{00000000-0008-0000-0400-0000D2010000}"/>
            </a:ext>
          </a:extLst>
        </xdr:cNvPr>
        <xdr:cNvSpPr txBox="1"/>
      </xdr:nvSpPr>
      <xdr:spPr>
        <a:xfrm>
          <a:off x="13512800" y="1384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6329</xdr:rowOff>
    </xdr:from>
    <xdr:to>
      <xdr:col>65</xdr:col>
      <xdr:colOff>53975</xdr:colOff>
      <xdr:row>80</xdr:row>
      <xdr:rowOff>117929</xdr:rowOff>
    </xdr:to>
    <xdr:sp macro="" textlink="">
      <xdr:nvSpPr>
        <xdr:cNvPr id="467" name="楕円 466">
          <a:extLst>
            <a:ext uri="{FF2B5EF4-FFF2-40B4-BE49-F238E27FC236}">
              <a16:creationId xmlns:a16="http://schemas.microsoft.com/office/drawing/2014/main" id="{00000000-0008-0000-0400-0000D3010000}"/>
            </a:ext>
          </a:extLst>
        </xdr:cNvPr>
        <xdr:cNvSpPr/>
      </xdr:nvSpPr>
      <xdr:spPr>
        <a:xfrm>
          <a:off x="12954000" y="13732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02706</xdr:rowOff>
    </xdr:from>
    <xdr:ext cx="762000" cy="259045"/>
    <xdr:sp macro="" textlink="">
      <xdr:nvSpPr>
        <xdr:cNvPr id="468" name="テキスト ボックス 467">
          <a:extLst>
            <a:ext uri="{FF2B5EF4-FFF2-40B4-BE49-F238E27FC236}">
              <a16:creationId xmlns:a16="http://schemas.microsoft.com/office/drawing/2014/main" id="{00000000-0008-0000-0400-0000D4010000}"/>
            </a:ext>
          </a:extLst>
        </xdr:cNvPr>
        <xdr:cNvSpPr txBox="1"/>
      </xdr:nvSpPr>
      <xdr:spPr>
        <a:xfrm>
          <a:off x="12623800" y="1381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4648</xdr:rowOff>
    </xdr:from>
    <xdr:to>
      <xdr:col>29</xdr:col>
      <xdr:colOff>127000</xdr:colOff>
      <xdr:row>20</xdr:row>
      <xdr:rowOff>11824</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159673"/>
          <a:ext cx="0" cy="132877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5351</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60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824</xdr:rowOff>
    </xdr:from>
    <xdr:to>
      <xdr:col>30</xdr:col>
      <xdr:colOff>25400</xdr:colOff>
      <xdr:row>20</xdr:row>
      <xdr:rowOff>1182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884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102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0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4648</xdr:rowOff>
    </xdr:from>
    <xdr:to>
      <xdr:col>30</xdr:col>
      <xdr:colOff>25400</xdr:colOff>
      <xdr:row>12</xdr:row>
      <xdr:rowOff>5464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15967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66078</xdr:rowOff>
    </xdr:from>
    <xdr:to>
      <xdr:col>29</xdr:col>
      <xdr:colOff>127000</xdr:colOff>
      <xdr:row>17</xdr:row>
      <xdr:rowOff>80404</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3028353"/>
          <a:ext cx="647700" cy="143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47464</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4953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30937</xdr:rowOff>
    </xdr:from>
    <xdr:to>
      <xdr:col>29</xdr:col>
      <xdr:colOff>177800</xdr:colOff>
      <xdr:row>15</xdr:row>
      <xdr:rowOff>132537</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503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80404</xdr:rowOff>
    </xdr:from>
    <xdr:to>
      <xdr:col>26</xdr:col>
      <xdr:colOff>50800</xdr:colOff>
      <xdr:row>17</xdr:row>
      <xdr:rowOff>118008</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3042679"/>
          <a:ext cx="698500" cy="376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38138</xdr:rowOff>
    </xdr:from>
    <xdr:to>
      <xdr:col>26</xdr:col>
      <xdr:colOff>101600</xdr:colOff>
      <xdr:row>15</xdr:row>
      <xdr:rowOff>139738</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6575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49915</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4263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18008</xdr:rowOff>
    </xdr:from>
    <xdr:to>
      <xdr:col>22</xdr:col>
      <xdr:colOff>114300</xdr:colOff>
      <xdr:row>17</xdr:row>
      <xdr:rowOff>148641</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080283"/>
          <a:ext cx="698500" cy="306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71285</xdr:rowOff>
    </xdr:from>
    <xdr:to>
      <xdr:col>22</xdr:col>
      <xdr:colOff>165100</xdr:colOff>
      <xdr:row>16</xdr:row>
      <xdr:rowOff>143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6906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161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45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47726</xdr:rowOff>
    </xdr:from>
    <xdr:to>
      <xdr:col>18</xdr:col>
      <xdr:colOff>177800</xdr:colOff>
      <xdr:row>17</xdr:row>
      <xdr:rowOff>148641</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3110001"/>
          <a:ext cx="698500" cy="9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77686</xdr:rowOff>
    </xdr:from>
    <xdr:to>
      <xdr:col>19</xdr:col>
      <xdr:colOff>38100</xdr:colOff>
      <xdr:row>16</xdr:row>
      <xdr:rowOff>7836</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6970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8013</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465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85649</xdr:rowOff>
    </xdr:from>
    <xdr:to>
      <xdr:col>15</xdr:col>
      <xdr:colOff>101600</xdr:colOff>
      <xdr:row>16</xdr:row>
      <xdr:rowOff>15799</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7050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25976</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473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5278</xdr:rowOff>
    </xdr:from>
    <xdr:to>
      <xdr:col>29</xdr:col>
      <xdr:colOff>177800</xdr:colOff>
      <xdr:row>17</xdr:row>
      <xdr:rowOff>116878</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9775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58805</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9496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29604</xdr:rowOff>
    </xdr:from>
    <xdr:to>
      <xdr:col>26</xdr:col>
      <xdr:colOff>101600</xdr:colOff>
      <xdr:row>17</xdr:row>
      <xdr:rowOff>131204</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991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15981</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0782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67208</xdr:rowOff>
    </xdr:from>
    <xdr:to>
      <xdr:col>22</xdr:col>
      <xdr:colOff>165100</xdr:colOff>
      <xdr:row>17</xdr:row>
      <xdr:rowOff>168808</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0294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53585</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115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97841</xdr:rowOff>
    </xdr:from>
    <xdr:to>
      <xdr:col>19</xdr:col>
      <xdr:colOff>38100</xdr:colOff>
      <xdr:row>18</xdr:row>
      <xdr:rowOff>27991</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0601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2768</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14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6926</xdr:rowOff>
    </xdr:from>
    <xdr:to>
      <xdr:col>15</xdr:col>
      <xdr:colOff>101600</xdr:colOff>
      <xdr:row>18</xdr:row>
      <xdr:rowOff>27076</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0592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853</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1455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4" name="人口1人当たり決算額の推移グラフ枠445">
          <a:extLst>
            <a:ext uri="{FF2B5EF4-FFF2-40B4-BE49-F238E27FC236}">
              <a16:creationId xmlns:a16="http://schemas.microsoft.com/office/drawing/2014/main" id="{00000000-0008-0000-0500-000068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67975</xdr:rowOff>
    </xdr:from>
    <xdr:to>
      <xdr:col>29</xdr:col>
      <xdr:colOff>127000</xdr:colOff>
      <xdr:row>37</xdr:row>
      <xdr:rowOff>173909</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flipV="1">
          <a:off x="5651500" y="5992525"/>
          <a:ext cx="0" cy="130608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5986</xdr:rowOff>
    </xdr:from>
    <xdr:ext cx="762000" cy="259045"/>
    <xdr:sp macro="" textlink="">
      <xdr:nvSpPr>
        <xdr:cNvPr id="106" name="人口1人当たり決算額の推移最小値テキスト445">
          <a:extLst>
            <a:ext uri="{FF2B5EF4-FFF2-40B4-BE49-F238E27FC236}">
              <a16:creationId xmlns:a16="http://schemas.microsoft.com/office/drawing/2014/main" id="{00000000-0008-0000-0500-00006A000000}"/>
            </a:ext>
          </a:extLst>
        </xdr:cNvPr>
        <xdr:cNvSpPr txBox="1"/>
      </xdr:nvSpPr>
      <xdr:spPr>
        <a:xfrm>
          <a:off x="5740400" y="727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3909</xdr:rowOff>
    </xdr:from>
    <xdr:to>
      <xdr:col>30</xdr:col>
      <xdr:colOff>25400</xdr:colOff>
      <xdr:row>37</xdr:row>
      <xdr:rowOff>173909</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7298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325802</xdr:rowOff>
    </xdr:from>
    <xdr:ext cx="762000" cy="259045"/>
    <xdr:sp macro="" textlink="">
      <xdr:nvSpPr>
        <xdr:cNvPr id="108" name="人口1人当たり決算額の推移最大値テキスト445">
          <a:extLst>
            <a:ext uri="{FF2B5EF4-FFF2-40B4-BE49-F238E27FC236}">
              <a16:creationId xmlns:a16="http://schemas.microsoft.com/office/drawing/2014/main" id="{00000000-0008-0000-0500-00006C000000}"/>
            </a:ext>
          </a:extLst>
        </xdr:cNvPr>
        <xdr:cNvSpPr txBox="1"/>
      </xdr:nvSpPr>
      <xdr:spPr>
        <a:xfrm>
          <a:off x="5740400" y="5736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67975</xdr:rowOff>
    </xdr:from>
    <xdr:to>
      <xdr:col>30</xdr:col>
      <xdr:colOff>25400</xdr:colOff>
      <xdr:row>33</xdr:row>
      <xdr:rowOff>67975</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59925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4</xdr:row>
      <xdr:rowOff>92024</xdr:rowOff>
    </xdr:from>
    <xdr:to>
      <xdr:col>29</xdr:col>
      <xdr:colOff>127000</xdr:colOff>
      <xdr:row>34</xdr:row>
      <xdr:rowOff>11872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003800" y="6359474"/>
          <a:ext cx="647700" cy="267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36130</xdr:rowOff>
    </xdr:from>
    <xdr:ext cx="762000" cy="259045"/>
    <xdr:sp macro="" textlink="">
      <xdr:nvSpPr>
        <xdr:cNvPr id="111" name="人口1人当たり決算額の推移平均値テキスト445">
          <a:extLst>
            <a:ext uri="{FF2B5EF4-FFF2-40B4-BE49-F238E27FC236}">
              <a16:creationId xmlns:a16="http://schemas.microsoft.com/office/drawing/2014/main" id="{00000000-0008-0000-0500-00006F000000}"/>
            </a:ext>
          </a:extLst>
        </xdr:cNvPr>
        <xdr:cNvSpPr txBox="1"/>
      </xdr:nvSpPr>
      <xdr:spPr>
        <a:xfrm>
          <a:off x="5740400" y="660358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153</xdr:rowOff>
    </xdr:from>
    <xdr:to>
      <xdr:col>29</xdr:col>
      <xdr:colOff>177800</xdr:colOff>
      <xdr:row>35</xdr:row>
      <xdr:rowOff>122753</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5600700" y="6631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4</xdr:row>
      <xdr:rowOff>69759</xdr:rowOff>
    </xdr:from>
    <xdr:to>
      <xdr:col>26</xdr:col>
      <xdr:colOff>50800</xdr:colOff>
      <xdr:row>34</xdr:row>
      <xdr:rowOff>92024</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4305300" y="6337209"/>
          <a:ext cx="698500" cy="222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1735</xdr:rowOff>
    </xdr:from>
    <xdr:to>
      <xdr:col>26</xdr:col>
      <xdr:colOff>101600</xdr:colOff>
      <xdr:row>35</xdr:row>
      <xdr:rowOff>113335</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4953000" y="662208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98112</xdr:rowOff>
    </xdr:from>
    <xdr:ext cx="736600" cy="259045"/>
    <xdr:sp macro="" textlink="">
      <xdr:nvSpPr>
        <xdr:cNvPr id="115" name="テキスト ボックス 114">
          <a:extLst>
            <a:ext uri="{FF2B5EF4-FFF2-40B4-BE49-F238E27FC236}">
              <a16:creationId xmlns:a16="http://schemas.microsoft.com/office/drawing/2014/main" id="{00000000-0008-0000-0500-000073000000}"/>
            </a:ext>
          </a:extLst>
        </xdr:cNvPr>
        <xdr:cNvSpPr txBox="1"/>
      </xdr:nvSpPr>
      <xdr:spPr>
        <a:xfrm>
          <a:off x="4622800" y="67084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4</xdr:row>
      <xdr:rowOff>69759</xdr:rowOff>
    </xdr:from>
    <xdr:to>
      <xdr:col>22</xdr:col>
      <xdr:colOff>114300</xdr:colOff>
      <xdr:row>34</xdr:row>
      <xdr:rowOff>219172</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3606800" y="6337209"/>
          <a:ext cx="698500" cy="1494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0114</xdr:rowOff>
    </xdr:from>
    <xdr:to>
      <xdr:col>22</xdr:col>
      <xdr:colOff>165100</xdr:colOff>
      <xdr:row>35</xdr:row>
      <xdr:rowOff>131714</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254500" y="66404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16491</xdr:rowOff>
    </xdr:from>
    <xdr:ext cx="7620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3924300" y="6726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4</xdr:row>
      <xdr:rowOff>219172</xdr:rowOff>
    </xdr:from>
    <xdr:to>
      <xdr:col>18</xdr:col>
      <xdr:colOff>177800</xdr:colOff>
      <xdr:row>34</xdr:row>
      <xdr:rowOff>237551</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2908300" y="6486622"/>
          <a:ext cx="698500" cy="183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6718</xdr:rowOff>
    </xdr:from>
    <xdr:to>
      <xdr:col>19</xdr:col>
      <xdr:colOff>38100</xdr:colOff>
      <xdr:row>35</xdr:row>
      <xdr:rowOff>118318</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3556000" y="66270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03095</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225800" y="6713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8082</xdr:rowOff>
    </xdr:from>
    <xdr:to>
      <xdr:col>15</xdr:col>
      <xdr:colOff>101600</xdr:colOff>
      <xdr:row>35</xdr:row>
      <xdr:rowOff>149682</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2857500" y="66584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34459</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2527300" y="6744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67925</xdr:rowOff>
    </xdr:from>
    <xdr:to>
      <xdr:col>29</xdr:col>
      <xdr:colOff>177800</xdr:colOff>
      <xdr:row>34</xdr:row>
      <xdr:rowOff>169525</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5600700" y="63353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3</xdr:row>
      <xdr:rowOff>255902</xdr:rowOff>
    </xdr:from>
    <xdr:ext cx="762000" cy="259045"/>
    <xdr:sp macro="" textlink="">
      <xdr:nvSpPr>
        <xdr:cNvPr id="130" name="人口1人当たり決算額の推移該当値テキスト445">
          <a:extLst>
            <a:ext uri="{FF2B5EF4-FFF2-40B4-BE49-F238E27FC236}">
              <a16:creationId xmlns:a16="http://schemas.microsoft.com/office/drawing/2014/main" id="{00000000-0008-0000-0500-000082000000}"/>
            </a:ext>
          </a:extLst>
        </xdr:cNvPr>
        <xdr:cNvSpPr txBox="1"/>
      </xdr:nvSpPr>
      <xdr:spPr>
        <a:xfrm>
          <a:off x="5740400" y="6180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4</xdr:row>
      <xdr:rowOff>41224</xdr:rowOff>
    </xdr:from>
    <xdr:to>
      <xdr:col>26</xdr:col>
      <xdr:colOff>101600</xdr:colOff>
      <xdr:row>34</xdr:row>
      <xdr:rowOff>142824</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953000" y="63086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3</xdr:row>
      <xdr:rowOff>153001</xdr:rowOff>
    </xdr:from>
    <xdr:ext cx="7366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622800" y="60775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18959</xdr:rowOff>
    </xdr:from>
    <xdr:to>
      <xdr:col>22</xdr:col>
      <xdr:colOff>165100</xdr:colOff>
      <xdr:row>34</xdr:row>
      <xdr:rowOff>120559</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254500" y="62864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3</xdr:row>
      <xdr:rowOff>130736</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924300" y="6055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4</xdr:row>
      <xdr:rowOff>168372</xdr:rowOff>
    </xdr:from>
    <xdr:to>
      <xdr:col>19</xdr:col>
      <xdr:colOff>38100</xdr:colOff>
      <xdr:row>34</xdr:row>
      <xdr:rowOff>269971</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3556000" y="6435822"/>
          <a:ext cx="101600" cy="101599"/>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3</xdr:row>
      <xdr:rowOff>280149</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225800" y="6204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86751</xdr:rowOff>
    </xdr:from>
    <xdr:to>
      <xdr:col>15</xdr:col>
      <xdr:colOff>101600</xdr:colOff>
      <xdr:row>34</xdr:row>
      <xdr:rowOff>288351</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2857500" y="64542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298528</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2527300" y="6223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5,793
3,656,564
437.78
2,230,290,510
2,202,642,428
13,996,572
999,814,703
2,384,424,6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6
12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4788</xdr:rowOff>
    </xdr:from>
    <xdr:to>
      <xdr:col>24</xdr:col>
      <xdr:colOff>62865</xdr:colOff>
      <xdr:row>38</xdr:row>
      <xdr:rowOff>56756</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48288"/>
          <a:ext cx="1270" cy="1423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0583</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75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6756</xdr:rowOff>
    </xdr:from>
    <xdr:to>
      <xdr:col>24</xdr:col>
      <xdr:colOff>152400</xdr:colOff>
      <xdr:row>38</xdr:row>
      <xdr:rowOff>56756</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7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2915</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3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4788</xdr:rowOff>
    </xdr:from>
    <xdr:to>
      <xdr:col>24</xdr:col>
      <xdr:colOff>152400</xdr:colOff>
      <xdr:row>30</xdr:row>
      <xdr:rowOff>478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482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23812</xdr:rowOff>
    </xdr:from>
    <xdr:to>
      <xdr:col>24</xdr:col>
      <xdr:colOff>63500</xdr:colOff>
      <xdr:row>35</xdr:row>
      <xdr:rowOff>139509</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124562"/>
          <a:ext cx="838200" cy="15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6420</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56282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53543</xdr:rowOff>
    </xdr:from>
    <xdr:to>
      <xdr:col>24</xdr:col>
      <xdr:colOff>114300</xdr:colOff>
      <xdr:row>33</xdr:row>
      <xdr:rowOff>155143</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5711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39509</xdr:rowOff>
    </xdr:from>
    <xdr:to>
      <xdr:col>19</xdr:col>
      <xdr:colOff>177800</xdr:colOff>
      <xdr:row>36</xdr:row>
      <xdr:rowOff>30010</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140259"/>
          <a:ext cx="889000" cy="61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3</xdr:row>
      <xdr:rowOff>64592</xdr:rowOff>
    </xdr:from>
    <xdr:to>
      <xdr:col>20</xdr:col>
      <xdr:colOff>38100</xdr:colOff>
      <xdr:row>33</xdr:row>
      <xdr:rowOff>166192</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572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2</xdr:row>
      <xdr:rowOff>11269</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497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30010</xdr:rowOff>
    </xdr:from>
    <xdr:to>
      <xdr:col>15</xdr:col>
      <xdr:colOff>50800</xdr:colOff>
      <xdr:row>36</xdr:row>
      <xdr:rowOff>52184</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202210"/>
          <a:ext cx="889000" cy="2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36030</xdr:rowOff>
    </xdr:from>
    <xdr:to>
      <xdr:col>15</xdr:col>
      <xdr:colOff>101600</xdr:colOff>
      <xdr:row>34</xdr:row>
      <xdr:rowOff>66180</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5793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2</xdr:row>
      <xdr:rowOff>82707</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5569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52184</xdr:rowOff>
    </xdr:from>
    <xdr:to>
      <xdr:col>10</xdr:col>
      <xdr:colOff>114300</xdr:colOff>
      <xdr:row>36</xdr:row>
      <xdr:rowOff>56337</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224384"/>
          <a:ext cx="889000" cy="4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41364</xdr:rowOff>
    </xdr:from>
    <xdr:to>
      <xdr:col>10</xdr:col>
      <xdr:colOff>165100</xdr:colOff>
      <xdr:row>34</xdr:row>
      <xdr:rowOff>71514</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5799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2</xdr:row>
      <xdr:rowOff>88041</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55744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6944</xdr:rowOff>
    </xdr:from>
    <xdr:to>
      <xdr:col>6</xdr:col>
      <xdr:colOff>38100</xdr:colOff>
      <xdr:row>34</xdr:row>
      <xdr:rowOff>67094</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5794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83621</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55700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3012</xdr:rowOff>
    </xdr:from>
    <xdr:to>
      <xdr:col>24</xdr:col>
      <xdr:colOff>114300</xdr:colOff>
      <xdr:row>36</xdr:row>
      <xdr:rowOff>3162</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073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51439</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052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88709</xdr:rowOff>
    </xdr:from>
    <xdr:to>
      <xdr:col>20</xdr:col>
      <xdr:colOff>38100</xdr:colOff>
      <xdr:row>36</xdr:row>
      <xdr:rowOff>18859</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089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9986</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618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50660</xdr:rowOff>
    </xdr:from>
    <xdr:to>
      <xdr:col>15</xdr:col>
      <xdr:colOff>101600</xdr:colOff>
      <xdr:row>36</xdr:row>
      <xdr:rowOff>80810</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151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71937</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244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384</xdr:rowOff>
    </xdr:from>
    <xdr:to>
      <xdr:col>10</xdr:col>
      <xdr:colOff>165100</xdr:colOff>
      <xdr:row>36</xdr:row>
      <xdr:rowOff>102984</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173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94111</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266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5537</xdr:rowOff>
    </xdr:from>
    <xdr:to>
      <xdr:col>6</xdr:col>
      <xdr:colOff>38100</xdr:colOff>
      <xdr:row>36</xdr:row>
      <xdr:rowOff>107137</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177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98264</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270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736</xdr:rowOff>
    </xdr:from>
    <xdr:to>
      <xdr:col>24</xdr:col>
      <xdr:colOff>62865</xdr:colOff>
      <xdr:row>56</xdr:row>
      <xdr:rowOff>160209</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746686"/>
          <a:ext cx="1270" cy="10147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4036</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9765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0209</xdr:rowOff>
    </xdr:from>
    <xdr:to>
      <xdr:col>24</xdr:col>
      <xdr:colOff>152400</xdr:colOff>
      <xdr:row>56</xdr:row>
      <xdr:rowOff>160209</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9761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0863</xdr:rowOff>
    </xdr:from>
    <xdr:ext cx="534377"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52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2736</xdr:rowOff>
    </xdr:from>
    <xdr:to>
      <xdr:col>24</xdr:col>
      <xdr:colOff>152400</xdr:colOff>
      <xdr:row>51</xdr:row>
      <xdr:rowOff>2736</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746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42639</xdr:rowOff>
    </xdr:from>
    <xdr:to>
      <xdr:col>24</xdr:col>
      <xdr:colOff>63500</xdr:colOff>
      <xdr:row>57</xdr:row>
      <xdr:rowOff>92217</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572389"/>
          <a:ext cx="838200" cy="292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66220</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1530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43343</xdr:rowOff>
    </xdr:from>
    <xdr:to>
      <xdr:col>24</xdr:col>
      <xdr:colOff>114300</xdr:colOff>
      <xdr:row>54</xdr:row>
      <xdr:rowOff>14494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301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92217</xdr:rowOff>
    </xdr:from>
    <xdr:to>
      <xdr:col>19</xdr:col>
      <xdr:colOff>177800</xdr:colOff>
      <xdr:row>58</xdr:row>
      <xdr:rowOff>109558</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864867"/>
          <a:ext cx="889000" cy="188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8429</xdr:rowOff>
    </xdr:from>
    <xdr:to>
      <xdr:col>20</xdr:col>
      <xdr:colOff>38100</xdr:colOff>
      <xdr:row>57</xdr:row>
      <xdr:rowOff>38579</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709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55106</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484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09558</xdr:rowOff>
    </xdr:from>
    <xdr:to>
      <xdr:col>15</xdr:col>
      <xdr:colOff>50800</xdr:colOff>
      <xdr:row>59</xdr:row>
      <xdr:rowOff>5642</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10053658"/>
          <a:ext cx="889000" cy="67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6353</xdr:rowOff>
    </xdr:from>
    <xdr:to>
      <xdr:col>15</xdr:col>
      <xdr:colOff>101600</xdr:colOff>
      <xdr:row>58</xdr:row>
      <xdr:rowOff>16503</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859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3030</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634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5642</xdr:rowOff>
    </xdr:from>
    <xdr:to>
      <xdr:col>10</xdr:col>
      <xdr:colOff>114300</xdr:colOff>
      <xdr:row>59</xdr:row>
      <xdr:rowOff>27718</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10121192"/>
          <a:ext cx="889000" cy="22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8068</xdr:rowOff>
    </xdr:from>
    <xdr:to>
      <xdr:col>10</xdr:col>
      <xdr:colOff>165100</xdr:colOff>
      <xdr:row>58</xdr:row>
      <xdr:rowOff>88218</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93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4745</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705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8343</xdr:rowOff>
    </xdr:from>
    <xdr:to>
      <xdr:col>6</xdr:col>
      <xdr:colOff>38100</xdr:colOff>
      <xdr:row>58</xdr:row>
      <xdr:rowOff>68493</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1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85020</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68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1839</xdr:rowOff>
    </xdr:from>
    <xdr:to>
      <xdr:col>24</xdr:col>
      <xdr:colOff>114300</xdr:colOff>
      <xdr:row>56</xdr:row>
      <xdr:rowOff>21989</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521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70266</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500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1417</xdr:rowOff>
    </xdr:from>
    <xdr:to>
      <xdr:col>20</xdr:col>
      <xdr:colOff>38100</xdr:colOff>
      <xdr:row>57</xdr:row>
      <xdr:rowOff>143017</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814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34144</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906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58758</xdr:rowOff>
    </xdr:from>
    <xdr:to>
      <xdr:col>15</xdr:col>
      <xdr:colOff>101600</xdr:colOff>
      <xdr:row>58</xdr:row>
      <xdr:rowOff>160358</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10002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1485</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10095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26292</xdr:rowOff>
    </xdr:from>
    <xdr:to>
      <xdr:col>10</xdr:col>
      <xdr:colOff>165100</xdr:colOff>
      <xdr:row>59</xdr:row>
      <xdr:rowOff>56442</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10070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7569</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10163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8368</xdr:rowOff>
    </xdr:from>
    <xdr:to>
      <xdr:col>6</xdr:col>
      <xdr:colOff>38100</xdr:colOff>
      <xdr:row>59</xdr:row>
      <xdr:rowOff>78518</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10092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69645</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185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1166</xdr:rowOff>
    </xdr:from>
    <xdr:to>
      <xdr:col>24</xdr:col>
      <xdr:colOff>62865</xdr:colOff>
      <xdr:row>77</xdr:row>
      <xdr:rowOff>126061</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132666"/>
          <a:ext cx="1270" cy="1195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29888</xdr:rowOff>
    </xdr:from>
    <xdr:ext cx="469744"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331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26061</xdr:rowOff>
    </xdr:from>
    <xdr:to>
      <xdr:col>24</xdr:col>
      <xdr:colOff>152400</xdr:colOff>
      <xdr:row>77</xdr:row>
      <xdr:rowOff>126061</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327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7843</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1907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1166</xdr:rowOff>
    </xdr:from>
    <xdr:to>
      <xdr:col>24</xdr:col>
      <xdr:colOff>152400</xdr:colOff>
      <xdr:row>70</xdr:row>
      <xdr:rowOff>131166</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1326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9507</xdr:rowOff>
    </xdr:from>
    <xdr:to>
      <xdr:col>24</xdr:col>
      <xdr:colOff>63500</xdr:colOff>
      <xdr:row>77</xdr:row>
      <xdr:rowOff>126061</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3797300" y="13321157"/>
          <a:ext cx="838200" cy="6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31818</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28191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08941</xdr:rowOff>
    </xdr:from>
    <xdr:to>
      <xdr:col>24</xdr:col>
      <xdr:colOff>114300</xdr:colOff>
      <xdr:row>76</xdr:row>
      <xdr:rowOff>39091</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2967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9507</xdr:rowOff>
    </xdr:from>
    <xdr:to>
      <xdr:col>19</xdr:col>
      <xdr:colOff>177800</xdr:colOff>
      <xdr:row>77</xdr:row>
      <xdr:rowOff>132766</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908300" y="13321157"/>
          <a:ext cx="889000" cy="13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16027</xdr:rowOff>
    </xdr:from>
    <xdr:to>
      <xdr:col>20</xdr:col>
      <xdr:colOff>38100</xdr:colOff>
      <xdr:row>76</xdr:row>
      <xdr:rowOff>46177</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2974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62704</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2750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32766</xdr:rowOff>
    </xdr:from>
    <xdr:to>
      <xdr:col>15</xdr:col>
      <xdr:colOff>50800</xdr:colOff>
      <xdr:row>77</xdr:row>
      <xdr:rowOff>138404</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2019300" y="13334416"/>
          <a:ext cx="889000" cy="5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48183</xdr:rowOff>
    </xdr:from>
    <xdr:to>
      <xdr:col>15</xdr:col>
      <xdr:colOff>101600</xdr:colOff>
      <xdr:row>76</xdr:row>
      <xdr:rowOff>78333</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006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94861</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2782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8404</xdr:rowOff>
    </xdr:from>
    <xdr:to>
      <xdr:col>10</xdr:col>
      <xdr:colOff>114300</xdr:colOff>
      <xdr:row>77</xdr:row>
      <xdr:rowOff>161570</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1130300" y="13340054"/>
          <a:ext cx="889000" cy="23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39649</xdr:rowOff>
    </xdr:from>
    <xdr:to>
      <xdr:col>10</xdr:col>
      <xdr:colOff>165100</xdr:colOff>
      <xdr:row>76</xdr:row>
      <xdr:rowOff>69799</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2998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86326</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2773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7920</xdr:rowOff>
    </xdr:from>
    <xdr:to>
      <xdr:col>6</xdr:col>
      <xdr:colOff>38100</xdr:colOff>
      <xdr:row>76</xdr:row>
      <xdr:rowOff>98070</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02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14596</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2801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5261</xdr:rowOff>
    </xdr:from>
    <xdr:to>
      <xdr:col>24</xdr:col>
      <xdr:colOff>114300</xdr:colOff>
      <xdr:row>78</xdr:row>
      <xdr:rowOff>5411</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276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1638</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191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8707</xdr:rowOff>
    </xdr:from>
    <xdr:to>
      <xdr:col>20</xdr:col>
      <xdr:colOff>38100</xdr:colOff>
      <xdr:row>77</xdr:row>
      <xdr:rowOff>170307</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27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61434</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363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1966</xdr:rowOff>
    </xdr:from>
    <xdr:to>
      <xdr:col>15</xdr:col>
      <xdr:colOff>101600</xdr:colOff>
      <xdr:row>78</xdr:row>
      <xdr:rowOff>12116</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28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3243</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376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7604</xdr:rowOff>
    </xdr:from>
    <xdr:to>
      <xdr:col>10</xdr:col>
      <xdr:colOff>165100</xdr:colOff>
      <xdr:row>78</xdr:row>
      <xdr:rowOff>17754</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289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881</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381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0770</xdr:rowOff>
    </xdr:from>
    <xdr:to>
      <xdr:col>6</xdr:col>
      <xdr:colOff>38100</xdr:colOff>
      <xdr:row>78</xdr:row>
      <xdr:rowOff>40920</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31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32047</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40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44056</xdr:rowOff>
    </xdr:from>
    <xdr:to>
      <xdr:col>24</xdr:col>
      <xdr:colOff>62865</xdr:colOff>
      <xdr:row>99</xdr:row>
      <xdr:rowOff>2898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403106"/>
          <a:ext cx="1270" cy="1599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32808</xdr:rowOff>
    </xdr:from>
    <xdr:ext cx="599010"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7006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28981</xdr:rowOff>
    </xdr:from>
    <xdr:to>
      <xdr:col>24</xdr:col>
      <xdr:colOff>152400</xdr:colOff>
      <xdr:row>99</xdr:row>
      <xdr:rowOff>28981</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7002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90733</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1783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44056</xdr:rowOff>
    </xdr:from>
    <xdr:to>
      <xdr:col>24</xdr:col>
      <xdr:colOff>152400</xdr:colOff>
      <xdr:row>89</xdr:row>
      <xdr:rowOff>144056</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403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0712</xdr:rowOff>
    </xdr:from>
    <xdr:to>
      <xdr:col>24</xdr:col>
      <xdr:colOff>63500</xdr:colOff>
      <xdr:row>98</xdr:row>
      <xdr:rowOff>53467</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559912"/>
          <a:ext cx="838200" cy="295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7587</xdr:rowOff>
    </xdr:from>
    <xdr:ext cx="599010"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1738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4710</xdr:rowOff>
    </xdr:from>
    <xdr:to>
      <xdr:col>24</xdr:col>
      <xdr:colOff>114300</xdr:colOff>
      <xdr:row>95</xdr:row>
      <xdr:rowOff>136310</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32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53467</xdr:rowOff>
    </xdr:from>
    <xdr:to>
      <xdr:col>19</xdr:col>
      <xdr:colOff>177800</xdr:colOff>
      <xdr:row>98</xdr:row>
      <xdr:rowOff>125464</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855567"/>
          <a:ext cx="889000" cy="71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32538</xdr:rowOff>
    </xdr:from>
    <xdr:to>
      <xdr:col>20</xdr:col>
      <xdr:colOff>38100</xdr:colOff>
      <xdr:row>97</xdr:row>
      <xdr:rowOff>134138</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66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50665</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497795" y="164384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25464</xdr:rowOff>
    </xdr:from>
    <xdr:to>
      <xdr:col>15</xdr:col>
      <xdr:colOff>50800</xdr:colOff>
      <xdr:row>99</xdr:row>
      <xdr:rowOff>28232</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6927564"/>
          <a:ext cx="889000" cy="74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98806</xdr:rowOff>
    </xdr:from>
    <xdr:to>
      <xdr:col>15</xdr:col>
      <xdr:colOff>101600</xdr:colOff>
      <xdr:row>98</xdr:row>
      <xdr:rowOff>28956</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729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45483</xdr:rowOff>
    </xdr:from>
    <xdr:ext cx="59901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08795" y="16504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28232</xdr:rowOff>
    </xdr:from>
    <xdr:to>
      <xdr:col>10</xdr:col>
      <xdr:colOff>114300</xdr:colOff>
      <xdr:row>99</xdr:row>
      <xdr:rowOff>56781</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7001782"/>
          <a:ext cx="889000" cy="28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321</xdr:rowOff>
    </xdr:from>
    <xdr:to>
      <xdr:col>10</xdr:col>
      <xdr:colOff>165100</xdr:colOff>
      <xdr:row>98</xdr:row>
      <xdr:rowOff>10292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803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19448</xdr:rowOff>
    </xdr:from>
    <xdr:ext cx="59901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19795" y="165786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1628</xdr:rowOff>
    </xdr:from>
    <xdr:to>
      <xdr:col>6</xdr:col>
      <xdr:colOff>38100</xdr:colOff>
      <xdr:row>98</xdr:row>
      <xdr:rowOff>123228</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82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139755</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30795" y="16598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9912</xdr:rowOff>
    </xdr:from>
    <xdr:to>
      <xdr:col>24</xdr:col>
      <xdr:colOff>114300</xdr:colOff>
      <xdr:row>96</xdr:row>
      <xdr:rowOff>151512</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509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8339</xdr:rowOff>
    </xdr:from>
    <xdr:ext cx="599010"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4875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2667</xdr:rowOff>
    </xdr:from>
    <xdr:to>
      <xdr:col>20</xdr:col>
      <xdr:colOff>38100</xdr:colOff>
      <xdr:row>98</xdr:row>
      <xdr:rowOff>104267</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804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8</xdr:row>
      <xdr:rowOff>95394</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497795" y="16897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74664</xdr:rowOff>
    </xdr:from>
    <xdr:to>
      <xdr:col>15</xdr:col>
      <xdr:colOff>101600</xdr:colOff>
      <xdr:row>99</xdr:row>
      <xdr:rowOff>4814</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87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167391</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08795" y="169694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48882</xdr:rowOff>
    </xdr:from>
    <xdr:to>
      <xdr:col>10</xdr:col>
      <xdr:colOff>165100</xdr:colOff>
      <xdr:row>99</xdr:row>
      <xdr:rowOff>79032</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6950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9</xdr:row>
      <xdr:rowOff>70159</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19795" y="170437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5981</xdr:rowOff>
    </xdr:from>
    <xdr:to>
      <xdr:col>6</xdr:col>
      <xdr:colOff>38100</xdr:colOff>
      <xdr:row>99</xdr:row>
      <xdr:rowOff>107581</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6979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9</xdr:row>
      <xdr:rowOff>98708</xdr:rowOff>
    </xdr:from>
    <xdr:ext cx="599010"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30795" y="170722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a16="http://schemas.microsoft.com/office/drawing/2014/main" id="{00000000-0008-0000-06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167983</xdr:rowOff>
    </xdr:from>
    <xdr:to>
      <xdr:col>54</xdr:col>
      <xdr:colOff>189865</xdr:colOff>
      <xdr:row>39</xdr:row>
      <xdr:rowOff>135051</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10475595" y="6168733"/>
          <a:ext cx="1270" cy="652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38878</xdr:rowOff>
    </xdr:from>
    <xdr:ext cx="534377" cy="259045"/>
    <xdr:sp macro="" textlink="">
      <xdr:nvSpPr>
        <xdr:cNvPr id="290" name="補助費等最小値テキスト">
          <a:extLst>
            <a:ext uri="{FF2B5EF4-FFF2-40B4-BE49-F238E27FC236}">
              <a16:creationId xmlns:a16="http://schemas.microsoft.com/office/drawing/2014/main" id="{00000000-0008-0000-0600-000022010000}"/>
            </a:ext>
          </a:extLst>
        </xdr:cNvPr>
        <xdr:cNvSpPr txBox="1"/>
      </xdr:nvSpPr>
      <xdr:spPr>
        <a:xfrm>
          <a:off x="10528300" y="6825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35051</xdr:rowOff>
    </xdr:from>
    <xdr:to>
      <xdr:col>55</xdr:col>
      <xdr:colOff>88900</xdr:colOff>
      <xdr:row>39</xdr:row>
      <xdr:rowOff>135051</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6821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14660</xdr:rowOff>
    </xdr:from>
    <xdr:ext cx="534377" cy="259045"/>
    <xdr:sp macro="" textlink="">
      <xdr:nvSpPr>
        <xdr:cNvPr id="292" name="補助費等最大値テキスト">
          <a:extLst>
            <a:ext uri="{FF2B5EF4-FFF2-40B4-BE49-F238E27FC236}">
              <a16:creationId xmlns:a16="http://schemas.microsoft.com/office/drawing/2014/main" id="{00000000-0008-0000-0600-000024010000}"/>
            </a:ext>
          </a:extLst>
        </xdr:cNvPr>
        <xdr:cNvSpPr txBox="1"/>
      </xdr:nvSpPr>
      <xdr:spPr>
        <a:xfrm>
          <a:off x="10528300" y="5943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67983</xdr:rowOff>
    </xdr:from>
    <xdr:to>
      <xdr:col>55</xdr:col>
      <xdr:colOff>88900</xdr:colOff>
      <xdr:row>35</xdr:row>
      <xdr:rowOff>167983</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6168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0</xdr:row>
      <xdr:rowOff>157150</xdr:rowOff>
    </xdr:from>
    <xdr:to>
      <xdr:col>55</xdr:col>
      <xdr:colOff>0</xdr:colOff>
      <xdr:row>38</xdr:row>
      <xdr:rowOff>63741</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9639300" y="5300650"/>
          <a:ext cx="838200" cy="1278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58030</xdr:rowOff>
    </xdr:from>
    <xdr:ext cx="534377" cy="259045"/>
    <xdr:sp macro="" textlink="">
      <xdr:nvSpPr>
        <xdr:cNvPr id="295" name="補助費等平均値テキスト">
          <a:extLst>
            <a:ext uri="{FF2B5EF4-FFF2-40B4-BE49-F238E27FC236}">
              <a16:creationId xmlns:a16="http://schemas.microsoft.com/office/drawing/2014/main" id="{00000000-0008-0000-0600-000027010000}"/>
            </a:ext>
          </a:extLst>
        </xdr:cNvPr>
        <xdr:cNvSpPr txBox="1"/>
      </xdr:nvSpPr>
      <xdr:spPr>
        <a:xfrm>
          <a:off x="10528300" y="6330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5153</xdr:rowOff>
    </xdr:from>
    <xdr:to>
      <xdr:col>55</xdr:col>
      <xdr:colOff>50800</xdr:colOff>
      <xdr:row>38</xdr:row>
      <xdr:rowOff>65303</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10426700" y="6478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57150</xdr:rowOff>
    </xdr:from>
    <xdr:to>
      <xdr:col>50</xdr:col>
      <xdr:colOff>114300</xdr:colOff>
      <xdr:row>38</xdr:row>
      <xdr:rowOff>112014</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8750300" y="5300650"/>
          <a:ext cx="889000" cy="1326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13246</xdr:rowOff>
    </xdr:from>
    <xdr:to>
      <xdr:col>50</xdr:col>
      <xdr:colOff>165100</xdr:colOff>
      <xdr:row>31</xdr:row>
      <xdr:rowOff>43396</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9588500" y="5256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34523</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9339795" y="53494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12014</xdr:rowOff>
    </xdr:from>
    <xdr:to>
      <xdr:col>45</xdr:col>
      <xdr:colOff>177800</xdr:colOff>
      <xdr:row>38</xdr:row>
      <xdr:rowOff>116472</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7861300" y="6627114"/>
          <a:ext cx="889000" cy="4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91072</xdr:rowOff>
    </xdr:from>
    <xdr:to>
      <xdr:col>46</xdr:col>
      <xdr:colOff>38100</xdr:colOff>
      <xdr:row>39</xdr:row>
      <xdr:rowOff>21222</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8699500" y="66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12349</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483111" y="66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16472</xdr:rowOff>
    </xdr:from>
    <xdr:to>
      <xdr:col>41</xdr:col>
      <xdr:colOff>50800</xdr:colOff>
      <xdr:row>38</xdr:row>
      <xdr:rowOff>118161</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flipV="1">
          <a:off x="6972300" y="6631572"/>
          <a:ext cx="889000" cy="1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7015</xdr:rowOff>
    </xdr:from>
    <xdr:to>
      <xdr:col>41</xdr:col>
      <xdr:colOff>101600</xdr:colOff>
      <xdr:row>39</xdr:row>
      <xdr:rowOff>27165</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7810500" y="6612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8292</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594111" y="6704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01968</xdr:rowOff>
    </xdr:from>
    <xdr:to>
      <xdr:col>36</xdr:col>
      <xdr:colOff>165100</xdr:colOff>
      <xdr:row>39</xdr:row>
      <xdr:rowOff>32118</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6921500" y="6617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23245</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705111" y="6709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941</xdr:rowOff>
    </xdr:from>
    <xdr:to>
      <xdr:col>55</xdr:col>
      <xdr:colOff>50800</xdr:colOff>
      <xdr:row>38</xdr:row>
      <xdr:rowOff>114541</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10426700" y="6528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62818</xdr:rowOff>
    </xdr:from>
    <xdr:ext cx="534377" cy="259045"/>
    <xdr:sp macro="" textlink="">
      <xdr:nvSpPr>
        <xdr:cNvPr id="314" name="補助費等該当値テキスト">
          <a:extLst>
            <a:ext uri="{FF2B5EF4-FFF2-40B4-BE49-F238E27FC236}">
              <a16:creationId xmlns:a16="http://schemas.microsoft.com/office/drawing/2014/main" id="{00000000-0008-0000-0600-00003A010000}"/>
            </a:ext>
          </a:extLst>
        </xdr:cNvPr>
        <xdr:cNvSpPr txBox="1"/>
      </xdr:nvSpPr>
      <xdr:spPr>
        <a:xfrm>
          <a:off x="10528300" y="6506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06350</xdr:rowOff>
    </xdr:from>
    <xdr:to>
      <xdr:col>50</xdr:col>
      <xdr:colOff>165100</xdr:colOff>
      <xdr:row>31</xdr:row>
      <xdr:rowOff>36500</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9588500" y="5249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53027</xdr:rowOff>
    </xdr:from>
    <xdr:ext cx="59901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9339795" y="5025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61214</xdr:rowOff>
    </xdr:from>
    <xdr:to>
      <xdr:col>46</xdr:col>
      <xdr:colOff>38100</xdr:colOff>
      <xdr:row>38</xdr:row>
      <xdr:rowOff>162814</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8699500" y="6576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7891</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8483111" y="6351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65672</xdr:rowOff>
    </xdr:from>
    <xdr:to>
      <xdr:col>41</xdr:col>
      <xdr:colOff>101600</xdr:colOff>
      <xdr:row>38</xdr:row>
      <xdr:rowOff>167272</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7810500" y="6580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2349</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7594111" y="6355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7361</xdr:rowOff>
    </xdr:from>
    <xdr:to>
      <xdr:col>36</xdr:col>
      <xdr:colOff>165100</xdr:colOff>
      <xdr:row>38</xdr:row>
      <xdr:rowOff>168961</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6921500" y="658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4038</xdr:rowOff>
    </xdr:from>
    <xdr:ext cx="534377"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705111" y="6357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5745</xdr:rowOff>
    </xdr:from>
    <xdr:to>
      <xdr:col>54</xdr:col>
      <xdr:colOff>189865</xdr:colOff>
      <xdr:row>58</xdr:row>
      <xdr:rowOff>4067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10475595" y="8618245"/>
          <a:ext cx="1270" cy="136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44497</xdr:rowOff>
    </xdr:from>
    <xdr:ext cx="534377" cy="259045"/>
    <xdr:sp macro="" textlink="">
      <xdr:nvSpPr>
        <xdr:cNvPr id="346" name="普通建設事業費最小値テキスト">
          <a:extLst>
            <a:ext uri="{FF2B5EF4-FFF2-40B4-BE49-F238E27FC236}">
              <a16:creationId xmlns:a16="http://schemas.microsoft.com/office/drawing/2014/main" id="{00000000-0008-0000-0600-00005A010000}"/>
            </a:ext>
          </a:extLst>
        </xdr:cNvPr>
        <xdr:cNvSpPr txBox="1"/>
      </xdr:nvSpPr>
      <xdr:spPr>
        <a:xfrm>
          <a:off x="10528300" y="9988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0670</xdr:rowOff>
    </xdr:from>
    <xdr:to>
      <xdr:col>55</xdr:col>
      <xdr:colOff>88900</xdr:colOff>
      <xdr:row>58</xdr:row>
      <xdr:rowOff>40670</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998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3872</xdr:rowOff>
    </xdr:from>
    <xdr:ext cx="534377" cy="259045"/>
    <xdr:sp macro="" textlink="">
      <xdr:nvSpPr>
        <xdr:cNvPr id="348" name="普通建設事業費最大値テキスト">
          <a:extLst>
            <a:ext uri="{FF2B5EF4-FFF2-40B4-BE49-F238E27FC236}">
              <a16:creationId xmlns:a16="http://schemas.microsoft.com/office/drawing/2014/main" id="{00000000-0008-0000-0600-00005C010000}"/>
            </a:ext>
          </a:extLst>
        </xdr:cNvPr>
        <xdr:cNvSpPr txBox="1"/>
      </xdr:nvSpPr>
      <xdr:spPr>
        <a:xfrm>
          <a:off x="10528300" y="8393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5745</xdr:rowOff>
    </xdr:from>
    <xdr:to>
      <xdr:col>55</xdr:col>
      <xdr:colOff>88900</xdr:colOff>
      <xdr:row>50</xdr:row>
      <xdr:rowOff>4574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8618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0</xdr:row>
      <xdr:rowOff>45745</xdr:rowOff>
    </xdr:from>
    <xdr:to>
      <xdr:col>55</xdr:col>
      <xdr:colOff>0</xdr:colOff>
      <xdr:row>53</xdr:row>
      <xdr:rowOff>61885</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9639300" y="8618245"/>
          <a:ext cx="838200" cy="53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2</xdr:row>
      <xdr:rowOff>124889</xdr:rowOff>
    </xdr:from>
    <xdr:ext cx="534377" cy="259045"/>
    <xdr:sp macro="" textlink="">
      <xdr:nvSpPr>
        <xdr:cNvPr id="351" name="普通建設事業費平均値テキスト">
          <a:extLst>
            <a:ext uri="{FF2B5EF4-FFF2-40B4-BE49-F238E27FC236}">
              <a16:creationId xmlns:a16="http://schemas.microsoft.com/office/drawing/2014/main" id="{00000000-0008-0000-0600-00005F010000}"/>
            </a:ext>
          </a:extLst>
        </xdr:cNvPr>
        <xdr:cNvSpPr txBox="1"/>
      </xdr:nvSpPr>
      <xdr:spPr>
        <a:xfrm>
          <a:off x="10528300" y="90402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2</xdr:row>
      <xdr:rowOff>146462</xdr:rowOff>
    </xdr:from>
    <xdr:to>
      <xdr:col>55</xdr:col>
      <xdr:colOff>50800</xdr:colOff>
      <xdr:row>53</xdr:row>
      <xdr:rowOff>76612</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10426700" y="906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21903</xdr:rowOff>
    </xdr:from>
    <xdr:to>
      <xdr:col>50</xdr:col>
      <xdr:colOff>114300</xdr:colOff>
      <xdr:row>53</xdr:row>
      <xdr:rowOff>61885</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8750300" y="9108753"/>
          <a:ext cx="889000" cy="3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3</xdr:row>
      <xdr:rowOff>59959</xdr:rowOff>
    </xdr:from>
    <xdr:to>
      <xdr:col>50</xdr:col>
      <xdr:colOff>165100</xdr:colOff>
      <xdr:row>53</xdr:row>
      <xdr:rowOff>161559</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9588500" y="9146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52686</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372111" y="9239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18542</xdr:rowOff>
    </xdr:from>
    <xdr:to>
      <xdr:col>45</xdr:col>
      <xdr:colOff>177800</xdr:colOff>
      <xdr:row>53</xdr:row>
      <xdr:rowOff>21903</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7861300" y="9105392"/>
          <a:ext cx="889000" cy="3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97313</xdr:rowOff>
    </xdr:from>
    <xdr:to>
      <xdr:col>46</xdr:col>
      <xdr:colOff>38100</xdr:colOff>
      <xdr:row>54</xdr:row>
      <xdr:rowOff>27463</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8699500" y="9184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8590</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8483111" y="9276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3</xdr:row>
      <xdr:rowOff>18542</xdr:rowOff>
    </xdr:from>
    <xdr:to>
      <xdr:col>41</xdr:col>
      <xdr:colOff>50800</xdr:colOff>
      <xdr:row>54</xdr:row>
      <xdr:rowOff>44442</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flipV="1">
          <a:off x="6972300" y="9105392"/>
          <a:ext cx="889000" cy="197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147307</xdr:rowOff>
    </xdr:from>
    <xdr:to>
      <xdr:col>41</xdr:col>
      <xdr:colOff>101600</xdr:colOff>
      <xdr:row>54</xdr:row>
      <xdr:rowOff>77457</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7810500" y="9234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68584</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594111" y="9326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22675</xdr:rowOff>
    </xdr:from>
    <xdr:to>
      <xdr:col>36</xdr:col>
      <xdr:colOff>165100</xdr:colOff>
      <xdr:row>54</xdr:row>
      <xdr:rowOff>124275</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6921500" y="928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15402</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05111" y="9373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9</xdr:row>
      <xdr:rowOff>166395</xdr:rowOff>
    </xdr:from>
    <xdr:to>
      <xdr:col>55</xdr:col>
      <xdr:colOff>50800</xdr:colOff>
      <xdr:row>50</xdr:row>
      <xdr:rowOff>96545</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10426700" y="8567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49</xdr:row>
      <xdr:rowOff>119422</xdr:rowOff>
    </xdr:from>
    <xdr:ext cx="534377" cy="259045"/>
    <xdr:sp macro="" textlink="">
      <xdr:nvSpPr>
        <xdr:cNvPr id="370" name="普通建設事業費該当値テキスト">
          <a:extLst>
            <a:ext uri="{FF2B5EF4-FFF2-40B4-BE49-F238E27FC236}">
              <a16:creationId xmlns:a16="http://schemas.microsoft.com/office/drawing/2014/main" id="{00000000-0008-0000-0600-000072010000}"/>
            </a:ext>
          </a:extLst>
        </xdr:cNvPr>
        <xdr:cNvSpPr txBox="1"/>
      </xdr:nvSpPr>
      <xdr:spPr>
        <a:xfrm>
          <a:off x="10528300" y="8520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11085</xdr:rowOff>
    </xdr:from>
    <xdr:to>
      <xdr:col>50</xdr:col>
      <xdr:colOff>165100</xdr:colOff>
      <xdr:row>53</xdr:row>
      <xdr:rowOff>112685</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9588500" y="9097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1</xdr:row>
      <xdr:rowOff>129212</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9372111" y="8873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2</xdr:row>
      <xdr:rowOff>142553</xdr:rowOff>
    </xdr:from>
    <xdr:to>
      <xdr:col>46</xdr:col>
      <xdr:colOff>38100</xdr:colOff>
      <xdr:row>53</xdr:row>
      <xdr:rowOff>72703</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8699500" y="9057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1</xdr:row>
      <xdr:rowOff>89230</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8483111" y="8833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2</xdr:row>
      <xdr:rowOff>139192</xdr:rowOff>
    </xdr:from>
    <xdr:to>
      <xdr:col>41</xdr:col>
      <xdr:colOff>101600</xdr:colOff>
      <xdr:row>53</xdr:row>
      <xdr:rowOff>69342</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7810500" y="9054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1</xdr:row>
      <xdr:rowOff>85869</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7594111" y="8829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65092</xdr:rowOff>
    </xdr:from>
    <xdr:to>
      <xdr:col>36</xdr:col>
      <xdr:colOff>165100</xdr:colOff>
      <xdr:row>54</xdr:row>
      <xdr:rowOff>95242</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6921500" y="9251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11769</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6705111" y="9027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a:extLst>
            <a:ext uri="{FF2B5EF4-FFF2-40B4-BE49-F238E27FC236}">
              <a16:creationId xmlns:a16="http://schemas.microsoft.com/office/drawing/2014/main" id="{00000000-0008-0000-06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5207</xdr:rowOff>
    </xdr:from>
    <xdr:to>
      <xdr:col>54</xdr:col>
      <xdr:colOff>189865</xdr:colOff>
      <xdr:row>77</xdr:row>
      <xdr:rowOff>105821</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flipV="1">
          <a:off x="10475595" y="12126707"/>
          <a:ext cx="1270" cy="1180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09648</xdr:rowOff>
    </xdr:from>
    <xdr:ext cx="469744" cy="259045"/>
    <xdr:sp macro="" textlink="">
      <xdr:nvSpPr>
        <xdr:cNvPr id="401" name="普通建設事業費 （ うち新規整備　）最小値テキスト">
          <a:extLst>
            <a:ext uri="{FF2B5EF4-FFF2-40B4-BE49-F238E27FC236}">
              <a16:creationId xmlns:a16="http://schemas.microsoft.com/office/drawing/2014/main" id="{00000000-0008-0000-0600-000091010000}"/>
            </a:ext>
          </a:extLst>
        </xdr:cNvPr>
        <xdr:cNvSpPr txBox="1"/>
      </xdr:nvSpPr>
      <xdr:spPr>
        <a:xfrm>
          <a:off x="10528300" y="13311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05821</xdr:rowOff>
    </xdr:from>
    <xdr:to>
      <xdr:col>55</xdr:col>
      <xdr:colOff>88900</xdr:colOff>
      <xdr:row>77</xdr:row>
      <xdr:rowOff>105821</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10388600" y="13307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71884</xdr:rowOff>
    </xdr:from>
    <xdr:ext cx="534377" cy="259045"/>
    <xdr:sp macro="" textlink="">
      <xdr:nvSpPr>
        <xdr:cNvPr id="403" name="普通建設事業費 （ うち新規整備　）最大値テキスト">
          <a:extLst>
            <a:ext uri="{FF2B5EF4-FFF2-40B4-BE49-F238E27FC236}">
              <a16:creationId xmlns:a16="http://schemas.microsoft.com/office/drawing/2014/main" id="{00000000-0008-0000-0600-000093010000}"/>
            </a:ext>
          </a:extLst>
        </xdr:cNvPr>
        <xdr:cNvSpPr txBox="1"/>
      </xdr:nvSpPr>
      <xdr:spPr>
        <a:xfrm>
          <a:off x="10528300" y="11901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25207</xdr:rowOff>
    </xdr:from>
    <xdr:to>
      <xdr:col>55</xdr:col>
      <xdr:colOff>88900</xdr:colOff>
      <xdr:row>70</xdr:row>
      <xdr:rowOff>125207</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2126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92700</xdr:rowOff>
    </xdr:from>
    <xdr:to>
      <xdr:col>55</xdr:col>
      <xdr:colOff>0</xdr:colOff>
      <xdr:row>72</xdr:row>
      <xdr:rowOff>126533</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flipV="1">
          <a:off x="9639300" y="12265650"/>
          <a:ext cx="838200" cy="205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31940</xdr:rowOff>
    </xdr:from>
    <xdr:ext cx="534377" cy="259045"/>
    <xdr:sp macro="" textlink="">
      <xdr:nvSpPr>
        <xdr:cNvPr id="406" name="普通建設事業費 （ うち新規整備　）平均値テキスト">
          <a:extLst>
            <a:ext uri="{FF2B5EF4-FFF2-40B4-BE49-F238E27FC236}">
              <a16:creationId xmlns:a16="http://schemas.microsoft.com/office/drawing/2014/main" id="{00000000-0008-0000-0600-000096010000}"/>
            </a:ext>
          </a:extLst>
        </xdr:cNvPr>
        <xdr:cNvSpPr txBox="1"/>
      </xdr:nvSpPr>
      <xdr:spPr>
        <a:xfrm>
          <a:off x="10528300" y="127192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53513</xdr:rowOff>
    </xdr:from>
    <xdr:to>
      <xdr:col>55</xdr:col>
      <xdr:colOff>50800</xdr:colOff>
      <xdr:row>74</xdr:row>
      <xdr:rowOff>155113</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10426700" y="1274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0</xdr:row>
      <xdr:rowOff>77978</xdr:rowOff>
    </xdr:from>
    <xdr:to>
      <xdr:col>50</xdr:col>
      <xdr:colOff>114300</xdr:colOff>
      <xdr:row>72</xdr:row>
      <xdr:rowOff>126533</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8750300" y="12079478"/>
          <a:ext cx="889000" cy="391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4</xdr:row>
      <xdr:rowOff>42037</xdr:rowOff>
    </xdr:from>
    <xdr:to>
      <xdr:col>50</xdr:col>
      <xdr:colOff>165100</xdr:colOff>
      <xdr:row>74</xdr:row>
      <xdr:rowOff>143637</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9588500" y="12729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34764</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9372111" y="12822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0</xdr:row>
      <xdr:rowOff>77978</xdr:rowOff>
    </xdr:from>
    <xdr:to>
      <xdr:col>45</xdr:col>
      <xdr:colOff>177800</xdr:colOff>
      <xdr:row>71</xdr:row>
      <xdr:rowOff>5512</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7861300" y="12079478"/>
          <a:ext cx="889000" cy="98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3</xdr:row>
      <xdr:rowOff>156017</xdr:rowOff>
    </xdr:from>
    <xdr:to>
      <xdr:col>46</xdr:col>
      <xdr:colOff>38100</xdr:colOff>
      <xdr:row>74</xdr:row>
      <xdr:rowOff>86167</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8699500" y="1267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77294</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8483111" y="12764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1</xdr:row>
      <xdr:rowOff>5512</xdr:rowOff>
    </xdr:from>
    <xdr:to>
      <xdr:col>41</xdr:col>
      <xdr:colOff>50800</xdr:colOff>
      <xdr:row>72</xdr:row>
      <xdr:rowOff>67371</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6972300" y="12178462"/>
          <a:ext cx="889000" cy="233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3</xdr:row>
      <xdr:rowOff>109748</xdr:rowOff>
    </xdr:from>
    <xdr:to>
      <xdr:col>41</xdr:col>
      <xdr:colOff>101600</xdr:colOff>
      <xdr:row>74</xdr:row>
      <xdr:rowOff>39898</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7810500" y="12625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31025</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7594111" y="12718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66395</xdr:rowOff>
    </xdr:from>
    <xdr:to>
      <xdr:col>36</xdr:col>
      <xdr:colOff>165100</xdr:colOff>
      <xdr:row>74</xdr:row>
      <xdr:rowOff>96545</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6921500" y="12682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87672</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05111" y="12774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1</xdr:row>
      <xdr:rowOff>41900</xdr:rowOff>
    </xdr:from>
    <xdr:to>
      <xdr:col>55</xdr:col>
      <xdr:colOff>50800</xdr:colOff>
      <xdr:row>71</xdr:row>
      <xdr:rowOff>143500</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10426700" y="1221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0</xdr:row>
      <xdr:rowOff>64777</xdr:rowOff>
    </xdr:from>
    <xdr:ext cx="534377" cy="259045"/>
    <xdr:sp macro="" textlink="">
      <xdr:nvSpPr>
        <xdr:cNvPr id="425" name="普通建設事業費 （ うち新規整備　）該当値テキスト">
          <a:extLst>
            <a:ext uri="{FF2B5EF4-FFF2-40B4-BE49-F238E27FC236}">
              <a16:creationId xmlns:a16="http://schemas.microsoft.com/office/drawing/2014/main" id="{00000000-0008-0000-0600-0000A9010000}"/>
            </a:ext>
          </a:extLst>
        </xdr:cNvPr>
        <xdr:cNvSpPr txBox="1"/>
      </xdr:nvSpPr>
      <xdr:spPr>
        <a:xfrm>
          <a:off x="10528300" y="12066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2</xdr:row>
      <xdr:rowOff>75733</xdr:rowOff>
    </xdr:from>
    <xdr:to>
      <xdr:col>50</xdr:col>
      <xdr:colOff>165100</xdr:colOff>
      <xdr:row>73</xdr:row>
      <xdr:rowOff>5883</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9588500" y="12420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1</xdr:row>
      <xdr:rowOff>22410</xdr:rowOff>
    </xdr:from>
    <xdr:ext cx="534377"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9372111" y="12195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0</xdr:row>
      <xdr:rowOff>27178</xdr:rowOff>
    </xdr:from>
    <xdr:to>
      <xdr:col>46</xdr:col>
      <xdr:colOff>38100</xdr:colOff>
      <xdr:row>70</xdr:row>
      <xdr:rowOff>128778</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8699500" y="12028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68</xdr:row>
      <xdr:rowOff>145305</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8483111" y="11803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0</xdr:row>
      <xdr:rowOff>126162</xdr:rowOff>
    </xdr:from>
    <xdr:to>
      <xdr:col>41</xdr:col>
      <xdr:colOff>101600</xdr:colOff>
      <xdr:row>71</xdr:row>
      <xdr:rowOff>56312</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7810500" y="12127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69</xdr:row>
      <xdr:rowOff>72839</xdr:rowOff>
    </xdr:from>
    <xdr:ext cx="534377"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7594111" y="11902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2</xdr:row>
      <xdr:rowOff>16571</xdr:rowOff>
    </xdr:from>
    <xdr:to>
      <xdr:col>36</xdr:col>
      <xdr:colOff>165100</xdr:colOff>
      <xdr:row>72</xdr:row>
      <xdr:rowOff>118171</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6921500" y="12360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0</xdr:row>
      <xdr:rowOff>134698</xdr:rowOff>
    </xdr:from>
    <xdr:ext cx="534377"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6705111" y="12136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a16="http://schemas.microsoft.com/office/drawing/2014/main"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7299</xdr:rowOff>
    </xdr:from>
    <xdr:to>
      <xdr:col>54</xdr:col>
      <xdr:colOff>189865</xdr:colOff>
      <xdr:row>98</xdr:row>
      <xdr:rowOff>4528</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10475595" y="15649249"/>
          <a:ext cx="1270" cy="115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355</xdr:rowOff>
    </xdr:from>
    <xdr:ext cx="469744" cy="259045"/>
    <xdr:sp macro="" textlink="">
      <xdr:nvSpPr>
        <xdr:cNvPr id="456" name="普通建設事業費 （ うち更新整備　）最小値テキスト">
          <a:extLst>
            <a:ext uri="{FF2B5EF4-FFF2-40B4-BE49-F238E27FC236}">
              <a16:creationId xmlns:a16="http://schemas.microsoft.com/office/drawing/2014/main" id="{00000000-0008-0000-0600-0000C8010000}"/>
            </a:ext>
          </a:extLst>
        </xdr:cNvPr>
        <xdr:cNvSpPr txBox="1"/>
      </xdr:nvSpPr>
      <xdr:spPr>
        <a:xfrm>
          <a:off x="10528300" y="16810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528</xdr:rowOff>
    </xdr:from>
    <xdr:to>
      <xdr:col>55</xdr:col>
      <xdr:colOff>88900</xdr:colOff>
      <xdr:row>98</xdr:row>
      <xdr:rowOff>4528</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10388600" y="16806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5426</xdr:rowOff>
    </xdr:from>
    <xdr:ext cx="534377" cy="259045"/>
    <xdr:sp macro="" textlink="">
      <xdr:nvSpPr>
        <xdr:cNvPr id="458" name="普通建設事業費 （ うち更新整備　）最大値テキスト">
          <a:extLst>
            <a:ext uri="{FF2B5EF4-FFF2-40B4-BE49-F238E27FC236}">
              <a16:creationId xmlns:a16="http://schemas.microsoft.com/office/drawing/2014/main" id="{00000000-0008-0000-0600-0000CA010000}"/>
            </a:ext>
          </a:extLst>
        </xdr:cNvPr>
        <xdr:cNvSpPr txBox="1"/>
      </xdr:nvSpPr>
      <xdr:spPr>
        <a:xfrm>
          <a:off x="10528300" y="15424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5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7299</xdr:rowOff>
    </xdr:from>
    <xdr:to>
      <xdr:col>55</xdr:col>
      <xdr:colOff>88900</xdr:colOff>
      <xdr:row>91</xdr:row>
      <xdr:rowOff>47299</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5649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33355</xdr:rowOff>
    </xdr:from>
    <xdr:to>
      <xdr:col>55</xdr:col>
      <xdr:colOff>0</xdr:colOff>
      <xdr:row>96</xdr:row>
      <xdr:rowOff>76766</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9639300" y="16492555"/>
          <a:ext cx="838200" cy="43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83591</xdr:rowOff>
    </xdr:from>
    <xdr:ext cx="534377" cy="259045"/>
    <xdr:sp macro="" textlink="">
      <xdr:nvSpPr>
        <xdr:cNvPr id="461" name="普通建設事業費 （ うち更新整備　）平均値テキスト">
          <a:extLst>
            <a:ext uri="{FF2B5EF4-FFF2-40B4-BE49-F238E27FC236}">
              <a16:creationId xmlns:a16="http://schemas.microsoft.com/office/drawing/2014/main" id="{00000000-0008-0000-0600-0000CD010000}"/>
            </a:ext>
          </a:extLst>
        </xdr:cNvPr>
        <xdr:cNvSpPr txBox="1"/>
      </xdr:nvSpPr>
      <xdr:spPr>
        <a:xfrm>
          <a:off x="10528300" y="160284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60714</xdr:rowOff>
    </xdr:from>
    <xdr:to>
      <xdr:col>55</xdr:col>
      <xdr:colOff>50800</xdr:colOff>
      <xdr:row>94</xdr:row>
      <xdr:rowOff>162314</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10426700" y="16177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33355</xdr:rowOff>
    </xdr:from>
    <xdr:to>
      <xdr:col>50</xdr:col>
      <xdr:colOff>114300</xdr:colOff>
      <xdr:row>97</xdr:row>
      <xdr:rowOff>3180</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flipV="1">
          <a:off x="8750300" y="16492555"/>
          <a:ext cx="889000" cy="141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77082</xdr:rowOff>
    </xdr:from>
    <xdr:to>
      <xdr:col>50</xdr:col>
      <xdr:colOff>165100</xdr:colOff>
      <xdr:row>95</xdr:row>
      <xdr:rowOff>7232</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9588500" y="16193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23759</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9372111" y="15968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21047</xdr:rowOff>
    </xdr:from>
    <xdr:to>
      <xdr:col>45</xdr:col>
      <xdr:colOff>177800</xdr:colOff>
      <xdr:row>97</xdr:row>
      <xdr:rowOff>3180</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7861300" y="16580247"/>
          <a:ext cx="889000" cy="53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29408</xdr:rowOff>
    </xdr:from>
    <xdr:to>
      <xdr:col>46</xdr:col>
      <xdr:colOff>38100</xdr:colOff>
      <xdr:row>95</xdr:row>
      <xdr:rowOff>59558</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8699500" y="16245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76085</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483111" y="16020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21047</xdr:rowOff>
    </xdr:from>
    <xdr:to>
      <xdr:col>41</xdr:col>
      <xdr:colOff>50800</xdr:colOff>
      <xdr:row>96</xdr:row>
      <xdr:rowOff>134899</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6972300" y="16580247"/>
          <a:ext cx="889000" cy="13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26446</xdr:rowOff>
    </xdr:from>
    <xdr:to>
      <xdr:col>41</xdr:col>
      <xdr:colOff>101600</xdr:colOff>
      <xdr:row>95</xdr:row>
      <xdr:rowOff>128046</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7810500" y="16314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44573</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7594111" y="16089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66680</xdr:rowOff>
    </xdr:from>
    <xdr:to>
      <xdr:col>36</xdr:col>
      <xdr:colOff>165100</xdr:colOff>
      <xdr:row>95</xdr:row>
      <xdr:rowOff>168280</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6921500" y="16354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357</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05111" y="16129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5966</xdr:rowOff>
    </xdr:from>
    <xdr:to>
      <xdr:col>55</xdr:col>
      <xdr:colOff>50800</xdr:colOff>
      <xdr:row>96</xdr:row>
      <xdr:rowOff>127566</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10426700" y="16485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4393</xdr:rowOff>
    </xdr:from>
    <xdr:ext cx="534377" cy="259045"/>
    <xdr:sp macro="" textlink="">
      <xdr:nvSpPr>
        <xdr:cNvPr id="480" name="普通建設事業費 （ うち更新整備　）該当値テキスト">
          <a:extLst>
            <a:ext uri="{FF2B5EF4-FFF2-40B4-BE49-F238E27FC236}">
              <a16:creationId xmlns:a16="http://schemas.microsoft.com/office/drawing/2014/main" id="{00000000-0008-0000-0600-0000E0010000}"/>
            </a:ext>
          </a:extLst>
        </xdr:cNvPr>
        <xdr:cNvSpPr txBox="1"/>
      </xdr:nvSpPr>
      <xdr:spPr>
        <a:xfrm>
          <a:off x="10528300" y="16463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54005</xdr:rowOff>
    </xdr:from>
    <xdr:to>
      <xdr:col>50</xdr:col>
      <xdr:colOff>165100</xdr:colOff>
      <xdr:row>96</xdr:row>
      <xdr:rowOff>84155</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9588500" y="16441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75282</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9372111" y="16534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3830</xdr:rowOff>
    </xdr:from>
    <xdr:to>
      <xdr:col>46</xdr:col>
      <xdr:colOff>38100</xdr:colOff>
      <xdr:row>97</xdr:row>
      <xdr:rowOff>53980</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8699500" y="16583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5107</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8483111" y="16675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0247</xdr:rowOff>
    </xdr:from>
    <xdr:to>
      <xdr:col>41</xdr:col>
      <xdr:colOff>101600</xdr:colOff>
      <xdr:row>97</xdr:row>
      <xdr:rowOff>397</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7810500" y="16529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2974</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7594111" y="16622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4099</xdr:rowOff>
    </xdr:from>
    <xdr:to>
      <xdr:col>36</xdr:col>
      <xdr:colOff>165100</xdr:colOff>
      <xdr:row>97</xdr:row>
      <xdr:rowOff>14249</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6921500" y="16543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376</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05111" y="16636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a:extLst>
            <a:ext uri="{FF2B5EF4-FFF2-40B4-BE49-F238E27FC236}">
              <a16:creationId xmlns:a16="http://schemas.microsoft.com/office/drawing/2014/main" id="{00000000-0008-0000-06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6499</xdr:rowOff>
    </xdr:from>
    <xdr:to>
      <xdr:col>85</xdr:col>
      <xdr:colOff>126364</xdr:colOff>
      <xdr:row>38</xdr:row>
      <xdr:rowOff>1397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flipV="1">
          <a:off x="16317595" y="5279999"/>
          <a:ext cx="1269" cy="1374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1" name="災害復旧事業費最小値テキスト">
          <a:extLst>
            <a:ext uri="{FF2B5EF4-FFF2-40B4-BE49-F238E27FC236}">
              <a16:creationId xmlns:a16="http://schemas.microsoft.com/office/drawing/2014/main" id="{00000000-0008-0000-0600-0000FF01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3176</xdr:rowOff>
    </xdr:from>
    <xdr:ext cx="469744" cy="259045"/>
    <xdr:sp macro="" textlink="">
      <xdr:nvSpPr>
        <xdr:cNvPr id="513" name="災害復旧事業費最大値テキスト">
          <a:extLst>
            <a:ext uri="{FF2B5EF4-FFF2-40B4-BE49-F238E27FC236}">
              <a16:creationId xmlns:a16="http://schemas.microsoft.com/office/drawing/2014/main" id="{00000000-0008-0000-0600-000001020000}"/>
            </a:ext>
          </a:extLst>
        </xdr:cNvPr>
        <xdr:cNvSpPr txBox="1"/>
      </xdr:nvSpPr>
      <xdr:spPr>
        <a:xfrm>
          <a:off x="16370300" y="5055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6499</xdr:rowOff>
    </xdr:from>
    <xdr:to>
      <xdr:col>86</xdr:col>
      <xdr:colOff>25400</xdr:colOff>
      <xdr:row>30</xdr:row>
      <xdr:rowOff>136499</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6230600" y="5279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55804</xdr:rowOff>
    </xdr:from>
    <xdr:to>
      <xdr:col>85</xdr:col>
      <xdr:colOff>127000</xdr:colOff>
      <xdr:row>38</xdr:row>
      <xdr:rowOff>1397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5481300" y="6570904"/>
          <a:ext cx="838200" cy="83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74972</xdr:rowOff>
    </xdr:from>
    <xdr:ext cx="378565" cy="259045"/>
    <xdr:sp macro="" textlink="">
      <xdr:nvSpPr>
        <xdr:cNvPr id="516" name="災害復旧事業費平均値テキスト">
          <a:extLst>
            <a:ext uri="{FF2B5EF4-FFF2-40B4-BE49-F238E27FC236}">
              <a16:creationId xmlns:a16="http://schemas.microsoft.com/office/drawing/2014/main" id="{00000000-0008-0000-0600-000004020000}"/>
            </a:ext>
          </a:extLst>
        </xdr:cNvPr>
        <xdr:cNvSpPr txBox="1"/>
      </xdr:nvSpPr>
      <xdr:spPr>
        <a:xfrm>
          <a:off x="16370300" y="62471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2095</xdr:rowOff>
    </xdr:from>
    <xdr:to>
      <xdr:col>85</xdr:col>
      <xdr:colOff>177800</xdr:colOff>
      <xdr:row>37</xdr:row>
      <xdr:rowOff>153695</xdr:rowOff>
    </xdr:to>
    <xdr:sp macro="" textlink="">
      <xdr:nvSpPr>
        <xdr:cNvPr id="517" name="フローチャート: 判断 516">
          <a:extLst>
            <a:ext uri="{FF2B5EF4-FFF2-40B4-BE49-F238E27FC236}">
              <a16:creationId xmlns:a16="http://schemas.microsoft.com/office/drawing/2014/main" id="{00000000-0008-0000-0600-000005020000}"/>
            </a:ext>
          </a:extLst>
        </xdr:cNvPr>
        <xdr:cNvSpPr/>
      </xdr:nvSpPr>
      <xdr:spPr>
        <a:xfrm>
          <a:off x="16268700" y="6395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55804</xdr:rowOff>
    </xdr:from>
    <xdr:to>
      <xdr:col>81</xdr:col>
      <xdr:colOff>50800</xdr:colOff>
      <xdr:row>38</xdr:row>
      <xdr:rowOff>13970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4592300" y="6570904"/>
          <a:ext cx="889000" cy="83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25247</xdr:rowOff>
    </xdr:from>
    <xdr:to>
      <xdr:col>81</xdr:col>
      <xdr:colOff>101600</xdr:colOff>
      <xdr:row>37</xdr:row>
      <xdr:rowOff>55397</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5430500" y="629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5</xdr:row>
      <xdr:rowOff>71924</xdr:rowOff>
    </xdr:from>
    <xdr:ext cx="469744"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5246428" y="607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0267</xdr:rowOff>
    </xdr:from>
    <xdr:to>
      <xdr:col>76</xdr:col>
      <xdr:colOff>165100</xdr:colOff>
      <xdr:row>36</xdr:row>
      <xdr:rowOff>151867</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4541500" y="6222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4</xdr:row>
      <xdr:rowOff>168394</xdr:rowOff>
    </xdr:from>
    <xdr:ext cx="469744"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4357428" y="5997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0787</xdr:rowOff>
    </xdr:from>
    <xdr:to>
      <xdr:col>72</xdr:col>
      <xdr:colOff>38100</xdr:colOff>
      <xdr:row>37</xdr:row>
      <xdr:rowOff>30937</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3652500" y="6272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47464</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468428" y="6048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4498</xdr:rowOff>
    </xdr:from>
    <xdr:to>
      <xdr:col>67</xdr:col>
      <xdr:colOff>101600</xdr:colOff>
      <xdr:row>38</xdr:row>
      <xdr:rowOff>4648</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2763500" y="641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21175</xdr:rowOff>
    </xdr:from>
    <xdr:ext cx="378565"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2625017" y="6193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827</xdr:rowOff>
    </xdr:from>
    <xdr:ext cx="249299" cy="259045"/>
    <xdr:sp macro="" textlink="">
      <xdr:nvSpPr>
        <xdr:cNvPr id="535" name="災害復旧事業費該当値テキスト">
          <a:extLst>
            <a:ext uri="{FF2B5EF4-FFF2-40B4-BE49-F238E27FC236}">
              <a16:creationId xmlns:a16="http://schemas.microsoft.com/office/drawing/2014/main" id="{00000000-0008-0000-0600-000017020000}"/>
            </a:ext>
          </a:extLst>
        </xdr:cNvPr>
        <xdr:cNvSpPr txBox="1"/>
      </xdr:nvSpPr>
      <xdr:spPr>
        <a:xfrm>
          <a:off x="16370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5004</xdr:rowOff>
    </xdr:from>
    <xdr:to>
      <xdr:col>81</xdr:col>
      <xdr:colOff>101600</xdr:colOff>
      <xdr:row>38</xdr:row>
      <xdr:rowOff>106604</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5430500" y="6520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97731</xdr:rowOff>
    </xdr:from>
    <xdr:ext cx="378565"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5292017" y="66128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a:extLst>
            <a:ext uri="{FF2B5EF4-FFF2-40B4-BE49-F238E27FC236}">
              <a16:creationId xmlns:a16="http://schemas.microsoft.com/office/drawing/2014/main" id="{00000000-0008-0000-0600-00002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a:extLst>
            <a:ext uri="{FF2B5EF4-FFF2-40B4-BE49-F238E27FC236}">
              <a16:creationId xmlns:a16="http://schemas.microsoft.com/office/drawing/2014/main" id="{00000000-0008-0000-0600-000030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a:extLst>
            <a:ext uri="{FF2B5EF4-FFF2-40B4-BE49-F238E27FC236}">
              <a16:creationId xmlns:a16="http://schemas.microsoft.com/office/drawing/2014/main" id="{00000000-0008-0000-0600-000032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a:extLst>
            <a:ext uri="{FF2B5EF4-FFF2-40B4-BE49-F238E27FC236}">
              <a16:creationId xmlns:a16="http://schemas.microsoft.com/office/drawing/2014/main" id="{00000000-0008-0000-0600-000035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a:extLst>
            <a:ext uri="{FF2B5EF4-FFF2-40B4-BE49-F238E27FC236}">
              <a16:creationId xmlns:a16="http://schemas.microsoft.com/office/drawing/2014/main" id="{00000000-0008-0000-0600-000036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a:extLst>
            <a:ext uri="{FF2B5EF4-FFF2-40B4-BE49-F238E27FC236}">
              <a16:creationId xmlns:a16="http://schemas.microsoft.com/office/drawing/2014/main" id="{00000000-0008-0000-0600-000048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44450</xdr:rowOff>
    </xdr:from>
    <xdr:to>
      <xdr:col>89</xdr:col>
      <xdr:colOff>177800</xdr:colOff>
      <xdr:row>79</xdr:row>
      <xdr:rowOff>444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73677</xdr:rowOff>
    </xdr:from>
    <xdr:ext cx="53129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914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a:extLst>
            <a:ext uri="{FF2B5EF4-FFF2-40B4-BE49-F238E27FC236}">
              <a16:creationId xmlns:a16="http://schemas.microsoft.com/office/drawing/2014/main" id="{00000000-0008-0000-0600-00006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86589</xdr:rowOff>
    </xdr:from>
    <xdr:to>
      <xdr:col>85</xdr:col>
      <xdr:colOff>126364</xdr:colOff>
      <xdr:row>79</xdr:row>
      <xdr:rowOff>12347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flipV="1">
          <a:off x="16317595" y="12259539"/>
          <a:ext cx="1269" cy="14084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27297</xdr:rowOff>
    </xdr:from>
    <xdr:ext cx="534377" cy="259045"/>
    <xdr:sp macro="" textlink="">
      <xdr:nvSpPr>
        <xdr:cNvPr id="618" name="公債費最小値テキスト">
          <a:extLst>
            <a:ext uri="{FF2B5EF4-FFF2-40B4-BE49-F238E27FC236}">
              <a16:creationId xmlns:a16="http://schemas.microsoft.com/office/drawing/2014/main" id="{00000000-0008-0000-0600-00006A020000}"/>
            </a:ext>
          </a:extLst>
        </xdr:cNvPr>
        <xdr:cNvSpPr txBox="1"/>
      </xdr:nvSpPr>
      <xdr:spPr>
        <a:xfrm>
          <a:off x="16370300" y="13671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23470</xdr:rowOff>
    </xdr:from>
    <xdr:to>
      <xdr:col>86</xdr:col>
      <xdr:colOff>25400</xdr:colOff>
      <xdr:row>79</xdr:row>
      <xdr:rowOff>12347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3668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33266</xdr:rowOff>
    </xdr:from>
    <xdr:ext cx="534377" cy="259045"/>
    <xdr:sp macro="" textlink="">
      <xdr:nvSpPr>
        <xdr:cNvPr id="620" name="公債費最大値テキスト">
          <a:extLst>
            <a:ext uri="{FF2B5EF4-FFF2-40B4-BE49-F238E27FC236}">
              <a16:creationId xmlns:a16="http://schemas.microsoft.com/office/drawing/2014/main" id="{00000000-0008-0000-0600-00006C020000}"/>
            </a:ext>
          </a:extLst>
        </xdr:cNvPr>
        <xdr:cNvSpPr txBox="1"/>
      </xdr:nvSpPr>
      <xdr:spPr>
        <a:xfrm>
          <a:off x="16370300" y="12034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86589</xdr:rowOff>
    </xdr:from>
    <xdr:to>
      <xdr:col>86</xdr:col>
      <xdr:colOff>25400</xdr:colOff>
      <xdr:row>71</xdr:row>
      <xdr:rowOff>86589</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6230600" y="12259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62319</xdr:rowOff>
    </xdr:from>
    <xdr:to>
      <xdr:col>85</xdr:col>
      <xdr:colOff>127000</xdr:colOff>
      <xdr:row>76</xdr:row>
      <xdr:rowOff>113601</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5481300" y="13092519"/>
          <a:ext cx="838200" cy="51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9880</xdr:rowOff>
    </xdr:from>
    <xdr:ext cx="534377" cy="259045"/>
    <xdr:sp macro="" textlink="">
      <xdr:nvSpPr>
        <xdr:cNvPr id="623" name="公債費平均値テキスト">
          <a:extLst>
            <a:ext uri="{FF2B5EF4-FFF2-40B4-BE49-F238E27FC236}">
              <a16:creationId xmlns:a16="http://schemas.microsoft.com/office/drawing/2014/main" id="{00000000-0008-0000-0600-00006F020000}"/>
            </a:ext>
          </a:extLst>
        </xdr:cNvPr>
        <xdr:cNvSpPr txBox="1"/>
      </xdr:nvSpPr>
      <xdr:spPr>
        <a:xfrm>
          <a:off x="16370300" y="127071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68453</xdr:rowOff>
    </xdr:from>
    <xdr:to>
      <xdr:col>85</xdr:col>
      <xdr:colOff>177800</xdr:colOff>
      <xdr:row>75</xdr:row>
      <xdr:rowOff>98603</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6268700" y="12855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60871</xdr:rowOff>
    </xdr:from>
    <xdr:to>
      <xdr:col>81</xdr:col>
      <xdr:colOff>50800</xdr:colOff>
      <xdr:row>76</xdr:row>
      <xdr:rowOff>62319</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4592300" y="13091071"/>
          <a:ext cx="889000" cy="1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88595</xdr:rowOff>
    </xdr:from>
    <xdr:to>
      <xdr:col>81</xdr:col>
      <xdr:colOff>101600</xdr:colOff>
      <xdr:row>76</xdr:row>
      <xdr:rowOff>18746</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5430500" y="1294734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35272</xdr:rowOff>
    </xdr:from>
    <xdr:ext cx="534377"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5214111" y="12722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60871</xdr:rowOff>
    </xdr:from>
    <xdr:to>
      <xdr:col>76</xdr:col>
      <xdr:colOff>114300</xdr:colOff>
      <xdr:row>76</xdr:row>
      <xdr:rowOff>131318</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3703300" y="13091071"/>
          <a:ext cx="889000" cy="70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28131</xdr:rowOff>
    </xdr:from>
    <xdr:to>
      <xdr:col>76</xdr:col>
      <xdr:colOff>165100</xdr:colOff>
      <xdr:row>75</xdr:row>
      <xdr:rowOff>129731</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4541500" y="12886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46258</xdr:rowOff>
    </xdr:from>
    <xdr:ext cx="534377"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4325111" y="12662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31318</xdr:rowOff>
    </xdr:from>
    <xdr:to>
      <xdr:col>71</xdr:col>
      <xdr:colOff>177800</xdr:colOff>
      <xdr:row>77</xdr:row>
      <xdr:rowOff>40945</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2814300" y="13161518"/>
          <a:ext cx="889000" cy="81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43611</xdr:rowOff>
    </xdr:from>
    <xdr:to>
      <xdr:col>72</xdr:col>
      <xdr:colOff>38100</xdr:colOff>
      <xdr:row>75</xdr:row>
      <xdr:rowOff>73761</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3652500" y="1283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90288</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3436111" y="12606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65557</xdr:rowOff>
    </xdr:from>
    <xdr:to>
      <xdr:col>67</xdr:col>
      <xdr:colOff>101600</xdr:colOff>
      <xdr:row>75</xdr:row>
      <xdr:rowOff>95707</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2763500" y="12852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12234</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2547111" y="12628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62801</xdr:rowOff>
    </xdr:from>
    <xdr:to>
      <xdr:col>85</xdr:col>
      <xdr:colOff>177800</xdr:colOff>
      <xdr:row>76</xdr:row>
      <xdr:rowOff>164401</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6268700" y="13093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41228</xdr:rowOff>
    </xdr:from>
    <xdr:ext cx="534377" cy="259045"/>
    <xdr:sp macro="" textlink="">
      <xdr:nvSpPr>
        <xdr:cNvPr id="642" name="公債費該当値テキスト">
          <a:extLst>
            <a:ext uri="{FF2B5EF4-FFF2-40B4-BE49-F238E27FC236}">
              <a16:creationId xmlns:a16="http://schemas.microsoft.com/office/drawing/2014/main" id="{00000000-0008-0000-0600-000082020000}"/>
            </a:ext>
          </a:extLst>
        </xdr:cNvPr>
        <xdr:cNvSpPr txBox="1"/>
      </xdr:nvSpPr>
      <xdr:spPr>
        <a:xfrm>
          <a:off x="16370300" y="13071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1519</xdr:rowOff>
    </xdr:from>
    <xdr:to>
      <xdr:col>81</xdr:col>
      <xdr:colOff>101600</xdr:colOff>
      <xdr:row>76</xdr:row>
      <xdr:rowOff>113119</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5430500" y="13041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04246</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14111" y="13134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0071</xdr:rowOff>
    </xdr:from>
    <xdr:to>
      <xdr:col>76</xdr:col>
      <xdr:colOff>165100</xdr:colOff>
      <xdr:row>76</xdr:row>
      <xdr:rowOff>111671</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4541500" y="13040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02798</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4325111" y="13132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80518</xdr:rowOff>
    </xdr:from>
    <xdr:to>
      <xdr:col>72</xdr:col>
      <xdr:colOff>38100</xdr:colOff>
      <xdr:row>77</xdr:row>
      <xdr:rowOff>10668</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3652500" y="1311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795</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3436111" y="13203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61595</xdr:rowOff>
    </xdr:from>
    <xdr:to>
      <xdr:col>67</xdr:col>
      <xdr:colOff>101600</xdr:colOff>
      <xdr:row>77</xdr:row>
      <xdr:rowOff>91745</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2763500" y="13191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82872</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2547111" y="13284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a:extLst>
            <a:ext uri="{FF2B5EF4-FFF2-40B4-BE49-F238E27FC236}">
              <a16:creationId xmlns:a16="http://schemas.microsoft.com/office/drawing/2014/main" id="{00000000-0008-0000-0600-00009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6769</xdr:rowOff>
    </xdr:from>
    <xdr:to>
      <xdr:col>85</xdr:col>
      <xdr:colOff>126364</xdr:colOff>
      <xdr:row>98</xdr:row>
      <xdr:rowOff>45608</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flipV="1">
          <a:off x="16317595" y="15527269"/>
          <a:ext cx="1269" cy="13204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9435</xdr:rowOff>
    </xdr:from>
    <xdr:ext cx="469744" cy="259045"/>
    <xdr:sp macro="" textlink="">
      <xdr:nvSpPr>
        <xdr:cNvPr id="673" name="積立金最小値テキスト">
          <a:extLst>
            <a:ext uri="{FF2B5EF4-FFF2-40B4-BE49-F238E27FC236}">
              <a16:creationId xmlns:a16="http://schemas.microsoft.com/office/drawing/2014/main" id="{00000000-0008-0000-0600-0000A1020000}"/>
            </a:ext>
          </a:extLst>
        </xdr:cNvPr>
        <xdr:cNvSpPr txBox="1"/>
      </xdr:nvSpPr>
      <xdr:spPr>
        <a:xfrm>
          <a:off x="16370300" y="1685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5608</xdr:rowOff>
    </xdr:from>
    <xdr:to>
      <xdr:col>86</xdr:col>
      <xdr:colOff>25400</xdr:colOff>
      <xdr:row>98</xdr:row>
      <xdr:rowOff>45608</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6847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3446</xdr:rowOff>
    </xdr:from>
    <xdr:ext cx="534377" cy="259045"/>
    <xdr:sp macro="" textlink="">
      <xdr:nvSpPr>
        <xdr:cNvPr id="675" name="積立金最大値テキスト">
          <a:extLst>
            <a:ext uri="{FF2B5EF4-FFF2-40B4-BE49-F238E27FC236}">
              <a16:creationId xmlns:a16="http://schemas.microsoft.com/office/drawing/2014/main" id="{00000000-0008-0000-0600-0000A3020000}"/>
            </a:ext>
          </a:extLst>
        </xdr:cNvPr>
        <xdr:cNvSpPr txBox="1"/>
      </xdr:nvSpPr>
      <xdr:spPr>
        <a:xfrm>
          <a:off x="16370300" y="15302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6769</xdr:rowOff>
    </xdr:from>
    <xdr:to>
      <xdr:col>86</xdr:col>
      <xdr:colOff>25400</xdr:colOff>
      <xdr:row>90</xdr:row>
      <xdr:rowOff>96769</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6230600" y="15527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19583</xdr:rowOff>
    </xdr:from>
    <xdr:to>
      <xdr:col>85</xdr:col>
      <xdr:colOff>127000</xdr:colOff>
      <xdr:row>97</xdr:row>
      <xdr:rowOff>17079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flipV="1">
          <a:off x="15481300" y="16578783"/>
          <a:ext cx="838200" cy="22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90792</xdr:rowOff>
    </xdr:from>
    <xdr:ext cx="534377" cy="259045"/>
    <xdr:sp macro="" textlink="">
      <xdr:nvSpPr>
        <xdr:cNvPr id="678" name="積立金平均値テキスト">
          <a:extLst>
            <a:ext uri="{FF2B5EF4-FFF2-40B4-BE49-F238E27FC236}">
              <a16:creationId xmlns:a16="http://schemas.microsoft.com/office/drawing/2014/main" id="{00000000-0008-0000-0600-0000A6020000}"/>
            </a:ext>
          </a:extLst>
        </xdr:cNvPr>
        <xdr:cNvSpPr txBox="1"/>
      </xdr:nvSpPr>
      <xdr:spPr>
        <a:xfrm>
          <a:off x="16370300" y="162070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67915</xdr:rowOff>
    </xdr:from>
    <xdr:to>
      <xdr:col>85</xdr:col>
      <xdr:colOff>177800</xdr:colOff>
      <xdr:row>95</xdr:row>
      <xdr:rowOff>169515</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6268700" y="16355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70790</xdr:rowOff>
    </xdr:from>
    <xdr:to>
      <xdr:col>81</xdr:col>
      <xdr:colOff>50800</xdr:colOff>
      <xdr:row>98</xdr:row>
      <xdr:rowOff>30429</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4592300" y="16801440"/>
          <a:ext cx="889000" cy="3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79344</xdr:rowOff>
    </xdr:from>
    <xdr:to>
      <xdr:col>81</xdr:col>
      <xdr:colOff>101600</xdr:colOff>
      <xdr:row>98</xdr:row>
      <xdr:rowOff>9494</xdr:rowOff>
    </xdr:to>
    <xdr:sp macro="" textlink="">
      <xdr:nvSpPr>
        <xdr:cNvPr id="681" name="フローチャート: 判断 680">
          <a:extLst>
            <a:ext uri="{FF2B5EF4-FFF2-40B4-BE49-F238E27FC236}">
              <a16:creationId xmlns:a16="http://schemas.microsoft.com/office/drawing/2014/main" id="{00000000-0008-0000-0600-0000A9020000}"/>
            </a:ext>
          </a:extLst>
        </xdr:cNvPr>
        <xdr:cNvSpPr/>
      </xdr:nvSpPr>
      <xdr:spPr>
        <a:xfrm>
          <a:off x="15430500" y="167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26021</xdr:rowOff>
    </xdr:from>
    <xdr:ext cx="469744" cy="25904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5246428" y="16485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92334</xdr:rowOff>
    </xdr:from>
    <xdr:to>
      <xdr:col>76</xdr:col>
      <xdr:colOff>114300</xdr:colOff>
      <xdr:row>98</xdr:row>
      <xdr:rowOff>30429</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3703300" y="16722984"/>
          <a:ext cx="889000" cy="109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5440</xdr:rowOff>
    </xdr:from>
    <xdr:to>
      <xdr:col>76</xdr:col>
      <xdr:colOff>165100</xdr:colOff>
      <xdr:row>97</xdr:row>
      <xdr:rowOff>127040</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4541500" y="16656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43567</xdr:rowOff>
    </xdr:from>
    <xdr:ext cx="469744"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4357428" y="16431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56581</xdr:rowOff>
    </xdr:from>
    <xdr:to>
      <xdr:col>71</xdr:col>
      <xdr:colOff>177800</xdr:colOff>
      <xdr:row>97</xdr:row>
      <xdr:rowOff>92334</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2814300" y="16687231"/>
          <a:ext cx="889000" cy="35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0691</xdr:rowOff>
    </xdr:from>
    <xdr:to>
      <xdr:col>72</xdr:col>
      <xdr:colOff>38100</xdr:colOff>
      <xdr:row>97</xdr:row>
      <xdr:rowOff>162291</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3652500" y="16691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53418</xdr:rowOff>
    </xdr:from>
    <xdr:ext cx="469744"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3468428" y="16784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68590</xdr:rowOff>
    </xdr:from>
    <xdr:to>
      <xdr:col>67</xdr:col>
      <xdr:colOff>101600</xdr:colOff>
      <xdr:row>97</xdr:row>
      <xdr:rowOff>98740</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2763500" y="16627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15267</xdr:rowOff>
    </xdr:from>
    <xdr:ext cx="469744"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2579428" y="16403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8783</xdr:rowOff>
    </xdr:from>
    <xdr:to>
      <xdr:col>85</xdr:col>
      <xdr:colOff>177800</xdr:colOff>
      <xdr:row>96</xdr:row>
      <xdr:rowOff>170383</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6268700" y="16527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47210</xdr:rowOff>
    </xdr:from>
    <xdr:ext cx="469744" cy="259045"/>
    <xdr:sp macro="" textlink="">
      <xdr:nvSpPr>
        <xdr:cNvPr id="697" name="積立金該当値テキスト">
          <a:extLst>
            <a:ext uri="{FF2B5EF4-FFF2-40B4-BE49-F238E27FC236}">
              <a16:creationId xmlns:a16="http://schemas.microsoft.com/office/drawing/2014/main" id="{00000000-0008-0000-0600-0000B9020000}"/>
            </a:ext>
          </a:extLst>
        </xdr:cNvPr>
        <xdr:cNvSpPr txBox="1"/>
      </xdr:nvSpPr>
      <xdr:spPr>
        <a:xfrm>
          <a:off x="16370300" y="16506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9990</xdr:rowOff>
    </xdr:from>
    <xdr:to>
      <xdr:col>81</xdr:col>
      <xdr:colOff>101600</xdr:colOff>
      <xdr:row>98</xdr:row>
      <xdr:rowOff>50140</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5430500" y="16750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41267</xdr:rowOff>
    </xdr:from>
    <xdr:ext cx="469744"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46428" y="1684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1079</xdr:rowOff>
    </xdr:from>
    <xdr:to>
      <xdr:col>76</xdr:col>
      <xdr:colOff>165100</xdr:colOff>
      <xdr:row>98</xdr:row>
      <xdr:rowOff>81229</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4541500" y="16781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72356</xdr:rowOff>
    </xdr:from>
    <xdr:ext cx="469744"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357428" y="16874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41534</xdr:rowOff>
    </xdr:from>
    <xdr:to>
      <xdr:col>72</xdr:col>
      <xdr:colOff>38100</xdr:colOff>
      <xdr:row>97</xdr:row>
      <xdr:rowOff>143134</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3652500" y="16672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59661</xdr:rowOff>
    </xdr:from>
    <xdr:ext cx="469744"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468428" y="16447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781</xdr:rowOff>
    </xdr:from>
    <xdr:to>
      <xdr:col>67</xdr:col>
      <xdr:colOff>101600</xdr:colOff>
      <xdr:row>97</xdr:row>
      <xdr:rowOff>107381</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2763500" y="16636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98508</xdr:rowOff>
    </xdr:from>
    <xdr:ext cx="469744"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579428" y="16729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投資及び出資金グラフ枠">
          <a:extLst>
            <a:ext uri="{FF2B5EF4-FFF2-40B4-BE49-F238E27FC236}">
              <a16:creationId xmlns:a16="http://schemas.microsoft.com/office/drawing/2014/main" id="{00000000-0008-0000-0600-0000D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90932</xdr:rowOff>
    </xdr:from>
    <xdr:to>
      <xdr:col>116</xdr:col>
      <xdr:colOff>62864</xdr:colOff>
      <xdr:row>39</xdr:row>
      <xdr:rowOff>4445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flipV="1">
          <a:off x="22159595" y="5234432"/>
          <a:ext cx="1269" cy="1496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0" name="投資及び出資金最小値テキスト">
          <a:extLst>
            <a:ext uri="{FF2B5EF4-FFF2-40B4-BE49-F238E27FC236}">
              <a16:creationId xmlns:a16="http://schemas.microsoft.com/office/drawing/2014/main" id="{00000000-0008-0000-0600-0000DA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37609</xdr:rowOff>
    </xdr:from>
    <xdr:ext cx="469744" cy="259045"/>
    <xdr:sp macro="" textlink="">
      <xdr:nvSpPr>
        <xdr:cNvPr id="732" name="投資及び出資金最大値テキスト">
          <a:extLst>
            <a:ext uri="{FF2B5EF4-FFF2-40B4-BE49-F238E27FC236}">
              <a16:creationId xmlns:a16="http://schemas.microsoft.com/office/drawing/2014/main" id="{00000000-0008-0000-0600-0000DC020000}"/>
            </a:ext>
          </a:extLst>
        </xdr:cNvPr>
        <xdr:cNvSpPr txBox="1"/>
      </xdr:nvSpPr>
      <xdr:spPr>
        <a:xfrm>
          <a:off x="22212300" y="5009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90932</xdr:rowOff>
    </xdr:from>
    <xdr:to>
      <xdr:col>116</xdr:col>
      <xdr:colOff>152400</xdr:colOff>
      <xdr:row>30</xdr:row>
      <xdr:rowOff>90932</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2072600" y="5234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147320</xdr:rowOff>
    </xdr:from>
    <xdr:to>
      <xdr:col>116</xdr:col>
      <xdr:colOff>63500</xdr:colOff>
      <xdr:row>36</xdr:row>
      <xdr:rowOff>90932</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1323300" y="6148070"/>
          <a:ext cx="838200" cy="115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4</xdr:row>
      <xdr:rowOff>104157</xdr:rowOff>
    </xdr:from>
    <xdr:ext cx="469744" cy="259045"/>
    <xdr:sp macro="" textlink="">
      <xdr:nvSpPr>
        <xdr:cNvPr id="735" name="投資及び出資金平均値テキスト">
          <a:extLst>
            <a:ext uri="{FF2B5EF4-FFF2-40B4-BE49-F238E27FC236}">
              <a16:creationId xmlns:a16="http://schemas.microsoft.com/office/drawing/2014/main" id="{00000000-0008-0000-0600-0000DF020000}"/>
            </a:ext>
          </a:extLst>
        </xdr:cNvPr>
        <xdr:cNvSpPr txBox="1"/>
      </xdr:nvSpPr>
      <xdr:spPr>
        <a:xfrm>
          <a:off x="22212300" y="59334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81280</xdr:rowOff>
    </xdr:from>
    <xdr:to>
      <xdr:col>116</xdr:col>
      <xdr:colOff>114300</xdr:colOff>
      <xdr:row>36</xdr:row>
      <xdr:rowOff>11430</xdr:rowOff>
    </xdr:to>
    <xdr:sp macro="" textlink="">
      <xdr:nvSpPr>
        <xdr:cNvPr id="736" name="フローチャート: 判断 735">
          <a:extLst>
            <a:ext uri="{FF2B5EF4-FFF2-40B4-BE49-F238E27FC236}">
              <a16:creationId xmlns:a16="http://schemas.microsoft.com/office/drawing/2014/main" id="{00000000-0008-0000-0600-0000E0020000}"/>
            </a:ext>
          </a:extLst>
        </xdr:cNvPr>
        <xdr:cNvSpPr/>
      </xdr:nvSpPr>
      <xdr:spPr>
        <a:xfrm>
          <a:off x="22110700" y="6082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3</xdr:row>
      <xdr:rowOff>144653</xdr:rowOff>
    </xdr:from>
    <xdr:to>
      <xdr:col>111</xdr:col>
      <xdr:colOff>177800</xdr:colOff>
      <xdr:row>35</xdr:row>
      <xdr:rowOff>14732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0434300" y="5802503"/>
          <a:ext cx="889000" cy="345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4</xdr:row>
      <xdr:rowOff>147574</xdr:rowOff>
    </xdr:from>
    <xdr:to>
      <xdr:col>112</xdr:col>
      <xdr:colOff>38100</xdr:colOff>
      <xdr:row>35</xdr:row>
      <xdr:rowOff>77724</xdr:rowOff>
    </xdr:to>
    <xdr:sp macro="" textlink="">
      <xdr:nvSpPr>
        <xdr:cNvPr id="738" name="フローチャート: 判断 737">
          <a:extLst>
            <a:ext uri="{FF2B5EF4-FFF2-40B4-BE49-F238E27FC236}">
              <a16:creationId xmlns:a16="http://schemas.microsoft.com/office/drawing/2014/main" id="{00000000-0008-0000-0600-0000E2020000}"/>
            </a:ext>
          </a:extLst>
        </xdr:cNvPr>
        <xdr:cNvSpPr/>
      </xdr:nvSpPr>
      <xdr:spPr>
        <a:xfrm>
          <a:off x="21272500" y="5976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3</xdr:row>
      <xdr:rowOff>94251</xdr:rowOff>
    </xdr:from>
    <xdr:ext cx="469744" cy="259045"/>
    <xdr:sp macro="" textlink="">
      <xdr:nvSpPr>
        <xdr:cNvPr id="739" name="テキスト ボックス 738">
          <a:extLst>
            <a:ext uri="{FF2B5EF4-FFF2-40B4-BE49-F238E27FC236}">
              <a16:creationId xmlns:a16="http://schemas.microsoft.com/office/drawing/2014/main" id="{00000000-0008-0000-0600-0000E3020000}"/>
            </a:ext>
          </a:extLst>
        </xdr:cNvPr>
        <xdr:cNvSpPr txBox="1"/>
      </xdr:nvSpPr>
      <xdr:spPr>
        <a:xfrm>
          <a:off x="21088428" y="5752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3</xdr:row>
      <xdr:rowOff>144653</xdr:rowOff>
    </xdr:from>
    <xdr:to>
      <xdr:col>107</xdr:col>
      <xdr:colOff>50800</xdr:colOff>
      <xdr:row>34</xdr:row>
      <xdr:rowOff>69215</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19545300" y="5802503"/>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80899</xdr:rowOff>
    </xdr:from>
    <xdr:to>
      <xdr:col>107</xdr:col>
      <xdr:colOff>101600</xdr:colOff>
      <xdr:row>35</xdr:row>
      <xdr:rowOff>11049</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0383500" y="5910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2176</xdr:rowOff>
    </xdr:from>
    <xdr:ext cx="469744"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0199428" y="6002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4</xdr:row>
      <xdr:rowOff>12446</xdr:rowOff>
    </xdr:from>
    <xdr:to>
      <xdr:col>102</xdr:col>
      <xdr:colOff>114300</xdr:colOff>
      <xdr:row>34</xdr:row>
      <xdr:rowOff>69215</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8656300" y="5841746"/>
          <a:ext cx="889000" cy="56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4</xdr:row>
      <xdr:rowOff>80518</xdr:rowOff>
    </xdr:from>
    <xdr:to>
      <xdr:col>102</xdr:col>
      <xdr:colOff>165100</xdr:colOff>
      <xdr:row>35</xdr:row>
      <xdr:rowOff>10668</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19494500" y="590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795</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9310428" y="6002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4</xdr:row>
      <xdr:rowOff>1651</xdr:rowOff>
    </xdr:from>
    <xdr:to>
      <xdr:col>98</xdr:col>
      <xdr:colOff>38100</xdr:colOff>
      <xdr:row>34</xdr:row>
      <xdr:rowOff>103251</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18605500" y="5830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94378</xdr:rowOff>
    </xdr:from>
    <xdr:ext cx="469744"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8421428" y="5923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40132</xdr:rowOff>
    </xdr:from>
    <xdr:to>
      <xdr:col>116</xdr:col>
      <xdr:colOff>114300</xdr:colOff>
      <xdr:row>36</xdr:row>
      <xdr:rowOff>141732</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2110700" y="6212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18559</xdr:rowOff>
    </xdr:from>
    <xdr:ext cx="469744" cy="259045"/>
    <xdr:sp macro="" textlink="">
      <xdr:nvSpPr>
        <xdr:cNvPr id="754" name="投資及び出資金該当値テキスト">
          <a:extLst>
            <a:ext uri="{FF2B5EF4-FFF2-40B4-BE49-F238E27FC236}">
              <a16:creationId xmlns:a16="http://schemas.microsoft.com/office/drawing/2014/main" id="{00000000-0008-0000-0600-0000F2020000}"/>
            </a:ext>
          </a:extLst>
        </xdr:cNvPr>
        <xdr:cNvSpPr txBox="1"/>
      </xdr:nvSpPr>
      <xdr:spPr>
        <a:xfrm>
          <a:off x="22212300" y="6190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96520</xdr:rowOff>
    </xdr:from>
    <xdr:to>
      <xdr:col>112</xdr:col>
      <xdr:colOff>38100</xdr:colOff>
      <xdr:row>36</xdr:row>
      <xdr:rowOff>2667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21272500" y="6097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7797</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088428" y="6189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3</xdr:row>
      <xdr:rowOff>93853</xdr:rowOff>
    </xdr:from>
    <xdr:to>
      <xdr:col>107</xdr:col>
      <xdr:colOff>101600</xdr:colOff>
      <xdr:row>34</xdr:row>
      <xdr:rowOff>24003</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20383500" y="5751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2</xdr:row>
      <xdr:rowOff>40530</xdr:rowOff>
    </xdr:from>
    <xdr:ext cx="469744"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0199428" y="5526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4</xdr:row>
      <xdr:rowOff>18415</xdr:rowOff>
    </xdr:from>
    <xdr:to>
      <xdr:col>102</xdr:col>
      <xdr:colOff>165100</xdr:colOff>
      <xdr:row>34</xdr:row>
      <xdr:rowOff>120015</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19494500" y="5847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2</xdr:row>
      <xdr:rowOff>136542</xdr:rowOff>
    </xdr:from>
    <xdr:ext cx="469744"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310428" y="5622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3</xdr:row>
      <xdr:rowOff>133096</xdr:rowOff>
    </xdr:from>
    <xdr:to>
      <xdr:col>98</xdr:col>
      <xdr:colOff>38100</xdr:colOff>
      <xdr:row>34</xdr:row>
      <xdr:rowOff>63246</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18605500" y="5790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2</xdr:row>
      <xdr:rowOff>79773</xdr:rowOff>
    </xdr:from>
    <xdr:ext cx="469744"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8421428" y="5566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2</xdr:row>
      <xdr:rowOff>111777</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168927</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28564</xdr:rowOff>
    </xdr:from>
    <xdr:to>
      <xdr:col>116</xdr:col>
      <xdr:colOff>62864</xdr:colOff>
      <xdr:row>58</xdr:row>
      <xdr:rowOff>136947</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601064"/>
          <a:ext cx="1269" cy="14799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0774</xdr:rowOff>
    </xdr:from>
    <xdr:ext cx="378565"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0848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6947</xdr:rowOff>
    </xdr:from>
    <xdr:to>
      <xdr:col>116</xdr:col>
      <xdr:colOff>152400</xdr:colOff>
      <xdr:row>58</xdr:row>
      <xdr:rowOff>136947</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081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46691</xdr:rowOff>
    </xdr:from>
    <xdr:ext cx="599010"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3762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28564</xdr:rowOff>
    </xdr:from>
    <xdr:to>
      <xdr:col>116</xdr:col>
      <xdr:colOff>152400</xdr:colOff>
      <xdr:row>50</xdr:row>
      <xdr:rowOff>28564</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601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149320</xdr:rowOff>
    </xdr:from>
    <xdr:to>
      <xdr:col>116</xdr:col>
      <xdr:colOff>63500</xdr:colOff>
      <xdr:row>55</xdr:row>
      <xdr:rowOff>170917</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1323300" y="9579070"/>
          <a:ext cx="838200" cy="21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51142</xdr:rowOff>
    </xdr:from>
    <xdr:ext cx="534377"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9652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2715</xdr:rowOff>
    </xdr:from>
    <xdr:to>
      <xdr:col>116</xdr:col>
      <xdr:colOff>114300</xdr:colOff>
      <xdr:row>57</xdr:row>
      <xdr:rowOff>2865</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9673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149320</xdr:rowOff>
    </xdr:from>
    <xdr:to>
      <xdr:col>111</xdr:col>
      <xdr:colOff>177800</xdr:colOff>
      <xdr:row>58</xdr:row>
      <xdr:rowOff>37315</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0434300" y="9579070"/>
          <a:ext cx="889000" cy="402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75897</xdr:rowOff>
    </xdr:from>
    <xdr:to>
      <xdr:col>112</xdr:col>
      <xdr:colOff>38100</xdr:colOff>
      <xdr:row>57</xdr:row>
      <xdr:rowOff>6047</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9677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6</xdr:row>
      <xdr:rowOff>168624</xdr:rowOff>
    </xdr:from>
    <xdr:ext cx="534377"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56111" y="9769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37315</xdr:rowOff>
    </xdr:from>
    <xdr:to>
      <xdr:col>107</xdr:col>
      <xdr:colOff>50800</xdr:colOff>
      <xdr:row>58</xdr:row>
      <xdr:rowOff>40899</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19545300" y="9981415"/>
          <a:ext cx="889000" cy="3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74078</xdr:rowOff>
    </xdr:from>
    <xdr:to>
      <xdr:col>107</xdr:col>
      <xdr:colOff>101600</xdr:colOff>
      <xdr:row>58</xdr:row>
      <xdr:rowOff>4228</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9846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6</xdr:row>
      <xdr:rowOff>20755</xdr:rowOff>
    </xdr:from>
    <xdr:ext cx="534377"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67111" y="9621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31417</xdr:rowOff>
    </xdr:from>
    <xdr:to>
      <xdr:col>102</xdr:col>
      <xdr:colOff>114300</xdr:colOff>
      <xdr:row>58</xdr:row>
      <xdr:rowOff>40899</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656300" y="9975517"/>
          <a:ext cx="889000" cy="9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9295</xdr:rowOff>
    </xdr:from>
    <xdr:to>
      <xdr:col>102</xdr:col>
      <xdr:colOff>165100</xdr:colOff>
      <xdr:row>57</xdr:row>
      <xdr:rowOff>170895</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984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15972</xdr:rowOff>
    </xdr:from>
    <xdr:ext cx="534377"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278111" y="9617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8995</xdr:rowOff>
    </xdr:from>
    <xdr:to>
      <xdr:col>98</xdr:col>
      <xdr:colOff>38100</xdr:colOff>
      <xdr:row>57</xdr:row>
      <xdr:rowOff>150595</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9821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5</xdr:row>
      <xdr:rowOff>167122</xdr:rowOff>
    </xdr:from>
    <xdr:ext cx="534377"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389111" y="9596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20117</xdr:rowOff>
    </xdr:from>
    <xdr:to>
      <xdr:col>116</xdr:col>
      <xdr:colOff>114300</xdr:colOff>
      <xdr:row>56</xdr:row>
      <xdr:rowOff>50267</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9549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142994</xdr:rowOff>
    </xdr:from>
    <xdr:ext cx="534377"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9401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98520</xdr:rowOff>
    </xdr:from>
    <xdr:to>
      <xdr:col>112</xdr:col>
      <xdr:colOff>38100</xdr:colOff>
      <xdr:row>56</xdr:row>
      <xdr:rowOff>28670</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9528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4</xdr:row>
      <xdr:rowOff>45197</xdr:rowOff>
    </xdr:from>
    <xdr:ext cx="534377"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056111" y="9303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57965</xdr:rowOff>
    </xdr:from>
    <xdr:to>
      <xdr:col>107</xdr:col>
      <xdr:colOff>101600</xdr:colOff>
      <xdr:row>58</xdr:row>
      <xdr:rowOff>88115</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9930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8</xdr:row>
      <xdr:rowOff>79242</xdr:rowOff>
    </xdr:from>
    <xdr:ext cx="534377"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167111" y="10023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61549</xdr:rowOff>
    </xdr:from>
    <xdr:to>
      <xdr:col>102</xdr:col>
      <xdr:colOff>165100</xdr:colOff>
      <xdr:row>58</xdr:row>
      <xdr:rowOff>91699</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9934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8</xdr:row>
      <xdr:rowOff>82826</xdr:rowOff>
    </xdr:from>
    <xdr:ext cx="534377"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278111" y="10026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52067</xdr:rowOff>
    </xdr:from>
    <xdr:to>
      <xdr:col>98</xdr:col>
      <xdr:colOff>38100</xdr:colOff>
      <xdr:row>58</xdr:row>
      <xdr:rowOff>82217</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9924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8</xdr:row>
      <xdr:rowOff>73344</xdr:rowOff>
    </xdr:from>
    <xdr:ext cx="534377"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389111" y="10017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1" name="直線コネクタ 830">
          <a:extLst>
            <a:ext uri="{FF2B5EF4-FFF2-40B4-BE49-F238E27FC236}">
              <a16:creationId xmlns:a16="http://schemas.microsoft.com/office/drawing/2014/main" id="{00000000-0008-0000-0600-00003F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1" name="繰出金グラフ枠">
          <a:extLst>
            <a:ext uri="{FF2B5EF4-FFF2-40B4-BE49-F238E27FC236}">
              <a16:creationId xmlns:a16="http://schemas.microsoft.com/office/drawing/2014/main" id="{00000000-0008-0000-0600-000049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4783</xdr:rowOff>
    </xdr:from>
    <xdr:to>
      <xdr:col>116</xdr:col>
      <xdr:colOff>62864</xdr:colOff>
      <xdr:row>78</xdr:row>
      <xdr:rowOff>33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flipV="1">
          <a:off x="22159595" y="12116283"/>
          <a:ext cx="1269" cy="12571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4157</xdr:rowOff>
    </xdr:from>
    <xdr:ext cx="534377" cy="259045"/>
    <xdr:sp macro="" textlink="">
      <xdr:nvSpPr>
        <xdr:cNvPr id="843" name="繰出金最小値テキスト">
          <a:extLst>
            <a:ext uri="{FF2B5EF4-FFF2-40B4-BE49-F238E27FC236}">
              <a16:creationId xmlns:a16="http://schemas.microsoft.com/office/drawing/2014/main" id="{00000000-0008-0000-0600-00004B030000}"/>
            </a:ext>
          </a:extLst>
        </xdr:cNvPr>
        <xdr:cNvSpPr txBox="1"/>
      </xdr:nvSpPr>
      <xdr:spPr>
        <a:xfrm>
          <a:off x="22212300" y="13377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330</xdr:rowOff>
    </xdr:from>
    <xdr:to>
      <xdr:col>116</xdr:col>
      <xdr:colOff>152400</xdr:colOff>
      <xdr:row>78</xdr:row>
      <xdr:rowOff>33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22072600" y="13373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1460</xdr:rowOff>
    </xdr:from>
    <xdr:ext cx="534377" cy="259045"/>
    <xdr:sp macro="" textlink="">
      <xdr:nvSpPr>
        <xdr:cNvPr id="845" name="繰出金最大値テキスト">
          <a:extLst>
            <a:ext uri="{FF2B5EF4-FFF2-40B4-BE49-F238E27FC236}">
              <a16:creationId xmlns:a16="http://schemas.microsoft.com/office/drawing/2014/main" id="{00000000-0008-0000-0600-00004D030000}"/>
            </a:ext>
          </a:extLst>
        </xdr:cNvPr>
        <xdr:cNvSpPr txBox="1"/>
      </xdr:nvSpPr>
      <xdr:spPr>
        <a:xfrm>
          <a:off x="22212300" y="1189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4783</xdr:rowOff>
    </xdr:from>
    <xdr:to>
      <xdr:col>116</xdr:col>
      <xdr:colOff>152400</xdr:colOff>
      <xdr:row>70</xdr:row>
      <xdr:rowOff>114783</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22072600" y="1211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16497</xdr:rowOff>
    </xdr:from>
    <xdr:to>
      <xdr:col>116</xdr:col>
      <xdr:colOff>63500</xdr:colOff>
      <xdr:row>76</xdr:row>
      <xdr:rowOff>143511</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1323300" y="13146697"/>
          <a:ext cx="838200" cy="27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50702</xdr:rowOff>
    </xdr:from>
    <xdr:ext cx="534377" cy="259045"/>
    <xdr:sp macro="" textlink="">
      <xdr:nvSpPr>
        <xdr:cNvPr id="848" name="繰出金平均値テキスト">
          <a:extLst>
            <a:ext uri="{FF2B5EF4-FFF2-40B4-BE49-F238E27FC236}">
              <a16:creationId xmlns:a16="http://schemas.microsoft.com/office/drawing/2014/main" id="{00000000-0008-0000-0600-000050030000}"/>
            </a:ext>
          </a:extLst>
        </xdr:cNvPr>
        <xdr:cNvSpPr txBox="1"/>
      </xdr:nvSpPr>
      <xdr:spPr>
        <a:xfrm>
          <a:off x="22212300" y="12738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7825</xdr:rowOff>
    </xdr:from>
    <xdr:to>
      <xdr:col>116</xdr:col>
      <xdr:colOff>114300</xdr:colOff>
      <xdr:row>75</xdr:row>
      <xdr:rowOff>129425</xdr:rowOff>
    </xdr:to>
    <xdr:sp macro="" textlink="">
      <xdr:nvSpPr>
        <xdr:cNvPr id="849" name="フローチャート: 判断 848">
          <a:extLst>
            <a:ext uri="{FF2B5EF4-FFF2-40B4-BE49-F238E27FC236}">
              <a16:creationId xmlns:a16="http://schemas.microsoft.com/office/drawing/2014/main" id="{00000000-0008-0000-0600-000051030000}"/>
            </a:ext>
          </a:extLst>
        </xdr:cNvPr>
        <xdr:cNvSpPr/>
      </xdr:nvSpPr>
      <xdr:spPr>
        <a:xfrm>
          <a:off x="22110700" y="12886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34480</xdr:rowOff>
    </xdr:from>
    <xdr:to>
      <xdr:col>111</xdr:col>
      <xdr:colOff>177800</xdr:colOff>
      <xdr:row>76</xdr:row>
      <xdr:rowOff>143511</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20434300" y="13164680"/>
          <a:ext cx="889000" cy="9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8935</xdr:rowOff>
    </xdr:from>
    <xdr:to>
      <xdr:col>112</xdr:col>
      <xdr:colOff>38100</xdr:colOff>
      <xdr:row>75</xdr:row>
      <xdr:rowOff>170535</xdr:rowOff>
    </xdr:to>
    <xdr:sp macro="" textlink="">
      <xdr:nvSpPr>
        <xdr:cNvPr id="851" name="フローチャート: 判断 850">
          <a:extLst>
            <a:ext uri="{FF2B5EF4-FFF2-40B4-BE49-F238E27FC236}">
              <a16:creationId xmlns:a16="http://schemas.microsoft.com/office/drawing/2014/main" id="{00000000-0008-0000-0600-000053030000}"/>
            </a:ext>
          </a:extLst>
        </xdr:cNvPr>
        <xdr:cNvSpPr/>
      </xdr:nvSpPr>
      <xdr:spPr>
        <a:xfrm>
          <a:off x="21272500" y="1292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5612</xdr:rowOff>
    </xdr:from>
    <xdr:ext cx="534377"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21056111" y="12702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10440</xdr:rowOff>
    </xdr:from>
    <xdr:to>
      <xdr:col>107</xdr:col>
      <xdr:colOff>50800</xdr:colOff>
      <xdr:row>76</xdr:row>
      <xdr:rowOff>134480</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19545300" y="13140640"/>
          <a:ext cx="889000" cy="24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1735</xdr:rowOff>
    </xdr:from>
    <xdr:to>
      <xdr:col>107</xdr:col>
      <xdr:colOff>101600</xdr:colOff>
      <xdr:row>75</xdr:row>
      <xdr:rowOff>163336</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0383500" y="1292048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8412</xdr:rowOff>
    </xdr:from>
    <xdr:ext cx="534377"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20167111" y="12695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03848</xdr:rowOff>
    </xdr:from>
    <xdr:to>
      <xdr:col>102</xdr:col>
      <xdr:colOff>114300</xdr:colOff>
      <xdr:row>76</xdr:row>
      <xdr:rowOff>110440</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18656300" y="13134048"/>
          <a:ext cx="889000" cy="6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04940</xdr:rowOff>
    </xdr:from>
    <xdr:to>
      <xdr:col>102</xdr:col>
      <xdr:colOff>165100</xdr:colOff>
      <xdr:row>76</xdr:row>
      <xdr:rowOff>35089</xdr:rowOff>
    </xdr:to>
    <xdr:sp macro="" textlink="">
      <xdr:nvSpPr>
        <xdr:cNvPr id="857" name="フローチャート: 判断 856">
          <a:extLst>
            <a:ext uri="{FF2B5EF4-FFF2-40B4-BE49-F238E27FC236}">
              <a16:creationId xmlns:a16="http://schemas.microsoft.com/office/drawing/2014/main" id="{00000000-0008-0000-0600-000059030000}"/>
            </a:ext>
          </a:extLst>
        </xdr:cNvPr>
        <xdr:cNvSpPr/>
      </xdr:nvSpPr>
      <xdr:spPr>
        <a:xfrm>
          <a:off x="19494500" y="129636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1617</xdr:rowOff>
    </xdr:from>
    <xdr:ext cx="534377"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9278111" y="12738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7246</xdr:rowOff>
    </xdr:from>
    <xdr:to>
      <xdr:col>98</xdr:col>
      <xdr:colOff>38100</xdr:colOff>
      <xdr:row>76</xdr:row>
      <xdr:rowOff>47396</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18605500" y="12975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63923</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18389111" y="1275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65697</xdr:rowOff>
    </xdr:from>
    <xdr:to>
      <xdr:col>116</xdr:col>
      <xdr:colOff>114300</xdr:colOff>
      <xdr:row>76</xdr:row>
      <xdr:rowOff>167297</xdr:rowOff>
    </xdr:to>
    <xdr:sp macro="" textlink="">
      <xdr:nvSpPr>
        <xdr:cNvPr id="866" name="楕円 865">
          <a:extLst>
            <a:ext uri="{FF2B5EF4-FFF2-40B4-BE49-F238E27FC236}">
              <a16:creationId xmlns:a16="http://schemas.microsoft.com/office/drawing/2014/main" id="{00000000-0008-0000-0600-000062030000}"/>
            </a:ext>
          </a:extLst>
        </xdr:cNvPr>
        <xdr:cNvSpPr/>
      </xdr:nvSpPr>
      <xdr:spPr>
        <a:xfrm>
          <a:off x="22110700" y="13095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44124</xdr:rowOff>
    </xdr:from>
    <xdr:ext cx="534377" cy="259045"/>
    <xdr:sp macro="" textlink="">
      <xdr:nvSpPr>
        <xdr:cNvPr id="867" name="繰出金該当値テキスト">
          <a:extLst>
            <a:ext uri="{FF2B5EF4-FFF2-40B4-BE49-F238E27FC236}">
              <a16:creationId xmlns:a16="http://schemas.microsoft.com/office/drawing/2014/main" id="{00000000-0008-0000-0600-000063030000}"/>
            </a:ext>
          </a:extLst>
        </xdr:cNvPr>
        <xdr:cNvSpPr txBox="1"/>
      </xdr:nvSpPr>
      <xdr:spPr>
        <a:xfrm>
          <a:off x="22212300" y="13074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92711</xdr:rowOff>
    </xdr:from>
    <xdr:to>
      <xdr:col>112</xdr:col>
      <xdr:colOff>38100</xdr:colOff>
      <xdr:row>77</xdr:row>
      <xdr:rowOff>22861</xdr:rowOff>
    </xdr:to>
    <xdr:sp macro="" textlink="">
      <xdr:nvSpPr>
        <xdr:cNvPr id="868" name="楕円 867">
          <a:extLst>
            <a:ext uri="{FF2B5EF4-FFF2-40B4-BE49-F238E27FC236}">
              <a16:creationId xmlns:a16="http://schemas.microsoft.com/office/drawing/2014/main" id="{00000000-0008-0000-0600-000064030000}"/>
            </a:ext>
          </a:extLst>
        </xdr:cNvPr>
        <xdr:cNvSpPr/>
      </xdr:nvSpPr>
      <xdr:spPr>
        <a:xfrm>
          <a:off x="21272500" y="13122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3988</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1056111" y="13215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83680</xdr:rowOff>
    </xdr:from>
    <xdr:to>
      <xdr:col>107</xdr:col>
      <xdr:colOff>101600</xdr:colOff>
      <xdr:row>77</xdr:row>
      <xdr:rowOff>13830</xdr:rowOff>
    </xdr:to>
    <xdr:sp macro="" textlink="">
      <xdr:nvSpPr>
        <xdr:cNvPr id="870" name="楕円 869">
          <a:extLst>
            <a:ext uri="{FF2B5EF4-FFF2-40B4-BE49-F238E27FC236}">
              <a16:creationId xmlns:a16="http://schemas.microsoft.com/office/drawing/2014/main" id="{00000000-0008-0000-0600-000066030000}"/>
            </a:ext>
          </a:extLst>
        </xdr:cNvPr>
        <xdr:cNvSpPr/>
      </xdr:nvSpPr>
      <xdr:spPr>
        <a:xfrm>
          <a:off x="20383500" y="1311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4957</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0167111" y="13206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59640</xdr:rowOff>
    </xdr:from>
    <xdr:to>
      <xdr:col>102</xdr:col>
      <xdr:colOff>165100</xdr:colOff>
      <xdr:row>76</xdr:row>
      <xdr:rowOff>161240</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19494500" y="1308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52367</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9278111" y="13182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53048</xdr:rowOff>
    </xdr:from>
    <xdr:to>
      <xdr:col>98</xdr:col>
      <xdr:colOff>38100</xdr:colOff>
      <xdr:row>76</xdr:row>
      <xdr:rowOff>154648</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18605500" y="13083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45775</xdr:rowOff>
    </xdr:from>
    <xdr:ext cx="534377"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8389111" y="13175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5" name="直線コネクタ 884">
          <a:extLst>
            <a:ext uri="{FF2B5EF4-FFF2-40B4-BE49-F238E27FC236}">
              <a16:creationId xmlns:a16="http://schemas.microsoft.com/office/drawing/2014/main" id="{00000000-0008-0000-0600-000075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8" name="直線コネクタ 887">
          <a:extLst>
            <a:ext uri="{FF2B5EF4-FFF2-40B4-BE49-F238E27FC236}">
              <a16:creationId xmlns:a16="http://schemas.microsoft.com/office/drawing/2014/main" id="{00000000-0008-0000-0600-000078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0" name="前年度繰上充用金グラフ枠">
          <a:extLst>
            <a:ext uri="{FF2B5EF4-FFF2-40B4-BE49-F238E27FC236}">
              <a16:creationId xmlns:a16="http://schemas.microsoft.com/office/drawing/2014/main" id="{00000000-0008-0000-0600-00007A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2" name="前年度繰上充用金最小値テキスト">
          <a:extLst>
            <a:ext uri="{FF2B5EF4-FFF2-40B4-BE49-F238E27FC236}">
              <a16:creationId xmlns:a16="http://schemas.microsoft.com/office/drawing/2014/main" id="{00000000-0008-0000-0600-00007C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4" name="前年度繰上充用金最大値テキスト">
          <a:extLst>
            <a:ext uri="{FF2B5EF4-FFF2-40B4-BE49-F238E27FC236}">
              <a16:creationId xmlns:a16="http://schemas.microsoft.com/office/drawing/2014/main" id="{00000000-0008-0000-0600-00007E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7" name="前年度繰上充用金平均値テキスト">
          <a:extLst>
            <a:ext uri="{FF2B5EF4-FFF2-40B4-BE49-F238E27FC236}">
              <a16:creationId xmlns:a16="http://schemas.microsoft.com/office/drawing/2014/main" id="{00000000-0008-0000-0600-000081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8" name="フローチャート: 判断 897">
          <a:extLst>
            <a:ext uri="{FF2B5EF4-FFF2-40B4-BE49-F238E27FC236}">
              <a16:creationId xmlns:a16="http://schemas.microsoft.com/office/drawing/2014/main" id="{00000000-0008-0000-0600-000082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0" name="フローチャート: 判断 899">
          <a:extLst>
            <a:ext uri="{FF2B5EF4-FFF2-40B4-BE49-F238E27FC236}">
              <a16:creationId xmlns:a16="http://schemas.microsoft.com/office/drawing/2014/main" id="{00000000-0008-0000-0600-000084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1" name="テキスト ボックス 900">
          <a:extLst>
            <a:ext uri="{FF2B5EF4-FFF2-40B4-BE49-F238E27FC236}">
              <a16:creationId xmlns:a16="http://schemas.microsoft.com/office/drawing/2014/main" id="{00000000-0008-0000-0600-000085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4" name="テキスト ボックス 903">
          <a:extLst>
            <a:ext uri="{FF2B5EF4-FFF2-40B4-BE49-F238E27FC236}">
              <a16:creationId xmlns:a16="http://schemas.microsoft.com/office/drawing/2014/main" id="{00000000-0008-0000-0600-000088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6" name="フローチャート: 判断 905">
          <a:extLst>
            <a:ext uri="{FF2B5EF4-FFF2-40B4-BE49-F238E27FC236}">
              <a16:creationId xmlns:a16="http://schemas.microsoft.com/office/drawing/2014/main" id="{00000000-0008-0000-0600-00008A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5" name="楕円 914">
          <a:extLst>
            <a:ext uri="{FF2B5EF4-FFF2-40B4-BE49-F238E27FC236}">
              <a16:creationId xmlns:a16="http://schemas.microsoft.com/office/drawing/2014/main" id="{00000000-0008-0000-0600-000093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6" name="前年度繰上充用金該当値テキスト">
          <a:extLst>
            <a:ext uri="{FF2B5EF4-FFF2-40B4-BE49-F238E27FC236}">
              <a16:creationId xmlns:a16="http://schemas.microsoft.com/office/drawing/2014/main" id="{00000000-0008-0000-0600-000094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7" name="楕円 916">
          <a:extLst>
            <a:ext uri="{FF2B5EF4-FFF2-40B4-BE49-F238E27FC236}">
              <a16:creationId xmlns:a16="http://schemas.microsoft.com/office/drawing/2014/main" id="{00000000-0008-0000-0600-000095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9" name="楕円 918">
          <a:extLst>
            <a:ext uri="{FF2B5EF4-FFF2-40B4-BE49-F238E27FC236}">
              <a16:creationId xmlns:a16="http://schemas.microsoft.com/office/drawing/2014/main" id="{00000000-0008-0000-0600-000097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5" name="正方形/長方形 924">
          <a:extLst>
            <a:ext uri="{FF2B5EF4-FFF2-40B4-BE49-F238E27FC236}">
              <a16:creationId xmlns:a16="http://schemas.microsoft.com/office/drawing/2014/main" id="{00000000-0008-0000-0600-00009D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　歳出決算総額は、住民一人当たり</a:t>
          </a:r>
          <a:r>
            <a:rPr kumimoji="1" lang="en-US" altLang="ja-JP" sz="1000">
              <a:latin typeface="ＭＳ Ｐゴシック" panose="020B0600070205080204" pitchFamily="50" charset="-128"/>
              <a:ea typeface="ＭＳ Ｐゴシック" panose="020B0600070205080204" pitchFamily="50" charset="-128"/>
            </a:rPr>
            <a:t>586,465</a:t>
          </a:r>
          <a:r>
            <a:rPr kumimoji="1" lang="ja-JP" altLang="en-US" sz="1000">
              <a:latin typeface="ＭＳ Ｐゴシック" panose="020B0600070205080204" pitchFamily="50" charset="-128"/>
              <a:ea typeface="ＭＳ Ｐゴシック" panose="020B0600070205080204" pitchFamily="50" charset="-128"/>
            </a:rPr>
            <a:t>円（歳出総額</a:t>
          </a:r>
          <a:r>
            <a:rPr kumimoji="1" lang="en-US" altLang="ja-JP" sz="1000">
              <a:latin typeface="ＭＳ Ｐゴシック" panose="020B0600070205080204" pitchFamily="50" charset="-128"/>
              <a:ea typeface="ＭＳ Ｐゴシック" panose="020B0600070205080204" pitchFamily="50" charset="-128"/>
            </a:rPr>
            <a:t>÷R4.1.1</a:t>
          </a:r>
          <a:r>
            <a:rPr kumimoji="1" lang="ja-JP" altLang="en-US" sz="1000">
              <a:latin typeface="ＭＳ Ｐゴシック" panose="020B0600070205080204" pitchFamily="50" charset="-128"/>
              <a:ea typeface="ＭＳ Ｐゴシック" panose="020B0600070205080204" pitchFamily="50" charset="-128"/>
            </a:rPr>
            <a:t>時点の人口）となっています。各経費の住民一人当たりのコストは、概ね類似団体平均を下回っています。</a:t>
          </a:r>
        </a:p>
        <a:p>
          <a:r>
            <a:rPr kumimoji="1" lang="ja-JP" altLang="en-US" sz="1000">
              <a:latin typeface="ＭＳ Ｐゴシック" panose="020B0600070205080204" pitchFamily="50" charset="-128"/>
              <a:ea typeface="ＭＳ Ｐゴシック" panose="020B0600070205080204" pitchFamily="50" charset="-128"/>
            </a:rPr>
            <a:t>　人件費は、住民一人当たり</a:t>
          </a:r>
          <a:r>
            <a:rPr kumimoji="1" lang="en-US" altLang="ja-JP" sz="1000">
              <a:latin typeface="ＭＳ Ｐゴシック" panose="020B0600070205080204" pitchFamily="50" charset="-128"/>
              <a:ea typeface="ＭＳ Ｐゴシック" panose="020B0600070205080204" pitchFamily="50" charset="-128"/>
            </a:rPr>
            <a:t>95,917</a:t>
          </a:r>
          <a:r>
            <a:rPr kumimoji="1" lang="ja-JP" altLang="en-US" sz="1000">
              <a:latin typeface="ＭＳ Ｐゴシック" panose="020B0600070205080204" pitchFamily="50" charset="-128"/>
              <a:ea typeface="ＭＳ Ｐゴシック" panose="020B0600070205080204" pitchFamily="50" charset="-128"/>
            </a:rPr>
            <a:t>円となっています。人員増等に伴い、令和３年度を含め、毎年度の人件費は微増しているものの、「横浜市中期４か年計画」（</a:t>
          </a:r>
          <a:r>
            <a:rPr kumimoji="1" lang="en-US" altLang="ja-JP" sz="1000">
              <a:latin typeface="ＭＳ Ｐゴシック" panose="020B0600070205080204" pitchFamily="50" charset="-128"/>
              <a:ea typeface="ＭＳ Ｐゴシック" panose="020B0600070205080204" pitchFamily="50" charset="-128"/>
            </a:rPr>
            <a:t>2018</a:t>
          </a:r>
          <a:r>
            <a:rPr kumimoji="1" lang="ja-JP" altLang="en-US" sz="1000">
              <a:latin typeface="ＭＳ Ｐゴシック" panose="020B0600070205080204" pitchFamily="50" charset="-128"/>
              <a:ea typeface="ＭＳ Ｐゴシック" panose="020B0600070205080204" pitchFamily="50" charset="-128"/>
            </a:rPr>
            <a:t>～</a:t>
          </a:r>
          <a:r>
            <a:rPr kumimoji="1" lang="en-US" altLang="ja-JP" sz="1000">
              <a:latin typeface="ＭＳ Ｐゴシック" panose="020B0600070205080204" pitchFamily="50" charset="-128"/>
              <a:ea typeface="ＭＳ Ｐゴシック" panose="020B0600070205080204" pitchFamily="50" charset="-128"/>
            </a:rPr>
            <a:t>2021</a:t>
          </a:r>
          <a:r>
            <a:rPr kumimoji="1" lang="ja-JP" altLang="en-US" sz="1000">
              <a:latin typeface="ＭＳ Ｐゴシック" panose="020B0600070205080204" pitchFamily="50" charset="-128"/>
              <a:ea typeface="ＭＳ Ｐゴシック" panose="020B0600070205080204" pitchFamily="50" charset="-128"/>
            </a:rPr>
            <a:t>）において、行政ニーズや環境の変化に対応するため、経営資源を重点分野に集中させるとともに、スクラップ・アンド・ビルドの取組によって、簡素で効率的な執行体制を構築するという目標を掲げ、執行体制づくりを進めた結果、類似団体平均を下回っています。</a:t>
          </a:r>
        </a:p>
        <a:p>
          <a:r>
            <a:rPr kumimoji="1" lang="ja-JP" altLang="en-US" sz="1000">
              <a:latin typeface="ＭＳ Ｐゴシック" panose="020B0600070205080204" pitchFamily="50" charset="-128"/>
              <a:ea typeface="ＭＳ Ｐゴシック" panose="020B0600070205080204" pitchFamily="50" charset="-128"/>
            </a:rPr>
            <a:t>　扶助費は、住民一人当たり</a:t>
          </a:r>
          <a:r>
            <a:rPr kumimoji="1" lang="en-US" altLang="ja-JP" sz="1000">
              <a:latin typeface="ＭＳ Ｐゴシック" panose="020B0600070205080204" pitchFamily="50" charset="-128"/>
              <a:ea typeface="ＭＳ Ｐゴシック" panose="020B0600070205080204" pitchFamily="50" charset="-128"/>
            </a:rPr>
            <a:t>156,070</a:t>
          </a:r>
          <a:r>
            <a:rPr kumimoji="1" lang="ja-JP" altLang="en-US" sz="1000">
              <a:latin typeface="ＭＳ Ｐゴシック" panose="020B0600070205080204" pitchFamily="50" charset="-128"/>
              <a:ea typeface="ＭＳ Ｐゴシック" panose="020B0600070205080204" pitchFamily="50" charset="-128"/>
            </a:rPr>
            <a:t>円となっており、前年度から大きく増加しました。主な要因は、子育て世帯への臨時特別給付金や、住民税非課税世帯等への臨時特別給付金の給付等によるものです。なお、本市同様に類似団体平均も大きく増加したため、引き続き類似団体平均を下回っています。</a:t>
          </a:r>
        </a:p>
        <a:p>
          <a:r>
            <a:rPr kumimoji="1" lang="ja-JP" altLang="en-US" sz="1000">
              <a:latin typeface="ＭＳ Ｐゴシック" panose="020B0600070205080204" pitchFamily="50" charset="-128"/>
              <a:ea typeface="ＭＳ Ｐゴシック" panose="020B0600070205080204" pitchFamily="50" charset="-128"/>
            </a:rPr>
            <a:t>　補助費等は、住民一人当たり</a:t>
          </a:r>
          <a:r>
            <a:rPr kumimoji="1" lang="en-US" altLang="ja-JP" sz="1000">
              <a:latin typeface="ＭＳ Ｐゴシック" panose="020B0600070205080204" pitchFamily="50" charset="-128"/>
              <a:ea typeface="ＭＳ Ｐゴシック" panose="020B0600070205080204" pitchFamily="50" charset="-128"/>
            </a:rPr>
            <a:t>41,981</a:t>
          </a:r>
          <a:r>
            <a:rPr kumimoji="1" lang="ja-JP" altLang="en-US" sz="1000">
              <a:latin typeface="ＭＳ Ｐゴシック" panose="020B0600070205080204" pitchFamily="50" charset="-128"/>
              <a:ea typeface="ＭＳ Ｐゴシック" panose="020B0600070205080204" pitchFamily="50" charset="-128"/>
            </a:rPr>
            <a:t>円となっており、前年度から大きく減少しました。主な要因は、特別定額給付金の給付終了等によるものです。なお、全国的に大幅に減少しており、類似団体と同様の水準となっています。</a:t>
          </a:r>
        </a:p>
        <a:p>
          <a:r>
            <a:rPr kumimoji="1" lang="ja-JP" altLang="en-US" sz="1000">
              <a:latin typeface="ＭＳ Ｐゴシック" panose="020B0600070205080204" pitchFamily="50" charset="-128"/>
              <a:ea typeface="ＭＳ Ｐゴシック" panose="020B0600070205080204" pitchFamily="50" charset="-128"/>
            </a:rPr>
            <a:t>　普通建設事業費は、住民一人当たり</a:t>
          </a:r>
          <a:r>
            <a:rPr kumimoji="1" lang="en-US" altLang="ja-JP" sz="1000">
              <a:latin typeface="ＭＳ Ｐゴシック" panose="020B0600070205080204" pitchFamily="50" charset="-128"/>
              <a:ea typeface="ＭＳ Ｐゴシック" panose="020B0600070205080204" pitchFamily="50" charset="-128"/>
            </a:rPr>
            <a:t>84,110</a:t>
          </a:r>
          <a:r>
            <a:rPr kumimoji="1" lang="ja-JP" altLang="en-US" sz="1000">
              <a:latin typeface="ＭＳ Ｐゴシック" panose="020B0600070205080204" pitchFamily="50" charset="-128"/>
              <a:ea typeface="ＭＳ Ｐゴシック" panose="020B0600070205080204" pitchFamily="50" charset="-128"/>
            </a:rPr>
            <a:t>円となっており、前年度から大きく増加しました。うち新規整備は、（一財）横浜市道路建設事業団の解散に向けた補助及び資産購入事業費の増加等に伴い前年度から一時的に増加し、類似団体平均を上回っています。</a:t>
          </a:r>
          <a:endParaRPr kumimoji="1" lang="en-US" altLang="ja-JP" sz="1000">
            <a:latin typeface="ＭＳ Ｐゴシック" panose="020B0600070205080204" pitchFamily="50" charset="-128"/>
            <a:ea typeface="ＭＳ Ｐゴシック" panose="020B0600070205080204" pitchFamily="50" charset="-128"/>
          </a:endParaRPr>
        </a:p>
        <a:p>
          <a:r>
            <a:rPr kumimoji="1" lang="ja-JP" altLang="en-US" sz="1000">
              <a:latin typeface="ＭＳ Ｐゴシック" panose="020B0600070205080204" pitchFamily="50" charset="-128"/>
              <a:ea typeface="ＭＳ Ｐゴシック" panose="020B0600070205080204" pitchFamily="50" charset="-128"/>
            </a:rPr>
            <a:t>　積立金は、住民一人当たり</a:t>
          </a:r>
          <a:r>
            <a:rPr kumimoji="1" lang="en-US" altLang="ja-JP" sz="1000">
              <a:latin typeface="ＭＳ Ｐゴシック" panose="020B0600070205080204" pitchFamily="50" charset="-128"/>
              <a:ea typeface="ＭＳ Ｐゴシック" panose="020B0600070205080204" pitchFamily="50" charset="-128"/>
            </a:rPr>
            <a:t>7,940</a:t>
          </a:r>
          <a:r>
            <a:rPr kumimoji="1" lang="ja-JP" altLang="en-US" sz="1000">
              <a:latin typeface="ＭＳ Ｐゴシック" panose="020B0600070205080204" pitchFamily="50" charset="-128"/>
              <a:ea typeface="ＭＳ Ｐゴシック" panose="020B0600070205080204" pitchFamily="50" charset="-128"/>
            </a:rPr>
            <a:t>円となっており、前年から増加しました。主な要因は、令和４年度以降に活用予定の財源を一時的に財政調整基金に積み立てたことによるものです。なお、令和３年度から令和４年度にかけては、</a:t>
          </a:r>
          <a:r>
            <a:rPr kumimoji="1" lang="en-US" altLang="ja-JP" sz="1000">
              <a:latin typeface="ＭＳ Ｐゴシック" panose="020B0600070205080204" pitchFamily="50" charset="-128"/>
              <a:ea typeface="ＭＳ Ｐゴシック" panose="020B0600070205080204" pitchFamily="50" charset="-128"/>
            </a:rPr>
            <a:t>70</a:t>
          </a:r>
          <a:r>
            <a:rPr kumimoji="1" lang="ja-JP" altLang="en-US" sz="1000">
              <a:latin typeface="ＭＳ Ｐゴシック" panose="020B0600070205080204" pitchFamily="50" charset="-128"/>
              <a:ea typeface="ＭＳ Ｐゴシック" panose="020B0600070205080204" pitchFamily="50" charset="-128"/>
            </a:rPr>
            <a:t>億円の財源の年度間調整</a:t>
          </a:r>
          <a:r>
            <a:rPr kumimoji="1" lang="en-US" altLang="ja-JP" sz="1000">
              <a:latin typeface="ＭＳ Ｐゴシック" panose="020B0600070205080204" pitchFamily="50" charset="-128"/>
              <a:ea typeface="ＭＳ Ｐゴシック" panose="020B0600070205080204" pitchFamily="50" charset="-128"/>
            </a:rPr>
            <a:t>※</a:t>
          </a:r>
          <a:r>
            <a:rPr kumimoji="1" lang="ja-JP" altLang="en-US" sz="1000">
              <a:latin typeface="ＭＳ Ｐゴシック" panose="020B0600070205080204" pitchFamily="50" charset="-128"/>
              <a:ea typeface="ＭＳ Ｐゴシック" panose="020B0600070205080204" pitchFamily="50" charset="-128"/>
            </a:rPr>
            <a:t>を行いました。（令和２年度から令和３年度は</a:t>
          </a:r>
          <a:r>
            <a:rPr kumimoji="1" lang="en-US" altLang="ja-JP" sz="1000">
              <a:latin typeface="ＭＳ Ｐゴシック" panose="020B0600070205080204" pitchFamily="50" charset="-128"/>
              <a:ea typeface="ＭＳ Ｐゴシック" panose="020B0600070205080204" pitchFamily="50" charset="-128"/>
            </a:rPr>
            <a:t>54</a:t>
          </a:r>
          <a:r>
            <a:rPr kumimoji="1" lang="ja-JP" altLang="en-US" sz="1000">
              <a:latin typeface="ＭＳ Ｐゴシック" panose="020B0600070205080204" pitchFamily="50" charset="-128"/>
              <a:ea typeface="ＭＳ Ｐゴシック" panose="020B0600070205080204" pitchFamily="50" charset="-128"/>
            </a:rPr>
            <a:t>億円）</a:t>
          </a:r>
        </a:p>
        <a:p>
          <a:r>
            <a:rPr kumimoji="1" lang="ja-JP" altLang="en-US" sz="1000">
              <a:latin typeface="ＭＳ Ｐゴシック" panose="020B0600070205080204" pitchFamily="50" charset="-128"/>
              <a:ea typeface="ＭＳ Ｐゴシック" panose="020B0600070205080204" pitchFamily="50" charset="-128"/>
            </a:rPr>
            <a:t>　</a:t>
          </a:r>
          <a:r>
            <a:rPr kumimoji="1" lang="en-US" altLang="ja-JP" sz="1000">
              <a:latin typeface="ＭＳ Ｐゴシック" panose="020B0600070205080204" pitchFamily="50" charset="-128"/>
              <a:ea typeface="ＭＳ Ｐゴシック" panose="020B0600070205080204" pitchFamily="50" charset="-128"/>
            </a:rPr>
            <a:t>※</a:t>
          </a:r>
          <a:r>
            <a:rPr kumimoji="1" lang="ja-JP" altLang="en-US" sz="1000">
              <a:latin typeface="ＭＳ Ｐゴシック" panose="020B0600070205080204" pitchFamily="50" charset="-128"/>
              <a:ea typeface="ＭＳ Ｐゴシック" panose="020B0600070205080204" pitchFamily="50" charset="-128"/>
            </a:rPr>
            <a:t>本市では、予算の効率的・効果的な執行等により財源を捻出し、財政調整基金に積み立てて翌年度の財源として活用しています。</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5,793
3,656,564
437.78
2,230,290,510
2,202,642,428
13,996,572
999,814,703
2,384,424,6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6
12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3158</xdr:rowOff>
    </xdr:from>
    <xdr:to>
      <xdr:col>24</xdr:col>
      <xdr:colOff>62865</xdr:colOff>
      <xdr:row>39</xdr:row>
      <xdr:rowOff>12337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368108"/>
          <a:ext cx="1270" cy="1441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27199</xdr:rowOff>
    </xdr:from>
    <xdr:ext cx="378565"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8137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3372</xdr:rowOff>
    </xdr:from>
    <xdr:to>
      <xdr:col>24</xdr:col>
      <xdr:colOff>152400</xdr:colOff>
      <xdr:row>39</xdr:row>
      <xdr:rowOff>123372</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8099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71285</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5143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6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53158</xdr:rowOff>
    </xdr:from>
    <xdr:to>
      <xdr:col>24</xdr:col>
      <xdr:colOff>152400</xdr:colOff>
      <xdr:row>31</xdr:row>
      <xdr:rowOff>53158</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368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9</xdr:row>
      <xdr:rowOff>108676</xdr:rowOff>
    </xdr:from>
    <xdr:to>
      <xdr:col>24</xdr:col>
      <xdr:colOff>63500</xdr:colOff>
      <xdr:row>39</xdr:row>
      <xdr:rowOff>123372</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3797300" y="6795226"/>
          <a:ext cx="83820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6463</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60472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3586</xdr:rowOff>
    </xdr:from>
    <xdr:to>
      <xdr:col>24</xdr:col>
      <xdr:colOff>114300</xdr:colOff>
      <xdr:row>36</xdr:row>
      <xdr:rowOff>12518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619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95613</xdr:rowOff>
    </xdr:from>
    <xdr:to>
      <xdr:col>19</xdr:col>
      <xdr:colOff>177800</xdr:colOff>
      <xdr:row>39</xdr:row>
      <xdr:rowOff>108676</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6782163"/>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750</xdr:rowOff>
    </xdr:from>
    <xdr:to>
      <xdr:col>20</xdr:col>
      <xdr:colOff>38100</xdr:colOff>
      <xdr:row>36</xdr:row>
      <xdr:rowOff>133350</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49877</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9</xdr:row>
      <xdr:rowOff>95613</xdr:rowOff>
    </xdr:from>
    <xdr:to>
      <xdr:col>15</xdr:col>
      <xdr:colOff>50800</xdr:colOff>
      <xdr:row>39</xdr:row>
      <xdr:rowOff>97246</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flipV="1">
          <a:off x="2019300" y="678216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2378</xdr:rowOff>
    </xdr:from>
    <xdr:to>
      <xdr:col>15</xdr:col>
      <xdr:colOff>101600</xdr:colOff>
      <xdr:row>36</xdr:row>
      <xdr:rowOff>92528</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616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09055</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593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9</xdr:row>
      <xdr:rowOff>90715</xdr:rowOff>
    </xdr:from>
    <xdr:to>
      <xdr:col>10</xdr:col>
      <xdr:colOff>114300</xdr:colOff>
      <xdr:row>39</xdr:row>
      <xdr:rowOff>97246</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a:off x="1130300" y="6777265"/>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1151</xdr:rowOff>
    </xdr:from>
    <xdr:to>
      <xdr:col>10</xdr:col>
      <xdr:colOff>165100</xdr:colOff>
      <xdr:row>36</xdr:row>
      <xdr:rowOff>71301</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87828</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917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8089</xdr:rowOff>
    </xdr:from>
    <xdr:to>
      <xdr:col>6</xdr:col>
      <xdr:colOff>38100</xdr:colOff>
      <xdr:row>36</xdr:row>
      <xdr:rowOff>58239</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6128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74766</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90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72572</xdr:rowOff>
    </xdr:from>
    <xdr:to>
      <xdr:col>24</xdr:col>
      <xdr:colOff>114300</xdr:colOff>
      <xdr:row>40</xdr:row>
      <xdr:rowOff>2722</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6759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58949</xdr:rowOff>
    </xdr:from>
    <xdr:ext cx="378565"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66740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57876</xdr:rowOff>
    </xdr:from>
    <xdr:to>
      <xdr:col>20</xdr:col>
      <xdr:colOff>38100</xdr:colOff>
      <xdr:row>39</xdr:row>
      <xdr:rowOff>159476</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6744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9017</xdr:colOff>
      <xdr:row>39</xdr:row>
      <xdr:rowOff>150603</xdr:rowOff>
    </xdr:from>
    <xdr:ext cx="378565"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608017" y="68371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9</xdr:row>
      <xdr:rowOff>44813</xdr:rowOff>
    </xdr:from>
    <xdr:to>
      <xdr:col>15</xdr:col>
      <xdr:colOff>101600</xdr:colOff>
      <xdr:row>39</xdr:row>
      <xdr:rowOff>146413</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6731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39</xdr:row>
      <xdr:rowOff>137540</xdr:rowOff>
    </xdr:from>
    <xdr:ext cx="378565"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719017" y="68240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9</xdr:row>
      <xdr:rowOff>46446</xdr:rowOff>
    </xdr:from>
    <xdr:to>
      <xdr:col>10</xdr:col>
      <xdr:colOff>165100</xdr:colOff>
      <xdr:row>39</xdr:row>
      <xdr:rowOff>148046</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6732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39</xdr:row>
      <xdr:rowOff>139173</xdr:rowOff>
    </xdr:from>
    <xdr:ext cx="378565"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830017" y="68257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9</xdr:row>
      <xdr:rowOff>39915</xdr:rowOff>
    </xdr:from>
    <xdr:to>
      <xdr:col>6</xdr:col>
      <xdr:colOff>38100</xdr:colOff>
      <xdr:row>39</xdr:row>
      <xdr:rowOff>141515</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672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39</xdr:row>
      <xdr:rowOff>132642</xdr:rowOff>
    </xdr:from>
    <xdr:ext cx="378565"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941017" y="68191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7</xdr:row>
      <xdr:rowOff>2184</xdr:rowOff>
    </xdr:from>
    <xdr:to>
      <xdr:col>24</xdr:col>
      <xdr:colOff>62865</xdr:colOff>
      <xdr:row>59</xdr:row>
      <xdr:rowOff>33604</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9774834"/>
          <a:ext cx="1270" cy="374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7431</xdr:rowOff>
    </xdr:from>
    <xdr:ext cx="534377"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52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3604</xdr:rowOff>
    </xdr:from>
    <xdr:to>
      <xdr:col>24</xdr:col>
      <xdr:colOff>152400</xdr:colOff>
      <xdr:row>59</xdr:row>
      <xdr:rowOff>33604</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49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0311</xdr:rowOff>
    </xdr:from>
    <xdr:ext cx="534377"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955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3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7</xdr:row>
      <xdr:rowOff>2184</xdr:rowOff>
    </xdr:from>
    <xdr:to>
      <xdr:col>24</xdr:col>
      <xdr:colOff>152400</xdr:colOff>
      <xdr:row>57</xdr:row>
      <xdr:rowOff>218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9774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55511</xdr:rowOff>
    </xdr:from>
    <xdr:to>
      <xdr:col>24</xdr:col>
      <xdr:colOff>63500</xdr:colOff>
      <xdr:row>59</xdr:row>
      <xdr:rowOff>33604</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3797300" y="8899461"/>
          <a:ext cx="838200" cy="1249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0131</xdr:rowOff>
    </xdr:from>
    <xdr:ext cx="534377"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8227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7254</xdr:rowOff>
    </xdr:from>
    <xdr:to>
      <xdr:col>24</xdr:col>
      <xdr:colOff>114300</xdr:colOff>
      <xdr:row>58</xdr:row>
      <xdr:rowOff>128854</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7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55511</xdr:rowOff>
    </xdr:from>
    <xdr:to>
      <xdr:col>19</xdr:col>
      <xdr:colOff>177800</xdr:colOff>
      <xdr:row>58</xdr:row>
      <xdr:rowOff>147562</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908300" y="8899461"/>
          <a:ext cx="889000" cy="1192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1</xdr:row>
      <xdr:rowOff>63462</xdr:rowOff>
    </xdr:from>
    <xdr:to>
      <xdr:col>20</xdr:col>
      <xdr:colOff>38100</xdr:colOff>
      <xdr:row>51</xdr:row>
      <xdr:rowOff>165062</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88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0</xdr:row>
      <xdr:rowOff>10139</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8582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1491</xdr:rowOff>
    </xdr:from>
    <xdr:to>
      <xdr:col>15</xdr:col>
      <xdr:colOff>50800</xdr:colOff>
      <xdr:row>58</xdr:row>
      <xdr:rowOff>147562</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2019300" y="10085591"/>
          <a:ext cx="889000" cy="6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09639</xdr:rowOff>
    </xdr:from>
    <xdr:to>
      <xdr:col>15</xdr:col>
      <xdr:colOff>101600</xdr:colOff>
      <xdr:row>59</xdr:row>
      <xdr:rowOff>39789</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10053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30916</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41111" y="1014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1491</xdr:rowOff>
    </xdr:from>
    <xdr:to>
      <xdr:col>10</xdr:col>
      <xdr:colOff>114300</xdr:colOff>
      <xdr:row>59</xdr:row>
      <xdr:rowOff>54356</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flipV="1">
          <a:off x="1130300" y="10085591"/>
          <a:ext cx="889000" cy="84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4841</xdr:rowOff>
    </xdr:from>
    <xdr:to>
      <xdr:col>10</xdr:col>
      <xdr:colOff>165100</xdr:colOff>
      <xdr:row>59</xdr:row>
      <xdr:rowOff>54991</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10068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6118</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52111" y="10161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9555</xdr:rowOff>
    </xdr:from>
    <xdr:to>
      <xdr:col>6</xdr:col>
      <xdr:colOff>38100</xdr:colOff>
      <xdr:row>59</xdr:row>
      <xdr:rowOff>79705</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1009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96232</xdr:rowOff>
    </xdr:from>
    <xdr:ext cx="534377"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63111" y="9868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4254</xdr:rowOff>
    </xdr:from>
    <xdr:to>
      <xdr:col>24</xdr:col>
      <xdr:colOff>114300</xdr:colOff>
      <xdr:row>59</xdr:row>
      <xdr:rowOff>84404</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10098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69181</xdr:rowOff>
    </xdr:from>
    <xdr:ext cx="534377"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10013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104711</xdr:rowOff>
    </xdr:from>
    <xdr:to>
      <xdr:col>20</xdr:col>
      <xdr:colOff>38100</xdr:colOff>
      <xdr:row>52</xdr:row>
      <xdr:rowOff>34861</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8848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25988</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97795" y="8941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96762</xdr:rowOff>
    </xdr:from>
    <xdr:to>
      <xdr:col>15</xdr:col>
      <xdr:colOff>101600</xdr:colOff>
      <xdr:row>59</xdr:row>
      <xdr:rowOff>26912</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1004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43439</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41111" y="9816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0691</xdr:rowOff>
    </xdr:from>
    <xdr:to>
      <xdr:col>10</xdr:col>
      <xdr:colOff>165100</xdr:colOff>
      <xdr:row>59</xdr:row>
      <xdr:rowOff>20841</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10034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37368</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52111" y="9810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3556</xdr:rowOff>
    </xdr:from>
    <xdr:to>
      <xdr:col>6</xdr:col>
      <xdr:colOff>38100</xdr:colOff>
      <xdr:row>59</xdr:row>
      <xdr:rowOff>105156</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10119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96283</xdr:rowOff>
    </xdr:from>
    <xdr:ext cx="534377"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63111" y="10211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139700</xdr:rowOff>
    </xdr:from>
    <xdr:to>
      <xdr:col>28</xdr:col>
      <xdr:colOff>114300</xdr:colOff>
      <xdr:row>79</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542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82550</xdr:rowOff>
    </xdr:from>
    <xdr:to>
      <xdr:col>28</xdr:col>
      <xdr:colOff>114300</xdr:colOff>
      <xdr:row>76</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970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25400</xdr:rowOff>
    </xdr:from>
    <xdr:to>
      <xdr:col>28</xdr:col>
      <xdr:colOff>114300</xdr:colOff>
      <xdr:row>73</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2399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72" name="テキスト ボックス 171">
          <a:extLst>
            <a:ext uri="{FF2B5EF4-FFF2-40B4-BE49-F238E27FC236}">
              <a16:creationId xmlns:a16="http://schemas.microsoft.com/office/drawing/2014/main" id="{00000000-0008-0000-0700-0000AC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9</xdr:row>
      <xdr:rowOff>139700</xdr:rowOff>
    </xdr:from>
    <xdr:to>
      <xdr:col>28</xdr:col>
      <xdr:colOff>114300</xdr:colOff>
      <xdr:row>69</xdr:row>
      <xdr:rowOff>139700</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762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8</xdr:row>
      <xdr:rowOff>168927</xdr:rowOff>
    </xdr:from>
    <xdr:ext cx="595419" cy="259045"/>
    <xdr:sp macro="" textlink="">
      <xdr:nvSpPr>
        <xdr:cNvPr id="174" name="テキスト ボックス 173">
          <a:extLst>
            <a:ext uri="{FF2B5EF4-FFF2-40B4-BE49-F238E27FC236}">
              <a16:creationId xmlns:a16="http://schemas.microsoft.com/office/drawing/2014/main" id="{00000000-0008-0000-0700-0000AE000000}"/>
            </a:ext>
          </a:extLst>
        </xdr:cNvPr>
        <xdr:cNvSpPr txBox="1"/>
      </xdr:nvSpPr>
      <xdr:spPr>
        <a:xfrm>
          <a:off x="166581" y="11827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6" name="テキスト ボックス 175">
          <a:extLst>
            <a:ext uri="{FF2B5EF4-FFF2-40B4-BE49-F238E27FC236}">
              <a16:creationId xmlns:a16="http://schemas.microsoft.com/office/drawing/2014/main" id="{00000000-0008-0000-0700-0000B0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7" name="民生費グラフ枠">
          <a:extLst>
            <a:ext uri="{FF2B5EF4-FFF2-40B4-BE49-F238E27FC236}">
              <a16:creationId xmlns:a16="http://schemas.microsoft.com/office/drawing/2014/main" id="{00000000-0008-0000-0700-0000B1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0499</xdr:rowOff>
    </xdr:from>
    <xdr:to>
      <xdr:col>24</xdr:col>
      <xdr:colOff>62865</xdr:colOff>
      <xdr:row>78</xdr:row>
      <xdr:rowOff>168247</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4633595" y="12131999"/>
          <a:ext cx="1270" cy="1409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24</xdr:rowOff>
    </xdr:from>
    <xdr:ext cx="599010" cy="259045"/>
    <xdr:sp macro="" textlink="">
      <xdr:nvSpPr>
        <xdr:cNvPr id="179" name="民生費最小値テキスト">
          <a:extLst>
            <a:ext uri="{FF2B5EF4-FFF2-40B4-BE49-F238E27FC236}">
              <a16:creationId xmlns:a16="http://schemas.microsoft.com/office/drawing/2014/main" id="{00000000-0008-0000-0700-0000B3000000}"/>
            </a:ext>
          </a:extLst>
        </xdr:cNvPr>
        <xdr:cNvSpPr txBox="1"/>
      </xdr:nvSpPr>
      <xdr:spPr>
        <a:xfrm>
          <a:off x="4686300" y="13545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8247</xdr:rowOff>
    </xdr:from>
    <xdr:to>
      <xdr:col>24</xdr:col>
      <xdr:colOff>152400</xdr:colOff>
      <xdr:row>78</xdr:row>
      <xdr:rowOff>168247</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a:off x="4546600" y="13541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7176</xdr:rowOff>
    </xdr:from>
    <xdr:ext cx="599010" cy="259045"/>
    <xdr:sp macro="" textlink="">
      <xdr:nvSpPr>
        <xdr:cNvPr id="181" name="民生費最大値テキスト">
          <a:extLst>
            <a:ext uri="{FF2B5EF4-FFF2-40B4-BE49-F238E27FC236}">
              <a16:creationId xmlns:a16="http://schemas.microsoft.com/office/drawing/2014/main" id="{00000000-0008-0000-0700-0000B5000000}"/>
            </a:ext>
          </a:extLst>
        </xdr:cNvPr>
        <xdr:cNvSpPr txBox="1"/>
      </xdr:nvSpPr>
      <xdr:spPr>
        <a:xfrm>
          <a:off x="4686300" y="11907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96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0499</xdr:rowOff>
    </xdr:from>
    <xdr:to>
      <xdr:col>24</xdr:col>
      <xdr:colOff>152400</xdr:colOff>
      <xdr:row>70</xdr:row>
      <xdr:rowOff>130499</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a:off x="4546600" y="12131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35937</xdr:rowOff>
    </xdr:from>
    <xdr:to>
      <xdr:col>24</xdr:col>
      <xdr:colOff>63500</xdr:colOff>
      <xdr:row>78</xdr:row>
      <xdr:rowOff>6950</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3797300" y="13166137"/>
          <a:ext cx="838200" cy="213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74877</xdr:rowOff>
    </xdr:from>
    <xdr:ext cx="599010" cy="259045"/>
    <xdr:sp macro="" textlink="">
      <xdr:nvSpPr>
        <xdr:cNvPr id="184" name="民生費平均値テキスト">
          <a:extLst>
            <a:ext uri="{FF2B5EF4-FFF2-40B4-BE49-F238E27FC236}">
              <a16:creationId xmlns:a16="http://schemas.microsoft.com/office/drawing/2014/main" id="{00000000-0008-0000-0700-0000B8000000}"/>
            </a:ext>
          </a:extLst>
        </xdr:cNvPr>
        <xdr:cNvSpPr txBox="1"/>
      </xdr:nvSpPr>
      <xdr:spPr>
        <a:xfrm>
          <a:off x="4686300" y="127621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5,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2000</xdr:rowOff>
    </xdr:from>
    <xdr:to>
      <xdr:col>24</xdr:col>
      <xdr:colOff>114300</xdr:colOff>
      <xdr:row>75</xdr:row>
      <xdr:rowOff>153600</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4584700" y="129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6950</xdr:rowOff>
    </xdr:from>
    <xdr:to>
      <xdr:col>19</xdr:col>
      <xdr:colOff>177800</xdr:colOff>
      <xdr:row>78</xdr:row>
      <xdr:rowOff>64339</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2908300" y="13380050"/>
          <a:ext cx="889000" cy="57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1657</xdr:rowOff>
    </xdr:from>
    <xdr:to>
      <xdr:col>20</xdr:col>
      <xdr:colOff>38100</xdr:colOff>
      <xdr:row>77</xdr:row>
      <xdr:rowOff>61807</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3746500" y="13161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8335</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3497795" y="129370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4339</xdr:rowOff>
    </xdr:from>
    <xdr:to>
      <xdr:col>15</xdr:col>
      <xdr:colOff>50800</xdr:colOff>
      <xdr:row>78</xdr:row>
      <xdr:rowOff>115554</xdr:rowOff>
    </xdr:to>
    <xdr:cxnSp macro="">
      <xdr:nvCxnSpPr>
        <xdr:cNvPr id="189" name="直線コネクタ 188">
          <a:extLst>
            <a:ext uri="{FF2B5EF4-FFF2-40B4-BE49-F238E27FC236}">
              <a16:creationId xmlns:a16="http://schemas.microsoft.com/office/drawing/2014/main" id="{00000000-0008-0000-0700-0000BD000000}"/>
            </a:ext>
          </a:extLst>
        </xdr:cNvPr>
        <xdr:cNvCxnSpPr/>
      </xdr:nvCxnSpPr>
      <xdr:spPr>
        <a:xfrm flipV="1">
          <a:off x="2019300" y="13437439"/>
          <a:ext cx="889000" cy="51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4330</xdr:rowOff>
    </xdr:from>
    <xdr:to>
      <xdr:col>15</xdr:col>
      <xdr:colOff>101600</xdr:colOff>
      <xdr:row>77</xdr:row>
      <xdr:rowOff>125930</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2857500" y="1322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42457</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2608795" y="13001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15554</xdr:rowOff>
    </xdr:from>
    <xdr:to>
      <xdr:col>10</xdr:col>
      <xdr:colOff>114300</xdr:colOff>
      <xdr:row>78</xdr:row>
      <xdr:rowOff>119993</xdr:rowOff>
    </xdr:to>
    <xdr:cxnSp macro="">
      <xdr:nvCxnSpPr>
        <xdr:cNvPr id="192" name="直線コネクタ 191">
          <a:extLst>
            <a:ext uri="{FF2B5EF4-FFF2-40B4-BE49-F238E27FC236}">
              <a16:creationId xmlns:a16="http://schemas.microsoft.com/office/drawing/2014/main" id="{00000000-0008-0000-0700-0000C0000000}"/>
            </a:ext>
          </a:extLst>
        </xdr:cNvPr>
        <xdr:cNvCxnSpPr/>
      </xdr:nvCxnSpPr>
      <xdr:spPr>
        <a:xfrm flipV="1">
          <a:off x="1130300" y="13488654"/>
          <a:ext cx="889000" cy="4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81147</xdr:rowOff>
    </xdr:from>
    <xdr:to>
      <xdr:col>10</xdr:col>
      <xdr:colOff>165100</xdr:colOff>
      <xdr:row>78</xdr:row>
      <xdr:rowOff>11297</xdr:rowOff>
    </xdr:to>
    <xdr:sp macro="" textlink="">
      <xdr:nvSpPr>
        <xdr:cNvPr id="193" name="フローチャート: 判断 192">
          <a:extLst>
            <a:ext uri="{FF2B5EF4-FFF2-40B4-BE49-F238E27FC236}">
              <a16:creationId xmlns:a16="http://schemas.microsoft.com/office/drawing/2014/main" id="{00000000-0008-0000-0700-0000C1000000}"/>
            </a:ext>
          </a:extLst>
        </xdr:cNvPr>
        <xdr:cNvSpPr/>
      </xdr:nvSpPr>
      <xdr:spPr>
        <a:xfrm>
          <a:off x="1968500" y="13282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27824</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719795" y="130580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2574</xdr:rowOff>
    </xdr:from>
    <xdr:to>
      <xdr:col>6</xdr:col>
      <xdr:colOff>38100</xdr:colOff>
      <xdr:row>78</xdr:row>
      <xdr:rowOff>2724</xdr:rowOff>
    </xdr:to>
    <xdr:sp macro="" textlink="">
      <xdr:nvSpPr>
        <xdr:cNvPr id="195" name="フローチャート: 判断 194">
          <a:extLst>
            <a:ext uri="{FF2B5EF4-FFF2-40B4-BE49-F238E27FC236}">
              <a16:creationId xmlns:a16="http://schemas.microsoft.com/office/drawing/2014/main" id="{00000000-0008-0000-0700-0000C3000000}"/>
            </a:ext>
          </a:extLst>
        </xdr:cNvPr>
        <xdr:cNvSpPr/>
      </xdr:nvSpPr>
      <xdr:spPr>
        <a:xfrm>
          <a:off x="1079500" y="13274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9251</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830795" y="130494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5137</xdr:rowOff>
    </xdr:from>
    <xdr:to>
      <xdr:col>24</xdr:col>
      <xdr:colOff>114300</xdr:colOff>
      <xdr:row>77</xdr:row>
      <xdr:rowOff>15287</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4584700" y="13115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63564</xdr:rowOff>
    </xdr:from>
    <xdr:ext cx="599010" cy="259045"/>
    <xdr:sp macro="" textlink="">
      <xdr:nvSpPr>
        <xdr:cNvPr id="203" name="民生費該当値テキスト">
          <a:extLst>
            <a:ext uri="{FF2B5EF4-FFF2-40B4-BE49-F238E27FC236}">
              <a16:creationId xmlns:a16="http://schemas.microsoft.com/office/drawing/2014/main" id="{00000000-0008-0000-0700-0000CB000000}"/>
            </a:ext>
          </a:extLst>
        </xdr:cNvPr>
        <xdr:cNvSpPr txBox="1"/>
      </xdr:nvSpPr>
      <xdr:spPr>
        <a:xfrm>
          <a:off x="4686300" y="130937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27600</xdr:rowOff>
    </xdr:from>
    <xdr:to>
      <xdr:col>20</xdr:col>
      <xdr:colOff>38100</xdr:colOff>
      <xdr:row>78</xdr:row>
      <xdr:rowOff>57750</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3746500" y="1332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48877</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3497795" y="13421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3539</xdr:rowOff>
    </xdr:from>
    <xdr:to>
      <xdr:col>15</xdr:col>
      <xdr:colOff>101600</xdr:colOff>
      <xdr:row>78</xdr:row>
      <xdr:rowOff>115139</xdr:rowOff>
    </xdr:to>
    <xdr:sp macro="" textlink="">
      <xdr:nvSpPr>
        <xdr:cNvPr id="206" name="楕円 205">
          <a:extLst>
            <a:ext uri="{FF2B5EF4-FFF2-40B4-BE49-F238E27FC236}">
              <a16:creationId xmlns:a16="http://schemas.microsoft.com/office/drawing/2014/main" id="{00000000-0008-0000-0700-0000CE000000}"/>
            </a:ext>
          </a:extLst>
        </xdr:cNvPr>
        <xdr:cNvSpPr/>
      </xdr:nvSpPr>
      <xdr:spPr>
        <a:xfrm>
          <a:off x="2857500" y="13386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06266</xdr:rowOff>
    </xdr:from>
    <xdr:ext cx="599010" cy="259045"/>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2608795" y="134793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64754</xdr:rowOff>
    </xdr:from>
    <xdr:to>
      <xdr:col>10</xdr:col>
      <xdr:colOff>165100</xdr:colOff>
      <xdr:row>78</xdr:row>
      <xdr:rowOff>166354</xdr:rowOff>
    </xdr:to>
    <xdr:sp macro="" textlink="">
      <xdr:nvSpPr>
        <xdr:cNvPr id="208" name="楕円 207">
          <a:extLst>
            <a:ext uri="{FF2B5EF4-FFF2-40B4-BE49-F238E27FC236}">
              <a16:creationId xmlns:a16="http://schemas.microsoft.com/office/drawing/2014/main" id="{00000000-0008-0000-0700-0000D0000000}"/>
            </a:ext>
          </a:extLst>
        </xdr:cNvPr>
        <xdr:cNvSpPr/>
      </xdr:nvSpPr>
      <xdr:spPr>
        <a:xfrm>
          <a:off x="1968500" y="13437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57481</xdr:rowOff>
    </xdr:from>
    <xdr:ext cx="599010" cy="259045"/>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1719795" y="135305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69193</xdr:rowOff>
    </xdr:from>
    <xdr:to>
      <xdr:col>6</xdr:col>
      <xdr:colOff>38100</xdr:colOff>
      <xdr:row>78</xdr:row>
      <xdr:rowOff>170793</xdr:rowOff>
    </xdr:to>
    <xdr:sp macro="" textlink="">
      <xdr:nvSpPr>
        <xdr:cNvPr id="210" name="楕円 209">
          <a:extLst>
            <a:ext uri="{FF2B5EF4-FFF2-40B4-BE49-F238E27FC236}">
              <a16:creationId xmlns:a16="http://schemas.microsoft.com/office/drawing/2014/main" id="{00000000-0008-0000-0700-0000D2000000}"/>
            </a:ext>
          </a:extLst>
        </xdr:cNvPr>
        <xdr:cNvSpPr/>
      </xdr:nvSpPr>
      <xdr:spPr>
        <a:xfrm>
          <a:off x="1079500" y="13442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61920</xdr:rowOff>
    </xdr:from>
    <xdr:ext cx="599010" cy="259045"/>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830795" y="135350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6" name="正方形/長方形 215">
          <a:extLst>
            <a:ext uri="{FF2B5EF4-FFF2-40B4-BE49-F238E27FC236}">
              <a16:creationId xmlns:a16="http://schemas.microsoft.com/office/drawing/2014/main" id="{00000000-0008-0000-0700-0000D8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7" name="正方形/長方形 216">
          <a:extLst>
            <a:ext uri="{FF2B5EF4-FFF2-40B4-BE49-F238E27FC236}">
              <a16:creationId xmlns:a16="http://schemas.microsoft.com/office/drawing/2014/main" id="{00000000-0008-0000-0700-0000D9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8" name="正方形/長方形 217">
          <a:extLst>
            <a:ext uri="{FF2B5EF4-FFF2-40B4-BE49-F238E27FC236}">
              <a16:creationId xmlns:a16="http://schemas.microsoft.com/office/drawing/2014/main" id="{00000000-0008-0000-0700-0000DA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9" name="正方形/長方形 218">
          <a:extLst>
            <a:ext uri="{FF2B5EF4-FFF2-40B4-BE49-F238E27FC236}">
              <a16:creationId xmlns:a16="http://schemas.microsoft.com/office/drawing/2014/main" id="{00000000-0008-0000-0700-0000DB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2" name="テキスト ボックス 231">
          <a:extLst>
            <a:ext uri="{FF2B5EF4-FFF2-40B4-BE49-F238E27FC236}">
              <a16:creationId xmlns:a16="http://schemas.microsoft.com/office/drawing/2014/main" id="{00000000-0008-0000-0700-0000E8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衛生費グラフ枠">
          <a:extLst>
            <a:ext uri="{FF2B5EF4-FFF2-40B4-BE49-F238E27FC236}">
              <a16:creationId xmlns:a16="http://schemas.microsoft.com/office/drawing/2014/main" id="{00000000-0008-0000-0700-0000E9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54307</xdr:rowOff>
    </xdr:from>
    <xdr:to>
      <xdr:col>24</xdr:col>
      <xdr:colOff>62865</xdr:colOff>
      <xdr:row>95</xdr:row>
      <xdr:rowOff>134282</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flipV="1">
          <a:off x="4633595" y="15584807"/>
          <a:ext cx="1270" cy="837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8109</xdr:rowOff>
    </xdr:from>
    <xdr:ext cx="534377" cy="259045"/>
    <xdr:sp macro="" textlink="">
      <xdr:nvSpPr>
        <xdr:cNvPr id="235" name="衛生費最小値テキスト">
          <a:extLst>
            <a:ext uri="{FF2B5EF4-FFF2-40B4-BE49-F238E27FC236}">
              <a16:creationId xmlns:a16="http://schemas.microsoft.com/office/drawing/2014/main" id="{00000000-0008-0000-0700-0000EB000000}"/>
            </a:ext>
          </a:extLst>
        </xdr:cNvPr>
        <xdr:cNvSpPr txBox="1"/>
      </xdr:nvSpPr>
      <xdr:spPr>
        <a:xfrm>
          <a:off x="4686300" y="1642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5</xdr:row>
      <xdr:rowOff>134282</xdr:rowOff>
    </xdr:from>
    <xdr:to>
      <xdr:col>24</xdr:col>
      <xdr:colOff>152400</xdr:colOff>
      <xdr:row>95</xdr:row>
      <xdr:rowOff>134282</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4546600" y="16422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00984</xdr:rowOff>
    </xdr:from>
    <xdr:ext cx="534377" cy="259045"/>
    <xdr:sp macro="" textlink="">
      <xdr:nvSpPr>
        <xdr:cNvPr id="237" name="衛生費最大値テキスト">
          <a:extLst>
            <a:ext uri="{FF2B5EF4-FFF2-40B4-BE49-F238E27FC236}">
              <a16:creationId xmlns:a16="http://schemas.microsoft.com/office/drawing/2014/main" id="{00000000-0008-0000-0700-0000ED000000}"/>
            </a:ext>
          </a:extLst>
        </xdr:cNvPr>
        <xdr:cNvSpPr txBox="1"/>
      </xdr:nvSpPr>
      <xdr:spPr>
        <a:xfrm>
          <a:off x="4686300" y="15360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36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54307</xdr:rowOff>
    </xdr:from>
    <xdr:to>
      <xdr:col>24</xdr:col>
      <xdr:colOff>152400</xdr:colOff>
      <xdr:row>90</xdr:row>
      <xdr:rowOff>154307</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4546600" y="15584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62250</xdr:rowOff>
    </xdr:from>
    <xdr:to>
      <xdr:col>24</xdr:col>
      <xdr:colOff>63500</xdr:colOff>
      <xdr:row>97</xdr:row>
      <xdr:rowOff>57975</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3797300" y="16350000"/>
          <a:ext cx="838200" cy="338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30509</xdr:rowOff>
    </xdr:from>
    <xdr:ext cx="534377" cy="259045"/>
    <xdr:sp macro="" textlink="">
      <xdr:nvSpPr>
        <xdr:cNvPr id="240" name="衛生費平均値テキスト">
          <a:extLst>
            <a:ext uri="{FF2B5EF4-FFF2-40B4-BE49-F238E27FC236}">
              <a16:creationId xmlns:a16="http://schemas.microsoft.com/office/drawing/2014/main" id="{00000000-0008-0000-0700-0000F0000000}"/>
            </a:ext>
          </a:extLst>
        </xdr:cNvPr>
        <xdr:cNvSpPr txBox="1"/>
      </xdr:nvSpPr>
      <xdr:spPr>
        <a:xfrm>
          <a:off x="4686300" y="159753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7632</xdr:rowOff>
    </xdr:from>
    <xdr:to>
      <xdr:col>24</xdr:col>
      <xdr:colOff>114300</xdr:colOff>
      <xdr:row>94</xdr:row>
      <xdr:rowOff>109232</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4584700" y="1612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57975</xdr:rowOff>
    </xdr:from>
    <xdr:to>
      <xdr:col>19</xdr:col>
      <xdr:colOff>177800</xdr:colOff>
      <xdr:row>97</xdr:row>
      <xdr:rowOff>153005</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908300" y="16688625"/>
          <a:ext cx="889000" cy="9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23064</xdr:rowOff>
    </xdr:from>
    <xdr:to>
      <xdr:col>20</xdr:col>
      <xdr:colOff>38100</xdr:colOff>
      <xdr:row>96</xdr:row>
      <xdr:rowOff>124664</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3746500" y="16482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41191</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3530111" y="16257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53005</xdr:rowOff>
    </xdr:from>
    <xdr:to>
      <xdr:col>15</xdr:col>
      <xdr:colOff>50800</xdr:colOff>
      <xdr:row>97</xdr:row>
      <xdr:rowOff>155702</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2019300" y="16783655"/>
          <a:ext cx="889000" cy="2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76212</xdr:rowOff>
    </xdr:from>
    <xdr:to>
      <xdr:col>15</xdr:col>
      <xdr:colOff>101600</xdr:colOff>
      <xdr:row>97</xdr:row>
      <xdr:rowOff>6362</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2857500" y="16535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2889</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2641111" y="16310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5404</xdr:rowOff>
    </xdr:from>
    <xdr:to>
      <xdr:col>10</xdr:col>
      <xdr:colOff>114300</xdr:colOff>
      <xdr:row>97</xdr:row>
      <xdr:rowOff>155702</xdr:rowOff>
    </xdr:to>
    <xdr:cxnSp macro="">
      <xdr:nvCxnSpPr>
        <xdr:cNvPr id="248" name="直線コネクタ 247">
          <a:extLst>
            <a:ext uri="{FF2B5EF4-FFF2-40B4-BE49-F238E27FC236}">
              <a16:creationId xmlns:a16="http://schemas.microsoft.com/office/drawing/2014/main" id="{00000000-0008-0000-0700-0000F8000000}"/>
            </a:ext>
          </a:extLst>
        </xdr:cNvPr>
        <xdr:cNvCxnSpPr/>
      </xdr:nvCxnSpPr>
      <xdr:spPr>
        <a:xfrm>
          <a:off x="1130300" y="16786054"/>
          <a:ext cx="889000" cy="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97656</xdr:rowOff>
    </xdr:from>
    <xdr:to>
      <xdr:col>10</xdr:col>
      <xdr:colOff>165100</xdr:colOff>
      <xdr:row>97</xdr:row>
      <xdr:rowOff>27806</xdr:rowOff>
    </xdr:to>
    <xdr:sp macro="" textlink="">
      <xdr:nvSpPr>
        <xdr:cNvPr id="249" name="フローチャート: 判断 248">
          <a:extLst>
            <a:ext uri="{FF2B5EF4-FFF2-40B4-BE49-F238E27FC236}">
              <a16:creationId xmlns:a16="http://schemas.microsoft.com/office/drawing/2014/main" id="{00000000-0008-0000-0700-0000F9000000}"/>
            </a:ext>
          </a:extLst>
        </xdr:cNvPr>
        <xdr:cNvSpPr/>
      </xdr:nvSpPr>
      <xdr:spPr>
        <a:xfrm>
          <a:off x="1968500" y="1655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44333</xdr:rowOff>
    </xdr:from>
    <xdr:ext cx="534377"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752111" y="163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0470</xdr:rowOff>
    </xdr:from>
    <xdr:to>
      <xdr:col>6</xdr:col>
      <xdr:colOff>38100</xdr:colOff>
      <xdr:row>97</xdr:row>
      <xdr:rowOff>50620</xdr:rowOff>
    </xdr:to>
    <xdr:sp macro="" textlink="">
      <xdr:nvSpPr>
        <xdr:cNvPr id="251" name="フローチャート: 判断 250">
          <a:extLst>
            <a:ext uri="{FF2B5EF4-FFF2-40B4-BE49-F238E27FC236}">
              <a16:creationId xmlns:a16="http://schemas.microsoft.com/office/drawing/2014/main" id="{00000000-0008-0000-0700-0000FB000000}"/>
            </a:ext>
          </a:extLst>
        </xdr:cNvPr>
        <xdr:cNvSpPr/>
      </xdr:nvSpPr>
      <xdr:spPr>
        <a:xfrm>
          <a:off x="1079500" y="16579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7147</xdr:rowOff>
    </xdr:from>
    <xdr:ext cx="534377"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863111" y="16354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450</xdr:rowOff>
    </xdr:from>
    <xdr:to>
      <xdr:col>24</xdr:col>
      <xdr:colOff>114300</xdr:colOff>
      <xdr:row>95</xdr:row>
      <xdr:rowOff>113050</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4584700" y="1629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97827</xdr:rowOff>
    </xdr:from>
    <xdr:ext cx="534377" cy="259045"/>
    <xdr:sp macro="" textlink="">
      <xdr:nvSpPr>
        <xdr:cNvPr id="259" name="衛生費該当値テキスト">
          <a:extLst>
            <a:ext uri="{FF2B5EF4-FFF2-40B4-BE49-F238E27FC236}">
              <a16:creationId xmlns:a16="http://schemas.microsoft.com/office/drawing/2014/main" id="{00000000-0008-0000-0700-000003010000}"/>
            </a:ext>
          </a:extLst>
        </xdr:cNvPr>
        <xdr:cNvSpPr txBox="1"/>
      </xdr:nvSpPr>
      <xdr:spPr>
        <a:xfrm>
          <a:off x="4686300" y="16214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7175</xdr:rowOff>
    </xdr:from>
    <xdr:to>
      <xdr:col>20</xdr:col>
      <xdr:colOff>38100</xdr:colOff>
      <xdr:row>97</xdr:row>
      <xdr:rowOff>108775</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3746500" y="16637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99902</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3530111" y="16730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02205</xdr:rowOff>
    </xdr:from>
    <xdr:to>
      <xdr:col>15</xdr:col>
      <xdr:colOff>101600</xdr:colOff>
      <xdr:row>98</xdr:row>
      <xdr:rowOff>32355</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2857500" y="16732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23482</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2641111" y="16825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04902</xdr:rowOff>
    </xdr:from>
    <xdr:to>
      <xdr:col>10</xdr:col>
      <xdr:colOff>165100</xdr:colOff>
      <xdr:row>98</xdr:row>
      <xdr:rowOff>35052</xdr:rowOff>
    </xdr:to>
    <xdr:sp macro="" textlink="">
      <xdr:nvSpPr>
        <xdr:cNvPr id="264" name="楕円 263">
          <a:extLst>
            <a:ext uri="{FF2B5EF4-FFF2-40B4-BE49-F238E27FC236}">
              <a16:creationId xmlns:a16="http://schemas.microsoft.com/office/drawing/2014/main" id="{00000000-0008-0000-0700-000008010000}"/>
            </a:ext>
          </a:extLst>
        </xdr:cNvPr>
        <xdr:cNvSpPr/>
      </xdr:nvSpPr>
      <xdr:spPr>
        <a:xfrm>
          <a:off x="1968500" y="16735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26179</xdr:rowOff>
    </xdr:from>
    <xdr:ext cx="534377"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1752111" y="16828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4604</xdr:rowOff>
    </xdr:from>
    <xdr:to>
      <xdr:col>6</xdr:col>
      <xdr:colOff>38100</xdr:colOff>
      <xdr:row>98</xdr:row>
      <xdr:rowOff>34754</xdr:rowOff>
    </xdr:to>
    <xdr:sp macro="" textlink="">
      <xdr:nvSpPr>
        <xdr:cNvPr id="266" name="楕円 265">
          <a:extLst>
            <a:ext uri="{FF2B5EF4-FFF2-40B4-BE49-F238E27FC236}">
              <a16:creationId xmlns:a16="http://schemas.microsoft.com/office/drawing/2014/main" id="{00000000-0008-0000-0700-00000A010000}"/>
            </a:ext>
          </a:extLst>
        </xdr:cNvPr>
        <xdr:cNvSpPr/>
      </xdr:nvSpPr>
      <xdr:spPr>
        <a:xfrm>
          <a:off x="1079500" y="16735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5881</xdr:rowOff>
    </xdr:from>
    <xdr:ext cx="534377"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863111" y="16827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a:extLst>
            <a:ext uri="{FF2B5EF4-FFF2-40B4-BE49-F238E27FC236}">
              <a16:creationId xmlns:a16="http://schemas.microsoft.com/office/drawing/2014/main" id="{00000000-0008-0000-0700-000013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9" name="テキスト ボックス 288">
          <a:extLst>
            <a:ext uri="{FF2B5EF4-FFF2-40B4-BE49-F238E27FC236}">
              <a16:creationId xmlns:a16="http://schemas.microsoft.com/office/drawing/2014/main" id="{00000000-0008-0000-0700-000021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労働費グラフ枠">
          <a:extLst>
            <a:ext uri="{FF2B5EF4-FFF2-40B4-BE49-F238E27FC236}">
              <a16:creationId xmlns:a16="http://schemas.microsoft.com/office/drawing/2014/main" id="{00000000-0008-0000-07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9606</xdr:rowOff>
    </xdr:from>
    <xdr:to>
      <xdr:col>54</xdr:col>
      <xdr:colOff>189865</xdr:colOff>
      <xdr:row>39</xdr:row>
      <xdr:rowOff>27686</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10475595" y="5293106"/>
          <a:ext cx="1270" cy="1421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31513</xdr:rowOff>
    </xdr:from>
    <xdr:ext cx="313932" cy="259045"/>
    <xdr:sp macro="" textlink="">
      <xdr:nvSpPr>
        <xdr:cNvPr id="292" name="労働費最小値テキスト">
          <a:extLst>
            <a:ext uri="{FF2B5EF4-FFF2-40B4-BE49-F238E27FC236}">
              <a16:creationId xmlns:a16="http://schemas.microsoft.com/office/drawing/2014/main" id="{00000000-0008-0000-0700-000024010000}"/>
            </a:ext>
          </a:extLst>
        </xdr:cNvPr>
        <xdr:cNvSpPr txBox="1"/>
      </xdr:nvSpPr>
      <xdr:spPr>
        <a:xfrm>
          <a:off x="10528300" y="671806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27686</xdr:rowOff>
    </xdr:from>
    <xdr:to>
      <xdr:col>55</xdr:col>
      <xdr:colOff>88900</xdr:colOff>
      <xdr:row>39</xdr:row>
      <xdr:rowOff>27686</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10388600" y="67142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96283</xdr:rowOff>
    </xdr:from>
    <xdr:ext cx="469744" cy="259045"/>
    <xdr:sp macro="" textlink="">
      <xdr:nvSpPr>
        <xdr:cNvPr id="294" name="労働費最大値テキスト">
          <a:extLst>
            <a:ext uri="{FF2B5EF4-FFF2-40B4-BE49-F238E27FC236}">
              <a16:creationId xmlns:a16="http://schemas.microsoft.com/office/drawing/2014/main" id="{00000000-0008-0000-0700-000026010000}"/>
            </a:ext>
          </a:extLst>
        </xdr:cNvPr>
        <xdr:cNvSpPr txBox="1"/>
      </xdr:nvSpPr>
      <xdr:spPr>
        <a:xfrm>
          <a:off x="10528300" y="5068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49606</xdr:rowOff>
    </xdr:from>
    <xdr:to>
      <xdr:col>55</xdr:col>
      <xdr:colOff>88900</xdr:colOff>
      <xdr:row>30</xdr:row>
      <xdr:rowOff>149606</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10388600" y="5293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26162</xdr:rowOff>
    </xdr:from>
    <xdr:to>
      <xdr:col>55</xdr:col>
      <xdr:colOff>0</xdr:colOff>
      <xdr:row>37</xdr:row>
      <xdr:rowOff>69596</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flipV="1">
          <a:off x="9639300" y="6369812"/>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701</xdr:rowOff>
    </xdr:from>
    <xdr:ext cx="378565" cy="259045"/>
    <xdr:sp macro="" textlink="">
      <xdr:nvSpPr>
        <xdr:cNvPr id="297" name="労働費平均値テキスト">
          <a:extLst>
            <a:ext uri="{FF2B5EF4-FFF2-40B4-BE49-F238E27FC236}">
              <a16:creationId xmlns:a16="http://schemas.microsoft.com/office/drawing/2014/main" id="{00000000-0008-0000-0700-000029010000}"/>
            </a:ext>
          </a:extLst>
        </xdr:cNvPr>
        <xdr:cNvSpPr txBox="1"/>
      </xdr:nvSpPr>
      <xdr:spPr>
        <a:xfrm>
          <a:off x="10528300" y="63553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3274</xdr:rowOff>
    </xdr:from>
    <xdr:to>
      <xdr:col>55</xdr:col>
      <xdr:colOff>50800</xdr:colOff>
      <xdr:row>37</xdr:row>
      <xdr:rowOff>134874</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10426700" y="6376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69596</xdr:rowOff>
    </xdr:from>
    <xdr:to>
      <xdr:col>50</xdr:col>
      <xdr:colOff>114300</xdr:colOff>
      <xdr:row>37</xdr:row>
      <xdr:rowOff>123698</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8750300" y="6413246"/>
          <a:ext cx="889000" cy="54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3698</xdr:rowOff>
    </xdr:from>
    <xdr:to>
      <xdr:col>45</xdr:col>
      <xdr:colOff>177800</xdr:colOff>
      <xdr:row>37</xdr:row>
      <xdr:rowOff>124460</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flipV="1">
          <a:off x="7861300" y="646734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8326</xdr:rowOff>
    </xdr:from>
    <xdr:to>
      <xdr:col>46</xdr:col>
      <xdr:colOff>38100</xdr:colOff>
      <xdr:row>37</xdr:row>
      <xdr:rowOff>169926</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8699500" y="641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5003</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8561017" y="6187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4460</xdr:rowOff>
    </xdr:from>
    <xdr:to>
      <xdr:col>41</xdr:col>
      <xdr:colOff>50800</xdr:colOff>
      <xdr:row>37</xdr:row>
      <xdr:rowOff>127508</xdr:rowOff>
    </xdr:to>
    <xdr:cxnSp macro="">
      <xdr:nvCxnSpPr>
        <xdr:cNvPr id="305" name="直線コネクタ 304">
          <a:extLst>
            <a:ext uri="{FF2B5EF4-FFF2-40B4-BE49-F238E27FC236}">
              <a16:creationId xmlns:a16="http://schemas.microsoft.com/office/drawing/2014/main" id="{00000000-0008-0000-0700-000031010000}"/>
            </a:ext>
          </a:extLst>
        </xdr:cNvPr>
        <xdr:cNvCxnSpPr/>
      </xdr:nvCxnSpPr>
      <xdr:spPr>
        <a:xfrm flipV="1">
          <a:off x="6972300" y="6468110"/>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992</xdr:rowOff>
    </xdr:from>
    <xdr:to>
      <xdr:col>41</xdr:col>
      <xdr:colOff>101600</xdr:colOff>
      <xdr:row>37</xdr:row>
      <xdr:rowOff>164592</xdr:rowOff>
    </xdr:to>
    <xdr:sp macro="" textlink="">
      <xdr:nvSpPr>
        <xdr:cNvPr id="306" name="フローチャート: 判断 305">
          <a:extLst>
            <a:ext uri="{FF2B5EF4-FFF2-40B4-BE49-F238E27FC236}">
              <a16:creationId xmlns:a16="http://schemas.microsoft.com/office/drawing/2014/main" id="{00000000-0008-0000-0700-000032010000}"/>
            </a:ext>
          </a:extLst>
        </xdr:cNvPr>
        <xdr:cNvSpPr/>
      </xdr:nvSpPr>
      <xdr:spPr>
        <a:xfrm>
          <a:off x="78105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9669</xdr:rowOff>
    </xdr:from>
    <xdr:ext cx="378565"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72017" y="61818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512</xdr:rowOff>
    </xdr:from>
    <xdr:to>
      <xdr:col>36</xdr:col>
      <xdr:colOff>165100</xdr:colOff>
      <xdr:row>37</xdr:row>
      <xdr:rowOff>134112</xdr:rowOff>
    </xdr:to>
    <xdr:sp macro="" textlink="">
      <xdr:nvSpPr>
        <xdr:cNvPr id="308" name="フローチャート: 判断 307">
          <a:extLst>
            <a:ext uri="{FF2B5EF4-FFF2-40B4-BE49-F238E27FC236}">
              <a16:creationId xmlns:a16="http://schemas.microsoft.com/office/drawing/2014/main" id="{00000000-0008-0000-0700-000034010000}"/>
            </a:ext>
          </a:extLst>
        </xdr:cNvPr>
        <xdr:cNvSpPr/>
      </xdr:nvSpPr>
      <xdr:spPr>
        <a:xfrm>
          <a:off x="6921500" y="6376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50639</xdr:rowOff>
    </xdr:from>
    <xdr:ext cx="378565"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3017" y="61513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46812</xdr:rowOff>
    </xdr:from>
    <xdr:to>
      <xdr:col>55</xdr:col>
      <xdr:colOff>50800</xdr:colOff>
      <xdr:row>37</xdr:row>
      <xdr:rowOff>76962</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10426700" y="6319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69689</xdr:rowOff>
    </xdr:from>
    <xdr:ext cx="378565" cy="259045"/>
    <xdr:sp macro="" textlink="">
      <xdr:nvSpPr>
        <xdr:cNvPr id="316" name="労働費該当値テキスト">
          <a:extLst>
            <a:ext uri="{FF2B5EF4-FFF2-40B4-BE49-F238E27FC236}">
              <a16:creationId xmlns:a16="http://schemas.microsoft.com/office/drawing/2014/main" id="{00000000-0008-0000-0700-00003C010000}"/>
            </a:ext>
          </a:extLst>
        </xdr:cNvPr>
        <xdr:cNvSpPr txBox="1"/>
      </xdr:nvSpPr>
      <xdr:spPr>
        <a:xfrm>
          <a:off x="10528300" y="61704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8796</xdr:rowOff>
    </xdr:from>
    <xdr:to>
      <xdr:col>50</xdr:col>
      <xdr:colOff>165100</xdr:colOff>
      <xdr:row>37</xdr:row>
      <xdr:rowOff>120396</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9588500" y="6362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36923</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9450017" y="61376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2898</xdr:rowOff>
    </xdr:from>
    <xdr:to>
      <xdr:col>46</xdr:col>
      <xdr:colOff>38100</xdr:colOff>
      <xdr:row>38</xdr:row>
      <xdr:rowOff>3048</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8699500" y="6416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65625</xdr:rowOff>
    </xdr:from>
    <xdr:ext cx="378565"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8561017" y="65092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3660</xdr:rowOff>
    </xdr:from>
    <xdr:to>
      <xdr:col>41</xdr:col>
      <xdr:colOff>101600</xdr:colOff>
      <xdr:row>38</xdr:row>
      <xdr:rowOff>3810</xdr:rowOff>
    </xdr:to>
    <xdr:sp macro="" textlink="">
      <xdr:nvSpPr>
        <xdr:cNvPr id="321" name="楕円 320">
          <a:extLst>
            <a:ext uri="{FF2B5EF4-FFF2-40B4-BE49-F238E27FC236}">
              <a16:creationId xmlns:a16="http://schemas.microsoft.com/office/drawing/2014/main" id="{00000000-0008-0000-0700-000041010000}"/>
            </a:ext>
          </a:extLst>
        </xdr:cNvPr>
        <xdr:cNvSpPr/>
      </xdr:nvSpPr>
      <xdr:spPr>
        <a:xfrm>
          <a:off x="7810500" y="6417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66387</xdr:rowOff>
    </xdr:from>
    <xdr:ext cx="378565"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7672017" y="65100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6708</xdr:rowOff>
    </xdr:from>
    <xdr:to>
      <xdr:col>36</xdr:col>
      <xdr:colOff>165100</xdr:colOff>
      <xdr:row>38</xdr:row>
      <xdr:rowOff>6858</xdr:rowOff>
    </xdr:to>
    <xdr:sp macro="" textlink="">
      <xdr:nvSpPr>
        <xdr:cNvPr id="323" name="楕円 322">
          <a:extLst>
            <a:ext uri="{FF2B5EF4-FFF2-40B4-BE49-F238E27FC236}">
              <a16:creationId xmlns:a16="http://schemas.microsoft.com/office/drawing/2014/main" id="{00000000-0008-0000-0700-000043010000}"/>
            </a:ext>
          </a:extLst>
        </xdr:cNvPr>
        <xdr:cNvSpPr/>
      </xdr:nvSpPr>
      <xdr:spPr>
        <a:xfrm>
          <a:off x="6921500" y="6420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69435</xdr:rowOff>
    </xdr:from>
    <xdr:ext cx="378565"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783017" y="6513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a16="http://schemas.microsoft.com/office/drawing/2014/main" id="{00000000-0008-0000-07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a:extLst>
            <a:ext uri="{FF2B5EF4-FFF2-40B4-BE49-F238E27FC236}">
              <a16:creationId xmlns:a16="http://schemas.microsoft.com/office/drawing/2014/main" id="{00000000-0008-0000-0700-00005A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a:extLst>
            <a:ext uri="{FF2B5EF4-FFF2-40B4-BE49-F238E27FC236}">
              <a16:creationId xmlns:a16="http://schemas.microsoft.com/office/drawing/2014/main" id="{00000000-0008-0000-07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7955</xdr:rowOff>
    </xdr:from>
    <xdr:to>
      <xdr:col>54</xdr:col>
      <xdr:colOff>189865</xdr:colOff>
      <xdr:row>59</xdr:row>
      <xdr:rowOff>39878</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10475595" y="8720455"/>
          <a:ext cx="1270" cy="14349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3705</xdr:rowOff>
    </xdr:from>
    <xdr:ext cx="313932" cy="259045"/>
    <xdr:sp macro="" textlink="">
      <xdr:nvSpPr>
        <xdr:cNvPr id="349" name="農林水産業費最小値テキスト">
          <a:extLst>
            <a:ext uri="{FF2B5EF4-FFF2-40B4-BE49-F238E27FC236}">
              <a16:creationId xmlns:a16="http://schemas.microsoft.com/office/drawing/2014/main" id="{00000000-0008-0000-0700-00005D010000}"/>
            </a:ext>
          </a:extLst>
        </xdr:cNvPr>
        <xdr:cNvSpPr txBox="1"/>
      </xdr:nvSpPr>
      <xdr:spPr>
        <a:xfrm>
          <a:off x="10528300" y="101592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9878</xdr:rowOff>
    </xdr:from>
    <xdr:to>
      <xdr:col>55</xdr:col>
      <xdr:colOff>88900</xdr:colOff>
      <xdr:row>59</xdr:row>
      <xdr:rowOff>39878</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10388600" y="1015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94632</xdr:rowOff>
    </xdr:from>
    <xdr:ext cx="534377" cy="259045"/>
    <xdr:sp macro="" textlink="">
      <xdr:nvSpPr>
        <xdr:cNvPr id="351" name="農林水産業費最大値テキスト">
          <a:extLst>
            <a:ext uri="{FF2B5EF4-FFF2-40B4-BE49-F238E27FC236}">
              <a16:creationId xmlns:a16="http://schemas.microsoft.com/office/drawing/2014/main" id="{00000000-0008-0000-0700-00005F010000}"/>
            </a:ext>
          </a:extLst>
        </xdr:cNvPr>
        <xdr:cNvSpPr txBox="1"/>
      </xdr:nvSpPr>
      <xdr:spPr>
        <a:xfrm>
          <a:off x="10528300" y="8495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33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7955</xdr:rowOff>
    </xdr:from>
    <xdr:to>
      <xdr:col>55</xdr:col>
      <xdr:colOff>88900</xdr:colOff>
      <xdr:row>50</xdr:row>
      <xdr:rowOff>147955</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10388600" y="8720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54051</xdr:rowOff>
    </xdr:from>
    <xdr:to>
      <xdr:col>55</xdr:col>
      <xdr:colOff>0</xdr:colOff>
      <xdr:row>58</xdr:row>
      <xdr:rowOff>156464</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9639300" y="10098151"/>
          <a:ext cx="8382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5328</xdr:rowOff>
    </xdr:from>
    <xdr:ext cx="469744" cy="259045"/>
    <xdr:sp macro="" textlink="">
      <xdr:nvSpPr>
        <xdr:cNvPr id="354" name="農林水産業費平均値テキスト">
          <a:extLst>
            <a:ext uri="{FF2B5EF4-FFF2-40B4-BE49-F238E27FC236}">
              <a16:creationId xmlns:a16="http://schemas.microsoft.com/office/drawing/2014/main" id="{00000000-0008-0000-0700-000062010000}"/>
            </a:ext>
          </a:extLst>
        </xdr:cNvPr>
        <xdr:cNvSpPr txBox="1"/>
      </xdr:nvSpPr>
      <xdr:spPr>
        <a:xfrm>
          <a:off x="10528300" y="96765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2451</xdr:rowOff>
    </xdr:from>
    <xdr:to>
      <xdr:col>55</xdr:col>
      <xdr:colOff>50800</xdr:colOff>
      <xdr:row>57</xdr:row>
      <xdr:rowOff>154051</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10426700" y="982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54051</xdr:rowOff>
    </xdr:from>
    <xdr:to>
      <xdr:col>50</xdr:col>
      <xdr:colOff>114300</xdr:colOff>
      <xdr:row>58</xdr:row>
      <xdr:rowOff>154432</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flipV="1">
          <a:off x="8750300" y="10098151"/>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8547</xdr:rowOff>
    </xdr:from>
    <xdr:to>
      <xdr:col>50</xdr:col>
      <xdr:colOff>165100</xdr:colOff>
      <xdr:row>57</xdr:row>
      <xdr:rowOff>160147</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9588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5224</xdr:rowOff>
    </xdr:from>
    <xdr:ext cx="469744"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9404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54432</xdr:rowOff>
    </xdr:from>
    <xdr:to>
      <xdr:col>45</xdr:col>
      <xdr:colOff>177800</xdr:colOff>
      <xdr:row>58</xdr:row>
      <xdr:rowOff>154432</xdr:rowOff>
    </xdr:to>
    <xdr:cxnSp macro="">
      <xdr:nvCxnSpPr>
        <xdr:cNvPr id="359" name="直線コネクタ 358">
          <a:extLst>
            <a:ext uri="{FF2B5EF4-FFF2-40B4-BE49-F238E27FC236}">
              <a16:creationId xmlns:a16="http://schemas.microsoft.com/office/drawing/2014/main" id="{00000000-0008-0000-0700-000067010000}"/>
            </a:ext>
          </a:extLst>
        </xdr:cNvPr>
        <xdr:cNvCxnSpPr/>
      </xdr:nvCxnSpPr>
      <xdr:spPr>
        <a:xfrm>
          <a:off x="7861300" y="1009853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8547</xdr:rowOff>
    </xdr:from>
    <xdr:to>
      <xdr:col>46</xdr:col>
      <xdr:colOff>38100</xdr:colOff>
      <xdr:row>57</xdr:row>
      <xdr:rowOff>160147</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8699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5224</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8515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54432</xdr:rowOff>
    </xdr:from>
    <xdr:to>
      <xdr:col>41</xdr:col>
      <xdr:colOff>50800</xdr:colOff>
      <xdr:row>58</xdr:row>
      <xdr:rowOff>154940</xdr:rowOff>
    </xdr:to>
    <xdr:cxnSp macro="">
      <xdr:nvCxnSpPr>
        <xdr:cNvPr id="362" name="直線コネクタ 361">
          <a:extLst>
            <a:ext uri="{FF2B5EF4-FFF2-40B4-BE49-F238E27FC236}">
              <a16:creationId xmlns:a16="http://schemas.microsoft.com/office/drawing/2014/main" id="{00000000-0008-0000-0700-00006A010000}"/>
            </a:ext>
          </a:extLst>
        </xdr:cNvPr>
        <xdr:cNvCxnSpPr/>
      </xdr:nvCxnSpPr>
      <xdr:spPr>
        <a:xfrm flipV="1">
          <a:off x="6972300" y="10098532"/>
          <a:ext cx="8890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1628</xdr:rowOff>
    </xdr:from>
    <xdr:to>
      <xdr:col>41</xdr:col>
      <xdr:colOff>101600</xdr:colOff>
      <xdr:row>58</xdr:row>
      <xdr:rowOff>1778</xdr:rowOff>
    </xdr:to>
    <xdr:sp macro="" textlink="">
      <xdr:nvSpPr>
        <xdr:cNvPr id="363" name="フローチャート: 判断 362">
          <a:extLst>
            <a:ext uri="{FF2B5EF4-FFF2-40B4-BE49-F238E27FC236}">
              <a16:creationId xmlns:a16="http://schemas.microsoft.com/office/drawing/2014/main" id="{00000000-0008-0000-0700-00006B010000}"/>
            </a:ext>
          </a:extLst>
        </xdr:cNvPr>
        <xdr:cNvSpPr/>
      </xdr:nvSpPr>
      <xdr:spPr>
        <a:xfrm>
          <a:off x="7810500" y="9844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8305</xdr:rowOff>
    </xdr:from>
    <xdr:ext cx="469744"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626428" y="9619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9657</xdr:rowOff>
    </xdr:from>
    <xdr:to>
      <xdr:col>36</xdr:col>
      <xdr:colOff>165100</xdr:colOff>
      <xdr:row>57</xdr:row>
      <xdr:rowOff>151257</xdr:rowOff>
    </xdr:to>
    <xdr:sp macro="" textlink="">
      <xdr:nvSpPr>
        <xdr:cNvPr id="365" name="フローチャート: 判断 364">
          <a:extLst>
            <a:ext uri="{FF2B5EF4-FFF2-40B4-BE49-F238E27FC236}">
              <a16:creationId xmlns:a16="http://schemas.microsoft.com/office/drawing/2014/main" id="{00000000-0008-0000-0700-00006D010000}"/>
            </a:ext>
          </a:extLst>
        </xdr:cNvPr>
        <xdr:cNvSpPr/>
      </xdr:nvSpPr>
      <xdr:spPr>
        <a:xfrm>
          <a:off x="6921500" y="9822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67784</xdr:rowOff>
    </xdr:from>
    <xdr:ext cx="469744"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6737428" y="9597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05664</xdr:rowOff>
    </xdr:from>
    <xdr:to>
      <xdr:col>55</xdr:col>
      <xdr:colOff>50800</xdr:colOff>
      <xdr:row>59</xdr:row>
      <xdr:rowOff>35814</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10426700" y="10049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0591</xdr:rowOff>
    </xdr:from>
    <xdr:ext cx="378565" cy="259045"/>
    <xdr:sp macro="" textlink="">
      <xdr:nvSpPr>
        <xdr:cNvPr id="373" name="農林水産業費該当値テキスト">
          <a:extLst>
            <a:ext uri="{FF2B5EF4-FFF2-40B4-BE49-F238E27FC236}">
              <a16:creationId xmlns:a16="http://schemas.microsoft.com/office/drawing/2014/main" id="{00000000-0008-0000-0700-000075010000}"/>
            </a:ext>
          </a:extLst>
        </xdr:cNvPr>
        <xdr:cNvSpPr txBox="1"/>
      </xdr:nvSpPr>
      <xdr:spPr>
        <a:xfrm>
          <a:off x="10528300" y="99646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3251</xdr:rowOff>
    </xdr:from>
    <xdr:to>
      <xdr:col>50</xdr:col>
      <xdr:colOff>165100</xdr:colOff>
      <xdr:row>59</xdr:row>
      <xdr:rowOff>33401</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9588500" y="10047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24528</xdr:rowOff>
    </xdr:from>
    <xdr:ext cx="378565"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9450017" y="10140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3632</xdr:rowOff>
    </xdr:from>
    <xdr:to>
      <xdr:col>46</xdr:col>
      <xdr:colOff>38100</xdr:colOff>
      <xdr:row>59</xdr:row>
      <xdr:rowOff>33782</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8699500" y="10047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24909</xdr:rowOff>
    </xdr:from>
    <xdr:ext cx="378565"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8561017" y="101404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03632</xdr:rowOff>
    </xdr:from>
    <xdr:to>
      <xdr:col>41</xdr:col>
      <xdr:colOff>101600</xdr:colOff>
      <xdr:row>59</xdr:row>
      <xdr:rowOff>33782</xdr:rowOff>
    </xdr:to>
    <xdr:sp macro="" textlink="">
      <xdr:nvSpPr>
        <xdr:cNvPr id="378" name="楕円 377">
          <a:extLst>
            <a:ext uri="{FF2B5EF4-FFF2-40B4-BE49-F238E27FC236}">
              <a16:creationId xmlns:a16="http://schemas.microsoft.com/office/drawing/2014/main" id="{00000000-0008-0000-0700-00007A010000}"/>
            </a:ext>
          </a:extLst>
        </xdr:cNvPr>
        <xdr:cNvSpPr/>
      </xdr:nvSpPr>
      <xdr:spPr>
        <a:xfrm>
          <a:off x="7810500" y="10047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24909</xdr:rowOff>
    </xdr:from>
    <xdr:ext cx="378565"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7672017" y="101404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4140</xdr:rowOff>
    </xdr:from>
    <xdr:to>
      <xdr:col>36</xdr:col>
      <xdr:colOff>165100</xdr:colOff>
      <xdr:row>59</xdr:row>
      <xdr:rowOff>34290</xdr:rowOff>
    </xdr:to>
    <xdr:sp macro="" textlink="">
      <xdr:nvSpPr>
        <xdr:cNvPr id="380" name="楕円 379">
          <a:extLst>
            <a:ext uri="{FF2B5EF4-FFF2-40B4-BE49-F238E27FC236}">
              <a16:creationId xmlns:a16="http://schemas.microsoft.com/office/drawing/2014/main" id="{00000000-0008-0000-0700-00007C010000}"/>
            </a:ext>
          </a:extLst>
        </xdr:cNvPr>
        <xdr:cNvSpPr/>
      </xdr:nvSpPr>
      <xdr:spPr>
        <a:xfrm>
          <a:off x="6921500" y="10048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25417</xdr:rowOff>
    </xdr:from>
    <xdr:ext cx="378565"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783017" y="101409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1" name="テキスト ボックス 400">
          <a:extLst>
            <a:ext uri="{FF2B5EF4-FFF2-40B4-BE49-F238E27FC236}">
              <a16:creationId xmlns:a16="http://schemas.microsoft.com/office/drawing/2014/main" id="{00000000-0008-0000-0700-000091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商工費グラフ枠">
          <a:extLst>
            <a:ext uri="{FF2B5EF4-FFF2-40B4-BE49-F238E27FC236}">
              <a16:creationId xmlns:a16="http://schemas.microsoft.com/office/drawing/2014/main" id="{00000000-0008-0000-0700-000094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0315</xdr:rowOff>
    </xdr:from>
    <xdr:to>
      <xdr:col>54</xdr:col>
      <xdr:colOff>189865</xdr:colOff>
      <xdr:row>79</xdr:row>
      <xdr:rowOff>15891</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10475595" y="12263265"/>
          <a:ext cx="1270" cy="1297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9718</xdr:rowOff>
    </xdr:from>
    <xdr:ext cx="469744" cy="259045"/>
    <xdr:sp macro="" textlink="">
      <xdr:nvSpPr>
        <xdr:cNvPr id="406" name="商工費最小値テキスト">
          <a:extLst>
            <a:ext uri="{FF2B5EF4-FFF2-40B4-BE49-F238E27FC236}">
              <a16:creationId xmlns:a16="http://schemas.microsoft.com/office/drawing/2014/main" id="{00000000-0008-0000-0700-000096010000}"/>
            </a:ext>
          </a:extLst>
        </xdr:cNvPr>
        <xdr:cNvSpPr txBox="1"/>
      </xdr:nvSpPr>
      <xdr:spPr>
        <a:xfrm>
          <a:off x="10528300" y="13564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5891</xdr:rowOff>
    </xdr:from>
    <xdr:to>
      <xdr:col>55</xdr:col>
      <xdr:colOff>88900</xdr:colOff>
      <xdr:row>79</xdr:row>
      <xdr:rowOff>15891</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10388600" y="13560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6992</xdr:rowOff>
    </xdr:from>
    <xdr:ext cx="599010" cy="259045"/>
    <xdr:sp macro="" textlink="">
      <xdr:nvSpPr>
        <xdr:cNvPr id="408" name="商工費最大値テキスト">
          <a:extLst>
            <a:ext uri="{FF2B5EF4-FFF2-40B4-BE49-F238E27FC236}">
              <a16:creationId xmlns:a16="http://schemas.microsoft.com/office/drawing/2014/main" id="{00000000-0008-0000-0700-000098010000}"/>
            </a:ext>
          </a:extLst>
        </xdr:cNvPr>
        <xdr:cNvSpPr txBox="1"/>
      </xdr:nvSpPr>
      <xdr:spPr>
        <a:xfrm>
          <a:off x="10528300" y="12038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9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90315</xdr:rowOff>
    </xdr:from>
    <xdr:to>
      <xdr:col>55</xdr:col>
      <xdr:colOff>88900</xdr:colOff>
      <xdr:row>71</xdr:row>
      <xdr:rowOff>90315</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a:off x="10388600" y="12263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87899</xdr:rowOff>
    </xdr:from>
    <xdr:to>
      <xdr:col>55</xdr:col>
      <xdr:colOff>0</xdr:colOff>
      <xdr:row>76</xdr:row>
      <xdr:rowOff>126243</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9639300" y="13118099"/>
          <a:ext cx="838200" cy="38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04573</xdr:rowOff>
    </xdr:from>
    <xdr:ext cx="534377" cy="259045"/>
    <xdr:sp macro="" textlink="">
      <xdr:nvSpPr>
        <xdr:cNvPr id="411" name="商工費平均値テキスト">
          <a:extLst>
            <a:ext uri="{FF2B5EF4-FFF2-40B4-BE49-F238E27FC236}">
              <a16:creationId xmlns:a16="http://schemas.microsoft.com/office/drawing/2014/main" id="{00000000-0008-0000-0700-00009B010000}"/>
            </a:ext>
          </a:extLst>
        </xdr:cNvPr>
        <xdr:cNvSpPr txBox="1"/>
      </xdr:nvSpPr>
      <xdr:spPr>
        <a:xfrm>
          <a:off x="10528300" y="13134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6146</xdr:rowOff>
    </xdr:from>
    <xdr:to>
      <xdr:col>55</xdr:col>
      <xdr:colOff>50800</xdr:colOff>
      <xdr:row>77</xdr:row>
      <xdr:rowOff>56296</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10426700" y="13156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87899</xdr:rowOff>
    </xdr:from>
    <xdr:to>
      <xdr:col>50</xdr:col>
      <xdr:colOff>114300</xdr:colOff>
      <xdr:row>78</xdr:row>
      <xdr:rowOff>104922</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flipV="1">
          <a:off x="8750300" y="13118099"/>
          <a:ext cx="889000" cy="359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46340</xdr:rowOff>
    </xdr:from>
    <xdr:to>
      <xdr:col>50</xdr:col>
      <xdr:colOff>165100</xdr:colOff>
      <xdr:row>77</xdr:row>
      <xdr:rowOff>76490</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9588500" y="1317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67617</xdr:rowOff>
    </xdr:from>
    <xdr:ext cx="534377"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9372111" y="13269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04922</xdr:rowOff>
    </xdr:from>
    <xdr:to>
      <xdr:col>45</xdr:col>
      <xdr:colOff>177800</xdr:colOff>
      <xdr:row>78</xdr:row>
      <xdr:rowOff>115080</xdr:rowOff>
    </xdr:to>
    <xdr:cxnSp macro="">
      <xdr:nvCxnSpPr>
        <xdr:cNvPr id="416" name="直線コネクタ 415">
          <a:extLst>
            <a:ext uri="{FF2B5EF4-FFF2-40B4-BE49-F238E27FC236}">
              <a16:creationId xmlns:a16="http://schemas.microsoft.com/office/drawing/2014/main" id="{00000000-0008-0000-0700-0000A0010000}"/>
            </a:ext>
          </a:extLst>
        </xdr:cNvPr>
        <xdr:cNvCxnSpPr/>
      </xdr:nvCxnSpPr>
      <xdr:spPr>
        <a:xfrm flipV="1">
          <a:off x="7861300" y="13478022"/>
          <a:ext cx="889000" cy="10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55910</xdr:rowOff>
    </xdr:from>
    <xdr:to>
      <xdr:col>46</xdr:col>
      <xdr:colOff>38100</xdr:colOff>
      <xdr:row>78</xdr:row>
      <xdr:rowOff>86060</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8699500" y="13357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02587</xdr:rowOff>
    </xdr:from>
    <xdr:ext cx="534377"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8483111" y="13132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5080</xdr:rowOff>
    </xdr:from>
    <xdr:to>
      <xdr:col>41</xdr:col>
      <xdr:colOff>50800</xdr:colOff>
      <xdr:row>78</xdr:row>
      <xdr:rowOff>115514</xdr:rowOff>
    </xdr:to>
    <xdr:cxnSp macro="">
      <xdr:nvCxnSpPr>
        <xdr:cNvPr id="419" name="直線コネクタ 418">
          <a:extLst>
            <a:ext uri="{FF2B5EF4-FFF2-40B4-BE49-F238E27FC236}">
              <a16:creationId xmlns:a16="http://schemas.microsoft.com/office/drawing/2014/main" id="{00000000-0008-0000-0700-0000A3010000}"/>
            </a:ext>
          </a:extLst>
        </xdr:cNvPr>
        <xdr:cNvCxnSpPr/>
      </xdr:nvCxnSpPr>
      <xdr:spPr>
        <a:xfrm flipV="1">
          <a:off x="6972300" y="13488180"/>
          <a:ext cx="889000" cy="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362</xdr:rowOff>
    </xdr:from>
    <xdr:to>
      <xdr:col>41</xdr:col>
      <xdr:colOff>101600</xdr:colOff>
      <xdr:row>78</xdr:row>
      <xdr:rowOff>93512</xdr:rowOff>
    </xdr:to>
    <xdr:sp macro="" textlink="">
      <xdr:nvSpPr>
        <xdr:cNvPr id="420" name="フローチャート: 判断 419">
          <a:extLst>
            <a:ext uri="{FF2B5EF4-FFF2-40B4-BE49-F238E27FC236}">
              <a16:creationId xmlns:a16="http://schemas.microsoft.com/office/drawing/2014/main" id="{00000000-0008-0000-0700-0000A4010000}"/>
            </a:ext>
          </a:extLst>
        </xdr:cNvPr>
        <xdr:cNvSpPr/>
      </xdr:nvSpPr>
      <xdr:spPr>
        <a:xfrm>
          <a:off x="7810500" y="13365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0039</xdr:rowOff>
    </xdr:from>
    <xdr:ext cx="534377"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7594111" y="13140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6451</xdr:rowOff>
    </xdr:from>
    <xdr:to>
      <xdr:col>36</xdr:col>
      <xdr:colOff>165100</xdr:colOff>
      <xdr:row>78</xdr:row>
      <xdr:rowOff>86601</xdr:rowOff>
    </xdr:to>
    <xdr:sp macro="" textlink="">
      <xdr:nvSpPr>
        <xdr:cNvPr id="422" name="フローチャート: 判断 421">
          <a:extLst>
            <a:ext uri="{FF2B5EF4-FFF2-40B4-BE49-F238E27FC236}">
              <a16:creationId xmlns:a16="http://schemas.microsoft.com/office/drawing/2014/main" id="{00000000-0008-0000-0700-0000A6010000}"/>
            </a:ext>
          </a:extLst>
        </xdr:cNvPr>
        <xdr:cNvSpPr/>
      </xdr:nvSpPr>
      <xdr:spPr>
        <a:xfrm>
          <a:off x="6921500" y="13358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3128</xdr:rowOff>
    </xdr:from>
    <xdr:ext cx="534377"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05111" y="13133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5443</xdr:rowOff>
    </xdr:from>
    <xdr:to>
      <xdr:col>55</xdr:col>
      <xdr:colOff>50800</xdr:colOff>
      <xdr:row>77</xdr:row>
      <xdr:rowOff>5593</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10426700" y="13105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98320</xdr:rowOff>
    </xdr:from>
    <xdr:ext cx="534377" cy="259045"/>
    <xdr:sp macro="" textlink="">
      <xdr:nvSpPr>
        <xdr:cNvPr id="430" name="商工費該当値テキスト">
          <a:extLst>
            <a:ext uri="{FF2B5EF4-FFF2-40B4-BE49-F238E27FC236}">
              <a16:creationId xmlns:a16="http://schemas.microsoft.com/office/drawing/2014/main" id="{00000000-0008-0000-0700-0000AE010000}"/>
            </a:ext>
          </a:extLst>
        </xdr:cNvPr>
        <xdr:cNvSpPr txBox="1"/>
      </xdr:nvSpPr>
      <xdr:spPr>
        <a:xfrm>
          <a:off x="10528300" y="12957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37099</xdr:rowOff>
    </xdr:from>
    <xdr:to>
      <xdr:col>50</xdr:col>
      <xdr:colOff>165100</xdr:colOff>
      <xdr:row>76</xdr:row>
      <xdr:rowOff>138699</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9588500" y="13067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55226</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9372111" y="12842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4122</xdr:rowOff>
    </xdr:from>
    <xdr:to>
      <xdr:col>46</xdr:col>
      <xdr:colOff>38100</xdr:colOff>
      <xdr:row>78</xdr:row>
      <xdr:rowOff>155722</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8699500" y="13427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46849</xdr:rowOff>
    </xdr:from>
    <xdr:ext cx="534377"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8483111" y="13519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4280</xdr:rowOff>
    </xdr:from>
    <xdr:to>
      <xdr:col>41</xdr:col>
      <xdr:colOff>101600</xdr:colOff>
      <xdr:row>78</xdr:row>
      <xdr:rowOff>165880</xdr:rowOff>
    </xdr:to>
    <xdr:sp macro="" textlink="">
      <xdr:nvSpPr>
        <xdr:cNvPr id="435" name="楕円 434">
          <a:extLst>
            <a:ext uri="{FF2B5EF4-FFF2-40B4-BE49-F238E27FC236}">
              <a16:creationId xmlns:a16="http://schemas.microsoft.com/office/drawing/2014/main" id="{00000000-0008-0000-0700-0000B3010000}"/>
            </a:ext>
          </a:extLst>
        </xdr:cNvPr>
        <xdr:cNvSpPr/>
      </xdr:nvSpPr>
      <xdr:spPr>
        <a:xfrm>
          <a:off x="7810500" y="1343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57007</xdr:rowOff>
    </xdr:from>
    <xdr:ext cx="534377"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7594111" y="13530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4714</xdr:rowOff>
    </xdr:from>
    <xdr:to>
      <xdr:col>36</xdr:col>
      <xdr:colOff>165100</xdr:colOff>
      <xdr:row>78</xdr:row>
      <xdr:rowOff>166314</xdr:rowOff>
    </xdr:to>
    <xdr:sp macro="" textlink="">
      <xdr:nvSpPr>
        <xdr:cNvPr id="437" name="楕円 436">
          <a:extLst>
            <a:ext uri="{FF2B5EF4-FFF2-40B4-BE49-F238E27FC236}">
              <a16:creationId xmlns:a16="http://schemas.microsoft.com/office/drawing/2014/main" id="{00000000-0008-0000-0700-0000B5010000}"/>
            </a:ext>
          </a:extLst>
        </xdr:cNvPr>
        <xdr:cNvSpPr/>
      </xdr:nvSpPr>
      <xdr:spPr>
        <a:xfrm>
          <a:off x="6921500" y="13437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57441</xdr:rowOff>
    </xdr:from>
    <xdr:ext cx="534377"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705111" y="13530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土木費グラフ枠">
          <a:extLst>
            <a:ext uri="{FF2B5EF4-FFF2-40B4-BE49-F238E27FC236}">
              <a16:creationId xmlns:a16="http://schemas.microsoft.com/office/drawing/2014/main" id="{00000000-0008-0000-0700-0000C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2331</xdr:rowOff>
    </xdr:from>
    <xdr:to>
      <xdr:col>54</xdr:col>
      <xdr:colOff>189865</xdr:colOff>
      <xdr:row>97</xdr:row>
      <xdr:rowOff>138976</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flipV="1">
          <a:off x="10475595" y="15592831"/>
          <a:ext cx="1270" cy="1176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42803</xdr:rowOff>
    </xdr:from>
    <xdr:ext cx="534377" cy="259045"/>
    <xdr:sp macro="" textlink="">
      <xdr:nvSpPr>
        <xdr:cNvPr id="464" name="土木費最小値テキスト">
          <a:extLst>
            <a:ext uri="{FF2B5EF4-FFF2-40B4-BE49-F238E27FC236}">
              <a16:creationId xmlns:a16="http://schemas.microsoft.com/office/drawing/2014/main" id="{00000000-0008-0000-0700-0000D0010000}"/>
            </a:ext>
          </a:extLst>
        </xdr:cNvPr>
        <xdr:cNvSpPr txBox="1"/>
      </xdr:nvSpPr>
      <xdr:spPr>
        <a:xfrm>
          <a:off x="10528300" y="16773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38976</xdr:rowOff>
    </xdr:from>
    <xdr:to>
      <xdr:col>55</xdr:col>
      <xdr:colOff>88900</xdr:colOff>
      <xdr:row>97</xdr:row>
      <xdr:rowOff>138976</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10388600" y="16769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09008</xdr:rowOff>
    </xdr:from>
    <xdr:ext cx="534377" cy="259045"/>
    <xdr:sp macro="" textlink="">
      <xdr:nvSpPr>
        <xdr:cNvPr id="466" name="土木費最大値テキスト">
          <a:extLst>
            <a:ext uri="{FF2B5EF4-FFF2-40B4-BE49-F238E27FC236}">
              <a16:creationId xmlns:a16="http://schemas.microsoft.com/office/drawing/2014/main" id="{00000000-0008-0000-0700-0000D2010000}"/>
            </a:ext>
          </a:extLst>
        </xdr:cNvPr>
        <xdr:cNvSpPr txBox="1"/>
      </xdr:nvSpPr>
      <xdr:spPr>
        <a:xfrm>
          <a:off x="10528300" y="15368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8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62331</xdr:rowOff>
    </xdr:from>
    <xdr:to>
      <xdr:col>55</xdr:col>
      <xdr:colOff>88900</xdr:colOff>
      <xdr:row>90</xdr:row>
      <xdr:rowOff>162331</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55928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0</xdr:row>
      <xdr:rowOff>162331</xdr:rowOff>
    </xdr:from>
    <xdr:to>
      <xdr:col>55</xdr:col>
      <xdr:colOff>0</xdr:colOff>
      <xdr:row>94</xdr:row>
      <xdr:rowOff>3054</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9639300" y="15592831"/>
          <a:ext cx="838200" cy="526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74052</xdr:rowOff>
    </xdr:from>
    <xdr:ext cx="534377" cy="259045"/>
    <xdr:sp macro="" textlink="">
      <xdr:nvSpPr>
        <xdr:cNvPr id="469" name="土木費平均値テキスト">
          <a:extLst>
            <a:ext uri="{FF2B5EF4-FFF2-40B4-BE49-F238E27FC236}">
              <a16:creationId xmlns:a16="http://schemas.microsoft.com/office/drawing/2014/main" id="{00000000-0008-0000-0700-0000D5010000}"/>
            </a:ext>
          </a:extLst>
        </xdr:cNvPr>
        <xdr:cNvSpPr txBox="1"/>
      </xdr:nvSpPr>
      <xdr:spPr>
        <a:xfrm>
          <a:off x="10528300" y="160189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95625</xdr:rowOff>
    </xdr:from>
    <xdr:to>
      <xdr:col>55</xdr:col>
      <xdr:colOff>50800</xdr:colOff>
      <xdr:row>94</xdr:row>
      <xdr:rowOff>25775</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10426700" y="160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3054</xdr:rowOff>
    </xdr:from>
    <xdr:to>
      <xdr:col>50</xdr:col>
      <xdr:colOff>114300</xdr:colOff>
      <xdr:row>94</xdr:row>
      <xdr:rowOff>22352</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flipV="1">
          <a:off x="8750300" y="16119354"/>
          <a:ext cx="889000" cy="19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9483</xdr:rowOff>
    </xdr:from>
    <xdr:to>
      <xdr:col>50</xdr:col>
      <xdr:colOff>165100</xdr:colOff>
      <xdr:row>94</xdr:row>
      <xdr:rowOff>121083</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9588500" y="16135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12210</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9372111" y="16228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166255</xdr:rowOff>
    </xdr:from>
    <xdr:to>
      <xdr:col>45</xdr:col>
      <xdr:colOff>177800</xdr:colOff>
      <xdr:row>94</xdr:row>
      <xdr:rowOff>22352</xdr:rowOff>
    </xdr:to>
    <xdr:cxnSp macro="">
      <xdr:nvCxnSpPr>
        <xdr:cNvPr id="474" name="直線コネクタ 473">
          <a:extLst>
            <a:ext uri="{FF2B5EF4-FFF2-40B4-BE49-F238E27FC236}">
              <a16:creationId xmlns:a16="http://schemas.microsoft.com/office/drawing/2014/main" id="{00000000-0008-0000-0700-0000DA010000}"/>
            </a:ext>
          </a:extLst>
        </xdr:cNvPr>
        <xdr:cNvCxnSpPr/>
      </xdr:nvCxnSpPr>
      <xdr:spPr>
        <a:xfrm>
          <a:off x="7861300" y="16111105"/>
          <a:ext cx="889000" cy="27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38608</xdr:rowOff>
    </xdr:from>
    <xdr:to>
      <xdr:col>46</xdr:col>
      <xdr:colOff>38100</xdr:colOff>
      <xdr:row>94</xdr:row>
      <xdr:rowOff>140208</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8699500" y="16154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31335</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8483111" y="16247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165303</xdr:rowOff>
    </xdr:from>
    <xdr:to>
      <xdr:col>41</xdr:col>
      <xdr:colOff>50800</xdr:colOff>
      <xdr:row>93</xdr:row>
      <xdr:rowOff>166255</xdr:rowOff>
    </xdr:to>
    <xdr:cxnSp macro="">
      <xdr:nvCxnSpPr>
        <xdr:cNvPr id="477" name="直線コネクタ 476">
          <a:extLst>
            <a:ext uri="{FF2B5EF4-FFF2-40B4-BE49-F238E27FC236}">
              <a16:creationId xmlns:a16="http://schemas.microsoft.com/office/drawing/2014/main" id="{00000000-0008-0000-0700-0000DD010000}"/>
            </a:ext>
          </a:extLst>
        </xdr:cNvPr>
        <xdr:cNvCxnSpPr/>
      </xdr:nvCxnSpPr>
      <xdr:spPr>
        <a:xfrm>
          <a:off x="6972300" y="16110153"/>
          <a:ext cx="889000" cy="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31235</xdr:rowOff>
    </xdr:from>
    <xdr:to>
      <xdr:col>41</xdr:col>
      <xdr:colOff>101600</xdr:colOff>
      <xdr:row>94</xdr:row>
      <xdr:rowOff>132835</xdr:rowOff>
    </xdr:to>
    <xdr:sp macro="" textlink="">
      <xdr:nvSpPr>
        <xdr:cNvPr id="478" name="フローチャート: 判断 477">
          <a:extLst>
            <a:ext uri="{FF2B5EF4-FFF2-40B4-BE49-F238E27FC236}">
              <a16:creationId xmlns:a16="http://schemas.microsoft.com/office/drawing/2014/main" id="{00000000-0008-0000-0700-0000DE010000}"/>
            </a:ext>
          </a:extLst>
        </xdr:cNvPr>
        <xdr:cNvSpPr/>
      </xdr:nvSpPr>
      <xdr:spPr>
        <a:xfrm>
          <a:off x="7810500" y="16147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3962</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7594111" y="16240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28397</xdr:rowOff>
    </xdr:from>
    <xdr:to>
      <xdr:col>36</xdr:col>
      <xdr:colOff>165100</xdr:colOff>
      <xdr:row>94</xdr:row>
      <xdr:rowOff>129997</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6921500" y="16144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1124</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05111" y="16237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0</xdr:row>
      <xdr:rowOff>111531</xdr:rowOff>
    </xdr:from>
    <xdr:to>
      <xdr:col>55</xdr:col>
      <xdr:colOff>50800</xdr:colOff>
      <xdr:row>91</xdr:row>
      <xdr:rowOff>41681</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10426700" y="15542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0</xdr:row>
      <xdr:rowOff>64558</xdr:rowOff>
    </xdr:from>
    <xdr:ext cx="534377" cy="259045"/>
    <xdr:sp macro="" textlink="">
      <xdr:nvSpPr>
        <xdr:cNvPr id="488" name="土木費該当値テキスト">
          <a:extLst>
            <a:ext uri="{FF2B5EF4-FFF2-40B4-BE49-F238E27FC236}">
              <a16:creationId xmlns:a16="http://schemas.microsoft.com/office/drawing/2014/main" id="{00000000-0008-0000-0700-0000E8010000}"/>
            </a:ext>
          </a:extLst>
        </xdr:cNvPr>
        <xdr:cNvSpPr txBox="1"/>
      </xdr:nvSpPr>
      <xdr:spPr>
        <a:xfrm>
          <a:off x="10528300" y="15495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123704</xdr:rowOff>
    </xdr:from>
    <xdr:to>
      <xdr:col>50</xdr:col>
      <xdr:colOff>165100</xdr:colOff>
      <xdr:row>94</xdr:row>
      <xdr:rowOff>53854</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9588500" y="16068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70381</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9372111" y="15843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3</xdr:row>
      <xdr:rowOff>143002</xdr:rowOff>
    </xdr:from>
    <xdr:to>
      <xdr:col>46</xdr:col>
      <xdr:colOff>38100</xdr:colOff>
      <xdr:row>94</xdr:row>
      <xdr:rowOff>73152</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8699500" y="1608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89679</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8483111" y="15863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3</xdr:row>
      <xdr:rowOff>115455</xdr:rowOff>
    </xdr:from>
    <xdr:to>
      <xdr:col>41</xdr:col>
      <xdr:colOff>101600</xdr:colOff>
      <xdr:row>94</xdr:row>
      <xdr:rowOff>45605</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7810500" y="16060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62132</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7594111" y="15835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14503</xdr:rowOff>
    </xdr:from>
    <xdr:to>
      <xdr:col>36</xdr:col>
      <xdr:colOff>165100</xdr:colOff>
      <xdr:row>94</xdr:row>
      <xdr:rowOff>44653</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6921500" y="16059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61180</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6705111" y="15834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a:extLst>
            <a:ext uri="{FF2B5EF4-FFF2-40B4-BE49-F238E27FC236}">
              <a16:creationId xmlns:a16="http://schemas.microsoft.com/office/drawing/2014/main" id="{00000000-0008-0000-0700-00000A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8710</xdr:rowOff>
    </xdr:from>
    <xdr:to>
      <xdr:col>85</xdr:col>
      <xdr:colOff>126364</xdr:colOff>
      <xdr:row>38</xdr:row>
      <xdr:rowOff>169091</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6317595" y="5202210"/>
          <a:ext cx="1269" cy="14819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468</xdr:rowOff>
    </xdr:from>
    <xdr:ext cx="469744" cy="259045"/>
    <xdr:sp macro="" textlink="">
      <xdr:nvSpPr>
        <xdr:cNvPr id="524" name="消防費最小値テキスト">
          <a:extLst>
            <a:ext uri="{FF2B5EF4-FFF2-40B4-BE49-F238E27FC236}">
              <a16:creationId xmlns:a16="http://schemas.microsoft.com/office/drawing/2014/main" id="{00000000-0008-0000-0700-00000C020000}"/>
            </a:ext>
          </a:extLst>
        </xdr:cNvPr>
        <xdr:cNvSpPr txBox="1"/>
      </xdr:nvSpPr>
      <xdr:spPr>
        <a:xfrm>
          <a:off x="16370300" y="6688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9091</xdr:rowOff>
    </xdr:from>
    <xdr:to>
      <xdr:col>86</xdr:col>
      <xdr:colOff>25400</xdr:colOff>
      <xdr:row>38</xdr:row>
      <xdr:rowOff>169091</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a:off x="16230600" y="66841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387</xdr:rowOff>
    </xdr:from>
    <xdr:ext cx="534377" cy="259045"/>
    <xdr:sp macro="" textlink="">
      <xdr:nvSpPr>
        <xdr:cNvPr id="526" name="消防費最大値テキスト">
          <a:extLst>
            <a:ext uri="{FF2B5EF4-FFF2-40B4-BE49-F238E27FC236}">
              <a16:creationId xmlns:a16="http://schemas.microsoft.com/office/drawing/2014/main" id="{00000000-0008-0000-0700-00000E020000}"/>
            </a:ext>
          </a:extLst>
        </xdr:cNvPr>
        <xdr:cNvSpPr txBox="1"/>
      </xdr:nvSpPr>
      <xdr:spPr>
        <a:xfrm>
          <a:off x="16370300" y="4977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69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58710</xdr:rowOff>
    </xdr:from>
    <xdr:to>
      <xdr:col>86</xdr:col>
      <xdr:colOff>25400</xdr:colOff>
      <xdr:row>30</xdr:row>
      <xdr:rowOff>58710</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6230600" y="5202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69650</xdr:rowOff>
    </xdr:from>
    <xdr:to>
      <xdr:col>85</xdr:col>
      <xdr:colOff>127000</xdr:colOff>
      <xdr:row>36</xdr:row>
      <xdr:rowOff>70140</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5481300" y="6241850"/>
          <a:ext cx="8382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22296</xdr:rowOff>
    </xdr:from>
    <xdr:ext cx="534377" cy="259045"/>
    <xdr:sp macro="" textlink="">
      <xdr:nvSpPr>
        <xdr:cNvPr id="529" name="消防費平均値テキスト">
          <a:extLst>
            <a:ext uri="{FF2B5EF4-FFF2-40B4-BE49-F238E27FC236}">
              <a16:creationId xmlns:a16="http://schemas.microsoft.com/office/drawing/2014/main" id="{00000000-0008-0000-0700-000011020000}"/>
            </a:ext>
          </a:extLst>
        </xdr:cNvPr>
        <xdr:cNvSpPr txBox="1"/>
      </xdr:nvSpPr>
      <xdr:spPr>
        <a:xfrm>
          <a:off x="16370300" y="58515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70869</xdr:rowOff>
    </xdr:from>
    <xdr:to>
      <xdr:col>85</xdr:col>
      <xdr:colOff>177800</xdr:colOff>
      <xdr:row>35</xdr:row>
      <xdr:rowOff>101019</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6268700" y="600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64589</xdr:rowOff>
    </xdr:from>
    <xdr:to>
      <xdr:col>81</xdr:col>
      <xdr:colOff>50800</xdr:colOff>
      <xdr:row>36</xdr:row>
      <xdr:rowOff>70140</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a:off x="14592300" y="6065339"/>
          <a:ext cx="889000" cy="177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29137</xdr:rowOff>
    </xdr:from>
    <xdr:to>
      <xdr:col>81</xdr:col>
      <xdr:colOff>101600</xdr:colOff>
      <xdr:row>35</xdr:row>
      <xdr:rowOff>130737</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5430500" y="602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47264</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14111" y="5805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64589</xdr:rowOff>
    </xdr:from>
    <xdr:to>
      <xdr:col>76</xdr:col>
      <xdr:colOff>114300</xdr:colOff>
      <xdr:row>36</xdr:row>
      <xdr:rowOff>122555</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flipV="1">
          <a:off x="13703300" y="6065339"/>
          <a:ext cx="889000" cy="229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05555</xdr:rowOff>
    </xdr:from>
    <xdr:to>
      <xdr:col>76</xdr:col>
      <xdr:colOff>165100</xdr:colOff>
      <xdr:row>35</xdr:row>
      <xdr:rowOff>35705</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4541500" y="593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52232</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4325111" y="5710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22555</xdr:rowOff>
    </xdr:from>
    <xdr:to>
      <xdr:col>71</xdr:col>
      <xdr:colOff>177800</xdr:colOff>
      <xdr:row>36</xdr:row>
      <xdr:rowOff>145905</xdr:rowOff>
    </xdr:to>
    <xdr:cxnSp macro="">
      <xdr:nvCxnSpPr>
        <xdr:cNvPr id="537" name="直線コネクタ 536">
          <a:extLst>
            <a:ext uri="{FF2B5EF4-FFF2-40B4-BE49-F238E27FC236}">
              <a16:creationId xmlns:a16="http://schemas.microsoft.com/office/drawing/2014/main" id="{00000000-0008-0000-0700-000019020000}"/>
            </a:ext>
          </a:extLst>
        </xdr:cNvPr>
        <xdr:cNvCxnSpPr/>
      </xdr:nvCxnSpPr>
      <xdr:spPr>
        <a:xfrm flipV="1">
          <a:off x="12814300" y="6294755"/>
          <a:ext cx="889000" cy="2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48895</xdr:rowOff>
    </xdr:from>
    <xdr:to>
      <xdr:col>72</xdr:col>
      <xdr:colOff>38100</xdr:colOff>
      <xdr:row>35</xdr:row>
      <xdr:rowOff>150495</xdr:rowOff>
    </xdr:to>
    <xdr:sp macro="" textlink="">
      <xdr:nvSpPr>
        <xdr:cNvPr id="538" name="フローチャート: 判断 537">
          <a:extLst>
            <a:ext uri="{FF2B5EF4-FFF2-40B4-BE49-F238E27FC236}">
              <a16:creationId xmlns:a16="http://schemas.microsoft.com/office/drawing/2014/main" id="{00000000-0008-0000-0700-00001A020000}"/>
            </a:ext>
          </a:extLst>
        </xdr:cNvPr>
        <xdr:cNvSpPr/>
      </xdr:nvSpPr>
      <xdr:spPr>
        <a:xfrm>
          <a:off x="13652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67022</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436111" y="5824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33710</xdr:rowOff>
    </xdr:from>
    <xdr:to>
      <xdr:col>67</xdr:col>
      <xdr:colOff>101600</xdr:colOff>
      <xdr:row>35</xdr:row>
      <xdr:rowOff>135310</xdr:rowOff>
    </xdr:to>
    <xdr:sp macro="" textlink="">
      <xdr:nvSpPr>
        <xdr:cNvPr id="540" name="フローチャート: 判断 539">
          <a:extLst>
            <a:ext uri="{FF2B5EF4-FFF2-40B4-BE49-F238E27FC236}">
              <a16:creationId xmlns:a16="http://schemas.microsoft.com/office/drawing/2014/main" id="{00000000-0008-0000-0700-00001C020000}"/>
            </a:ext>
          </a:extLst>
        </xdr:cNvPr>
        <xdr:cNvSpPr/>
      </xdr:nvSpPr>
      <xdr:spPr>
        <a:xfrm>
          <a:off x="12763500" y="603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51837</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547111" y="5809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8850</xdr:rowOff>
    </xdr:from>
    <xdr:to>
      <xdr:col>85</xdr:col>
      <xdr:colOff>177800</xdr:colOff>
      <xdr:row>36</xdr:row>
      <xdr:rowOff>120450</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6268700" y="6191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68727</xdr:rowOff>
    </xdr:from>
    <xdr:ext cx="534377" cy="259045"/>
    <xdr:sp macro="" textlink="">
      <xdr:nvSpPr>
        <xdr:cNvPr id="548" name="消防費該当値テキスト">
          <a:extLst>
            <a:ext uri="{FF2B5EF4-FFF2-40B4-BE49-F238E27FC236}">
              <a16:creationId xmlns:a16="http://schemas.microsoft.com/office/drawing/2014/main" id="{00000000-0008-0000-0700-000024020000}"/>
            </a:ext>
          </a:extLst>
        </xdr:cNvPr>
        <xdr:cNvSpPr txBox="1"/>
      </xdr:nvSpPr>
      <xdr:spPr>
        <a:xfrm>
          <a:off x="16370300" y="6169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9340</xdr:rowOff>
    </xdr:from>
    <xdr:to>
      <xdr:col>81</xdr:col>
      <xdr:colOff>101600</xdr:colOff>
      <xdr:row>36</xdr:row>
      <xdr:rowOff>120940</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5430500" y="6191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12067</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5214111" y="6284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3789</xdr:rowOff>
    </xdr:from>
    <xdr:to>
      <xdr:col>76</xdr:col>
      <xdr:colOff>165100</xdr:colOff>
      <xdr:row>35</xdr:row>
      <xdr:rowOff>115389</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4541500" y="6014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06516</xdr:rowOff>
    </xdr:from>
    <xdr:ext cx="534377"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4325111" y="6107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1755</xdr:rowOff>
    </xdr:from>
    <xdr:to>
      <xdr:col>72</xdr:col>
      <xdr:colOff>38100</xdr:colOff>
      <xdr:row>37</xdr:row>
      <xdr:rowOff>1905</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3652500" y="6243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64482</xdr:rowOff>
    </xdr:from>
    <xdr:ext cx="534377"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3436111" y="6336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5105</xdr:rowOff>
    </xdr:from>
    <xdr:to>
      <xdr:col>67</xdr:col>
      <xdr:colOff>101600</xdr:colOff>
      <xdr:row>37</xdr:row>
      <xdr:rowOff>25255</xdr:rowOff>
    </xdr:to>
    <xdr:sp macro="" textlink="">
      <xdr:nvSpPr>
        <xdr:cNvPr id="555" name="楕円 554">
          <a:extLst>
            <a:ext uri="{FF2B5EF4-FFF2-40B4-BE49-F238E27FC236}">
              <a16:creationId xmlns:a16="http://schemas.microsoft.com/office/drawing/2014/main" id="{00000000-0008-0000-0700-00002B020000}"/>
            </a:ext>
          </a:extLst>
        </xdr:cNvPr>
        <xdr:cNvSpPr/>
      </xdr:nvSpPr>
      <xdr:spPr>
        <a:xfrm>
          <a:off x="12763500" y="626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6382</xdr:rowOff>
    </xdr:from>
    <xdr:ext cx="534377"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547111" y="6360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0" name="教育費グラフ枠">
          <a:extLst>
            <a:ext uri="{FF2B5EF4-FFF2-40B4-BE49-F238E27FC236}">
              <a16:creationId xmlns:a16="http://schemas.microsoft.com/office/drawing/2014/main" id="{00000000-0008-0000-0700-00004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14783</xdr:rowOff>
    </xdr:from>
    <xdr:to>
      <xdr:col>85</xdr:col>
      <xdr:colOff>126364</xdr:colOff>
      <xdr:row>59</xdr:row>
      <xdr:rowOff>115963</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6317595" y="8687283"/>
          <a:ext cx="1269" cy="1544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19790</xdr:rowOff>
    </xdr:from>
    <xdr:ext cx="534377" cy="259045"/>
    <xdr:sp macro="" textlink="">
      <xdr:nvSpPr>
        <xdr:cNvPr id="582" name="教育費最小値テキスト">
          <a:extLst>
            <a:ext uri="{FF2B5EF4-FFF2-40B4-BE49-F238E27FC236}">
              <a16:creationId xmlns:a16="http://schemas.microsoft.com/office/drawing/2014/main" id="{00000000-0008-0000-0700-000046020000}"/>
            </a:ext>
          </a:extLst>
        </xdr:cNvPr>
        <xdr:cNvSpPr txBox="1"/>
      </xdr:nvSpPr>
      <xdr:spPr>
        <a:xfrm>
          <a:off x="16370300" y="1023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15963</xdr:rowOff>
    </xdr:from>
    <xdr:to>
      <xdr:col>86</xdr:col>
      <xdr:colOff>25400</xdr:colOff>
      <xdr:row>59</xdr:row>
      <xdr:rowOff>115963</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a:off x="16230600" y="1023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61460</xdr:rowOff>
    </xdr:from>
    <xdr:ext cx="599010" cy="259045"/>
    <xdr:sp macro="" textlink="">
      <xdr:nvSpPr>
        <xdr:cNvPr id="584" name="教育費最大値テキスト">
          <a:extLst>
            <a:ext uri="{FF2B5EF4-FFF2-40B4-BE49-F238E27FC236}">
              <a16:creationId xmlns:a16="http://schemas.microsoft.com/office/drawing/2014/main" id="{00000000-0008-0000-0700-000048020000}"/>
            </a:ext>
          </a:extLst>
        </xdr:cNvPr>
        <xdr:cNvSpPr txBox="1"/>
      </xdr:nvSpPr>
      <xdr:spPr>
        <a:xfrm>
          <a:off x="16370300" y="8462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6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14783</xdr:rowOff>
    </xdr:from>
    <xdr:to>
      <xdr:col>86</xdr:col>
      <xdr:colOff>25400</xdr:colOff>
      <xdr:row>50</xdr:row>
      <xdr:rowOff>114783</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6230600" y="8687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28791</xdr:rowOff>
    </xdr:from>
    <xdr:to>
      <xdr:col>85</xdr:col>
      <xdr:colOff>127000</xdr:colOff>
      <xdr:row>55</xdr:row>
      <xdr:rowOff>155969</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a:off x="15481300" y="9458541"/>
          <a:ext cx="838200" cy="127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32808</xdr:rowOff>
    </xdr:from>
    <xdr:ext cx="534377" cy="259045"/>
    <xdr:sp macro="" textlink="">
      <xdr:nvSpPr>
        <xdr:cNvPr id="587" name="教育費平均値テキスト">
          <a:extLst>
            <a:ext uri="{FF2B5EF4-FFF2-40B4-BE49-F238E27FC236}">
              <a16:creationId xmlns:a16="http://schemas.microsoft.com/office/drawing/2014/main" id="{00000000-0008-0000-0700-00004B020000}"/>
            </a:ext>
          </a:extLst>
        </xdr:cNvPr>
        <xdr:cNvSpPr txBox="1"/>
      </xdr:nvSpPr>
      <xdr:spPr>
        <a:xfrm>
          <a:off x="16370300" y="92196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09931</xdr:rowOff>
    </xdr:from>
    <xdr:to>
      <xdr:col>85</xdr:col>
      <xdr:colOff>177800</xdr:colOff>
      <xdr:row>55</xdr:row>
      <xdr:rowOff>40081</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6268700" y="936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28791</xdr:rowOff>
    </xdr:from>
    <xdr:to>
      <xdr:col>81</xdr:col>
      <xdr:colOff>50800</xdr:colOff>
      <xdr:row>56</xdr:row>
      <xdr:rowOff>162675</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flipV="1">
          <a:off x="14592300" y="9458541"/>
          <a:ext cx="889000" cy="30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30835</xdr:rowOff>
    </xdr:from>
    <xdr:to>
      <xdr:col>81</xdr:col>
      <xdr:colOff>101600</xdr:colOff>
      <xdr:row>54</xdr:row>
      <xdr:rowOff>132435</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5430500" y="9289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148962</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5214111" y="906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62675</xdr:rowOff>
    </xdr:from>
    <xdr:to>
      <xdr:col>76</xdr:col>
      <xdr:colOff>114300</xdr:colOff>
      <xdr:row>57</xdr:row>
      <xdr:rowOff>5855</xdr:rowOff>
    </xdr:to>
    <xdr:cxnSp macro="">
      <xdr:nvCxnSpPr>
        <xdr:cNvPr id="592" name="直線コネクタ 591">
          <a:extLst>
            <a:ext uri="{FF2B5EF4-FFF2-40B4-BE49-F238E27FC236}">
              <a16:creationId xmlns:a16="http://schemas.microsoft.com/office/drawing/2014/main" id="{00000000-0008-0000-0700-000050020000}"/>
            </a:ext>
          </a:extLst>
        </xdr:cNvPr>
        <xdr:cNvCxnSpPr/>
      </xdr:nvCxnSpPr>
      <xdr:spPr>
        <a:xfrm flipV="1">
          <a:off x="13703300" y="9763875"/>
          <a:ext cx="889000" cy="1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73889</xdr:rowOff>
    </xdr:from>
    <xdr:to>
      <xdr:col>76</xdr:col>
      <xdr:colOff>165100</xdr:colOff>
      <xdr:row>56</xdr:row>
      <xdr:rowOff>4039</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4541500" y="9503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20566</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4325111" y="9278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5855</xdr:rowOff>
    </xdr:from>
    <xdr:to>
      <xdr:col>71</xdr:col>
      <xdr:colOff>177800</xdr:colOff>
      <xdr:row>57</xdr:row>
      <xdr:rowOff>116307</xdr:rowOff>
    </xdr:to>
    <xdr:cxnSp macro="">
      <xdr:nvCxnSpPr>
        <xdr:cNvPr id="595" name="直線コネクタ 594">
          <a:extLst>
            <a:ext uri="{FF2B5EF4-FFF2-40B4-BE49-F238E27FC236}">
              <a16:creationId xmlns:a16="http://schemas.microsoft.com/office/drawing/2014/main" id="{00000000-0008-0000-0700-000053020000}"/>
            </a:ext>
          </a:extLst>
        </xdr:cNvPr>
        <xdr:cNvCxnSpPr/>
      </xdr:nvCxnSpPr>
      <xdr:spPr>
        <a:xfrm flipV="1">
          <a:off x="12814300" y="9778505"/>
          <a:ext cx="889000" cy="11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3157</xdr:rowOff>
    </xdr:from>
    <xdr:to>
      <xdr:col>72</xdr:col>
      <xdr:colOff>38100</xdr:colOff>
      <xdr:row>56</xdr:row>
      <xdr:rowOff>114757</xdr:rowOff>
    </xdr:to>
    <xdr:sp macro="" textlink="">
      <xdr:nvSpPr>
        <xdr:cNvPr id="596" name="フローチャート: 判断 595">
          <a:extLst>
            <a:ext uri="{FF2B5EF4-FFF2-40B4-BE49-F238E27FC236}">
              <a16:creationId xmlns:a16="http://schemas.microsoft.com/office/drawing/2014/main" id="{00000000-0008-0000-0700-000054020000}"/>
            </a:ext>
          </a:extLst>
        </xdr:cNvPr>
        <xdr:cNvSpPr/>
      </xdr:nvSpPr>
      <xdr:spPr>
        <a:xfrm>
          <a:off x="13652500" y="961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31284</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3436111" y="938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3175</xdr:rowOff>
    </xdr:from>
    <xdr:to>
      <xdr:col>67</xdr:col>
      <xdr:colOff>101600</xdr:colOff>
      <xdr:row>56</xdr:row>
      <xdr:rowOff>104775</xdr:rowOff>
    </xdr:to>
    <xdr:sp macro="" textlink="">
      <xdr:nvSpPr>
        <xdr:cNvPr id="598" name="フローチャート: 判断 597">
          <a:extLst>
            <a:ext uri="{FF2B5EF4-FFF2-40B4-BE49-F238E27FC236}">
              <a16:creationId xmlns:a16="http://schemas.microsoft.com/office/drawing/2014/main" id="{00000000-0008-0000-0700-000056020000}"/>
            </a:ext>
          </a:extLst>
        </xdr:cNvPr>
        <xdr:cNvSpPr/>
      </xdr:nvSpPr>
      <xdr:spPr>
        <a:xfrm>
          <a:off x="12763500" y="960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21302</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2547111" y="9379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05169</xdr:rowOff>
    </xdr:from>
    <xdr:to>
      <xdr:col>85</xdr:col>
      <xdr:colOff>177800</xdr:colOff>
      <xdr:row>56</xdr:row>
      <xdr:rowOff>35319</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6268700" y="9534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83596</xdr:rowOff>
    </xdr:from>
    <xdr:ext cx="534377" cy="259045"/>
    <xdr:sp macro="" textlink="">
      <xdr:nvSpPr>
        <xdr:cNvPr id="606" name="教育費該当値テキスト">
          <a:extLst>
            <a:ext uri="{FF2B5EF4-FFF2-40B4-BE49-F238E27FC236}">
              <a16:creationId xmlns:a16="http://schemas.microsoft.com/office/drawing/2014/main" id="{00000000-0008-0000-0700-00005E020000}"/>
            </a:ext>
          </a:extLst>
        </xdr:cNvPr>
        <xdr:cNvSpPr txBox="1"/>
      </xdr:nvSpPr>
      <xdr:spPr>
        <a:xfrm>
          <a:off x="16370300" y="9513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149441</xdr:rowOff>
    </xdr:from>
    <xdr:to>
      <xdr:col>81</xdr:col>
      <xdr:colOff>101600</xdr:colOff>
      <xdr:row>55</xdr:row>
      <xdr:rowOff>79591</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5430500" y="9407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70718</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5214111" y="9500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11875</xdr:rowOff>
    </xdr:from>
    <xdr:to>
      <xdr:col>76</xdr:col>
      <xdr:colOff>165100</xdr:colOff>
      <xdr:row>57</xdr:row>
      <xdr:rowOff>42025</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4541500" y="9713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33152</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4325111" y="9805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26505</xdr:rowOff>
    </xdr:from>
    <xdr:to>
      <xdr:col>72</xdr:col>
      <xdr:colOff>38100</xdr:colOff>
      <xdr:row>57</xdr:row>
      <xdr:rowOff>56655</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3652500" y="9727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47782</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3436111" y="9820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65507</xdr:rowOff>
    </xdr:from>
    <xdr:to>
      <xdr:col>67</xdr:col>
      <xdr:colOff>101600</xdr:colOff>
      <xdr:row>57</xdr:row>
      <xdr:rowOff>167107</xdr:rowOff>
    </xdr:to>
    <xdr:sp macro="" textlink="">
      <xdr:nvSpPr>
        <xdr:cNvPr id="613" name="楕円 612">
          <a:extLst>
            <a:ext uri="{FF2B5EF4-FFF2-40B4-BE49-F238E27FC236}">
              <a16:creationId xmlns:a16="http://schemas.microsoft.com/office/drawing/2014/main" id="{00000000-0008-0000-0700-000065020000}"/>
            </a:ext>
          </a:extLst>
        </xdr:cNvPr>
        <xdr:cNvSpPr/>
      </xdr:nvSpPr>
      <xdr:spPr>
        <a:xfrm>
          <a:off x="12763500" y="983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58234</xdr:rowOff>
    </xdr:from>
    <xdr:ext cx="534377"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547111" y="9930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2" name="正方形/長方形 621">
          <a:extLst>
            <a:ext uri="{FF2B5EF4-FFF2-40B4-BE49-F238E27FC236}">
              <a16:creationId xmlns:a16="http://schemas.microsoft.com/office/drawing/2014/main" id="{00000000-0008-0000-0700-00006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5" name="災害復旧費グラフ枠">
          <a:extLst>
            <a:ext uri="{FF2B5EF4-FFF2-40B4-BE49-F238E27FC236}">
              <a16:creationId xmlns:a16="http://schemas.microsoft.com/office/drawing/2014/main" id="{00000000-0008-0000-0700-00007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6499</xdr:rowOff>
    </xdr:from>
    <xdr:to>
      <xdr:col>85</xdr:col>
      <xdr:colOff>126364</xdr:colOff>
      <xdr:row>78</xdr:row>
      <xdr:rowOff>13970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flipV="1">
          <a:off x="16317595" y="12137999"/>
          <a:ext cx="1269" cy="1374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7" name="災害復旧費最小値テキスト">
          <a:extLst>
            <a:ext uri="{FF2B5EF4-FFF2-40B4-BE49-F238E27FC236}">
              <a16:creationId xmlns:a16="http://schemas.microsoft.com/office/drawing/2014/main" id="{00000000-0008-0000-0700-00007D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3176</xdr:rowOff>
    </xdr:from>
    <xdr:ext cx="469744" cy="259045"/>
    <xdr:sp macro="" textlink="">
      <xdr:nvSpPr>
        <xdr:cNvPr id="639" name="災害復旧費最大値テキスト">
          <a:extLst>
            <a:ext uri="{FF2B5EF4-FFF2-40B4-BE49-F238E27FC236}">
              <a16:creationId xmlns:a16="http://schemas.microsoft.com/office/drawing/2014/main" id="{00000000-0008-0000-0700-00007F020000}"/>
            </a:ext>
          </a:extLst>
        </xdr:cNvPr>
        <xdr:cNvSpPr txBox="1"/>
      </xdr:nvSpPr>
      <xdr:spPr>
        <a:xfrm>
          <a:off x="16370300" y="11913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1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6499</xdr:rowOff>
    </xdr:from>
    <xdr:to>
      <xdr:col>86</xdr:col>
      <xdr:colOff>25400</xdr:colOff>
      <xdr:row>70</xdr:row>
      <xdr:rowOff>136499</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6230600" y="12137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55804</xdr:rowOff>
    </xdr:from>
    <xdr:to>
      <xdr:col>85</xdr:col>
      <xdr:colOff>127000</xdr:colOff>
      <xdr:row>78</xdr:row>
      <xdr:rowOff>139700</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5481300" y="13428904"/>
          <a:ext cx="838200" cy="83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69257</xdr:rowOff>
    </xdr:from>
    <xdr:ext cx="378565" cy="259045"/>
    <xdr:sp macro="" textlink="">
      <xdr:nvSpPr>
        <xdr:cNvPr id="642" name="災害復旧費平均値テキスト">
          <a:extLst>
            <a:ext uri="{FF2B5EF4-FFF2-40B4-BE49-F238E27FC236}">
              <a16:creationId xmlns:a16="http://schemas.microsoft.com/office/drawing/2014/main" id="{00000000-0008-0000-0700-000082020000}"/>
            </a:ext>
          </a:extLst>
        </xdr:cNvPr>
        <xdr:cNvSpPr txBox="1"/>
      </xdr:nvSpPr>
      <xdr:spPr>
        <a:xfrm>
          <a:off x="16370300" y="1309945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6380</xdr:rowOff>
    </xdr:from>
    <xdr:to>
      <xdr:col>85</xdr:col>
      <xdr:colOff>177800</xdr:colOff>
      <xdr:row>77</xdr:row>
      <xdr:rowOff>147980</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6268700" y="13248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55804</xdr:rowOff>
    </xdr:from>
    <xdr:to>
      <xdr:col>81</xdr:col>
      <xdr:colOff>50800</xdr:colOff>
      <xdr:row>78</xdr:row>
      <xdr:rowOff>139700</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flipV="1">
          <a:off x="14592300" y="13428904"/>
          <a:ext cx="889000" cy="83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25248</xdr:rowOff>
    </xdr:from>
    <xdr:to>
      <xdr:col>81</xdr:col>
      <xdr:colOff>101600</xdr:colOff>
      <xdr:row>77</xdr:row>
      <xdr:rowOff>55398</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5430500" y="13155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5</xdr:row>
      <xdr:rowOff>71924</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46428" y="12930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0267</xdr:rowOff>
    </xdr:from>
    <xdr:to>
      <xdr:col>76</xdr:col>
      <xdr:colOff>165100</xdr:colOff>
      <xdr:row>76</xdr:row>
      <xdr:rowOff>151867</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4541500" y="13080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4</xdr:row>
      <xdr:rowOff>168394</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357428" y="12855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00788</xdr:rowOff>
    </xdr:from>
    <xdr:to>
      <xdr:col>72</xdr:col>
      <xdr:colOff>38100</xdr:colOff>
      <xdr:row>77</xdr:row>
      <xdr:rowOff>30938</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3652500" y="1313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47464</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468428" y="12906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4498</xdr:rowOff>
    </xdr:from>
    <xdr:to>
      <xdr:col>67</xdr:col>
      <xdr:colOff>101600</xdr:colOff>
      <xdr:row>78</xdr:row>
      <xdr:rowOff>4648</xdr:rowOff>
    </xdr:to>
    <xdr:sp macro="" textlink="">
      <xdr:nvSpPr>
        <xdr:cNvPr id="653" name="フローチャート: 判断 652">
          <a:extLst>
            <a:ext uri="{FF2B5EF4-FFF2-40B4-BE49-F238E27FC236}">
              <a16:creationId xmlns:a16="http://schemas.microsoft.com/office/drawing/2014/main" id="{00000000-0008-0000-0700-00008D020000}"/>
            </a:ext>
          </a:extLst>
        </xdr:cNvPr>
        <xdr:cNvSpPr/>
      </xdr:nvSpPr>
      <xdr:spPr>
        <a:xfrm>
          <a:off x="12763500" y="132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21175</xdr:rowOff>
    </xdr:from>
    <xdr:ext cx="378565"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25017" y="13051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827</xdr:rowOff>
    </xdr:from>
    <xdr:ext cx="249299" cy="259045"/>
    <xdr:sp macro="" textlink="">
      <xdr:nvSpPr>
        <xdr:cNvPr id="661" name="災害復旧費該当値テキスト">
          <a:extLst>
            <a:ext uri="{FF2B5EF4-FFF2-40B4-BE49-F238E27FC236}">
              <a16:creationId xmlns:a16="http://schemas.microsoft.com/office/drawing/2014/main" id="{00000000-0008-0000-0700-000095020000}"/>
            </a:ext>
          </a:extLst>
        </xdr:cNvPr>
        <xdr:cNvSpPr txBox="1"/>
      </xdr:nvSpPr>
      <xdr:spPr>
        <a:xfrm>
          <a:off x="16370300" y="13376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004</xdr:rowOff>
    </xdr:from>
    <xdr:to>
      <xdr:col>81</xdr:col>
      <xdr:colOff>101600</xdr:colOff>
      <xdr:row>78</xdr:row>
      <xdr:rowOff>106604</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5430500" y="13378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97731</xdr:rowOff>
    </xdr:from>
    <xdr:ext cx="378565"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5292017" y="134708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44450</xdr:rowOff>
    </xdr:from>
    <xdr:to>
      <xdr:col>89</xdr:col>
      <xdr:colOff>177800</xdr:colOff>
      <xdr:row>99</xdr:row>
      <xdr:rowOff>4445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7367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3" name="公債費グラフ枠">
          <a:extLst>
            <a:ext uri="{FF2B5EF4-FFF2-40B4-BE49-F238E27FC236}">
              <a16:creationId xmlns:a16="http://schemas.microsoft.com/office/drawing/2014/main" id="{00000000-0008-0000-0700-0000B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8702</xdr:rowOff>
    </xdr:from>
    <xdr:to>
      <xdr:col>85</xdr:col>
      <xdr:colOff>126364</xdr:colOff>
      <xdr:row>99</xdr:row>
      <xdr:rowOff>119050</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flipV="1">
          <a:off x="16317595" y="15680652"/>
          <a:ext cx="1269" cy="1411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22877</xdr:rowOff>
    </xdr:from>
    <xdr:ext cx="534377" cy="259045"/>
    <xdr:sp macro="" textlink="">
      <xdr:nvSpPr>
        <xdr:cNvPr id="695" name="公債費最小値テキスト">
          <a:extLst>
            <a:ext uri="{FF2B5EF4-FFF2-40B4-BE49-F238E27FC236}">
              <a16:creationId xmlns:a16="http://schemas.microsoft.com/office/drawing/2014/main" id="{00000000-0008-0000-0700-0000B7020000}"/>
            </a:ext>
          </a:extLst>
        </xdr:cNvPr>
        <xdr:cNvSpPr txBox="1"/>
      </xdr:nvSpPr>
      <xdr:spPr>
        <a:xfrm>
          <a:off x="16370300" y="17096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9050</xdr:rowOff>
    </xdr:from>
    <xdr:to>
      <xdr:col>86</xdr:col>
      <xdr:colOff>25400</xdr:colOff>
      <xdr:row>99</xdr:row>
      <xdr:rowOff>119050</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6230600" y="1709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5379</xdr:rowOff>
    </xdr:from>
    <xdr:ext cx="534377" cy="259045"/>
    <xdr:sp macro="" textlink="">
      <xdr:nvSpPr>
        <xdr:cNvPr id="697" name="公債費最大値テキスト">
          <a:extLst>
            <a:ext uri="{FF2B5EF4-FFF2-40B4-BE49-F238E27FC236}">
              <a16:creationId xmlns:a16="http://schemas.microsoft.com/office/drawing/2014/main" id="{00000000-0008-0000-0700-0000B9020000}"/>
            </a:ext>
          </a:extLst>
        </xdr:cNvPr>
        <xdr:cNvSpPr txBox="1"/>
      </xdr:nvSpPr>
      <xdr:spPr>
        <a:xfrm>
          <a:off x="16370300" y="15455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1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8702</xdr:rowOff>
    </xdr:from>
    <xdr:to>
      <xdr:col>86</xdr:col>
      <xdr:colOff>25400</xdr:colOff>
      <xdr:row>91</xdr:row>
      <xdr:rowOff>78702</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6230600" y="15680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55804</xdr:rowOff>
    </xdr:from>
    <xdr:to>
      <xdr:col>85</xdr:col>
      <xdr:colOff>127000</xdr:colOff>
      <xdr:row>96</xdr:row>
      <xdr:rowOff>107505</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a:off x="15481300" y="16515004"/>
          <a:ext cx="838200" cy="51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1383</xdr:rowOff>
    </xdr:from>
    <xdr:ext cx="534377" cy="259045"/>
    <xdr:sp macro="" textlink="">
      <xdr:nvSpPr>
        <xdr:cNvPr id="700" name="公債費平均値テキスト">
          <a:extLst>
            <a:ext uri="{FF2B5EF4-FFF2-40B4-BE49-F238E27FC236}">
              <a16:creationId xmlns:a16="http://schemas.microsoft.com/office/drawing/2014/main" id="{00000000-0008-0000-0700-0000BC020000}"/>
            </a:ext>
          </a:extLst>
        </xdr:cNvPr>
        <xdr:cNvSpPr txBox="1"/>
      </xdr:nvSpPr>
      <xdr:spPr>
        <a:xfrm>
          <a:off x="16370300" y="161276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59956</xdr:rowOff>
    </xdr:from>
    <xdr:to>
      <xdr:col>85</xdr:col>
      <xdr:colOff>177800</xdr:colOff>
      <xdr:row>95</xdr:row>
      <xdr:rowOff>90106</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6268700" y="16276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54966</xdr:rowOff>
    </xdr:from>
    <xdr:to>
      <xdr:col>81</xdr:col>
      <xdr:colOff>50800</xdr:colOff>
      <xdr:row>96</xdr:row>
      <xdr:rowOff>55804</xdr:rowOff>
    </xdr:to>
    <xdr:cxnSp macro="">
      <xdr:nvCxnSpPr>
        <xdr:cNvPr id="702" name="直線コネクタ 701">
          <a:extLst>
            <a:ext uri="{FF2B5EF4-FFF2-40B4-BE49-F238E27FC236}">
              <a16:creationId xmlns:a16="http://schemas.microsoft.com/office/drawing/2014/main" id="{00000000-0008-0000-0700-0000BE020000}"/>
            </a:ext>
          </a:extLst>
        </xdr:cNvPr>
        <xdr:cNvCxnSpPr/>
      </xdr:nvCxnSpPr>
      <xdr:spPr>
        <a:xfrm>
          <a:off x="14592300" y="16514166"/>
          <a:ext cx="889000" cy="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80556</xdr:rowOff>
    </xdr:from>
    <xdr:to>
      <xdr:col>81</xdr:col>
      <xdr:colOff>101600</xdr:colOff>
      <xdr:row>96</xdr:row>
      <xdr:rowOff>10706</xdr:rowOff>
    </xdr:to>
    <xdr:sp macro="" textlink="">
      <xdr:nvSpPr>
        <xdr:cNvPr id="703" name="フローチャート: 判断 702">
          <a:extLst>
            <a:ext uri="{FF2B5EF4-FFF2-40B4-BE49-F238E27FC236}">
              <a16:creationId xmlns:a16="http://schemas.microsoft.com/office/drawing/2014/main" id="{00000000-0008-0000-0700-0000BF020000}"/>
            </a:ext>
          </a:extLst>
        </xdr:cNvPr>
        <xdr:cNvSpPr/>
      </xdr:nvSpPr>
      <xdr:spPr>
        <a:xfrm>
          <a:off x="15430500" y="16368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27233</xdr:rowOff>
    </xdr:from>
    <xdr:ext cx="534377"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5214111" y="16143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54966</xdr:rowOff>
    </xdr:from>
    <xdr:to>
      <xdr:col>76</xdr:col>
      <xdr:colOff>114300</xdr:colOff>
      <xdr:row>96</xdr:row>
      <xdr:rowOff>124803</xdr:rowOff>
    </xdr:to>
    <xdr:cxnSp macro="">
      <xdr:nvCxnSpPr>
        <xdr:cNvPr id="705" name="直線コネクタ 704">
          <a:extLst>
            <a:ext uri="{FF2B5EF4-FFF2-40B4-BE49-F238E27FC236}">
              <a16:creationId xmlns:a16="http://schemas.microsoft.com/office/drawing/2014/main" id="{00000000-0008-0000-0700-0000C1020000}"/>
            </a:ext>
          </a:extLst>
        </xdr:cNvPr>
        <xdr:cNvCxnSpPr/>
      </xdr:nvCxnSpPr>
      <xdr:spPr>
        <a:xfrm flipV="1">
          <a:off x="13703300" y="16514166"/>
          <a:ext cx="889000" cy="69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9862</xdr:rowOff>
    </xdr:from>
    <xdr:to>
      <xdr:col>76</xdr:col>
      <xdr:colOff>165100</xdr:colOff>
      <xdr:row>95</xdr:row>
      <xdr:rowOff>121462</xdr:rowOff>
    </xdr:to>
    <xdr:sp macro="" textlink="">
      <xdr:nvSpPr>
        <xdr:cNvPr id="706" name="フローチャート: 判断 705">
          <a:extLst>
            <a:ext uri="{FF2B5EF4-FFF2-40B4-BE49-F238E27FC236}">
              <a16:creationId xmlns:a16="http://schemas.microsoft.com/office/drawing/2014/main" id="{00000000-0008-0000-0700-0000C2020000}"/>
            </a:ext>
          </a:extLst>
        </xdr:cNvPr>
        <xdr:cNvSpPr/>
      </xdr:nvSpPr>
      <xdr:spPr>
        <a:xfrm>
          <a:off x="14541500" y="1630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7989</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325111" y="1608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24803</xdr:rowOff>
    </xdr:from>
    <xdr:to>
      <xdr:col>71</xdr:col>
      <xdr:colOff>177800</xdr:colOff>
      <xdr:row>97</xdr:row>
      <xdr:rowOff>36601</xdr:rowOff>
    </xdr:to>
    <xdr:cxnSp macro="">
      <xdr:nvCxnSpPr>
        <xdr:cNvPr id="708" name="直線コネクタ 707">
          <a:extLst>
            <a:ext uri="{FF2B5EF4-FFF2-40B4-BE49-F238E27FC236}">
              <a16:creationId xmlns:a16="http://schemas.microsoft.com/office/drawing/2014/main" id="{00000000-0008-0000-0700-0000C4020000}"/>
            </a:ext>
          </a:extLst>
        </xdr:cNvPr>
        <xdr:cNvCxnSpPr/>
      </xdr:nvCxnSpPr>
      <xdr:spPr>
        <a:xfrm flipV="1">
          <a:off x="12814300" y="16584003"/>
          <a:ext cx="889000" cy="83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5382</xdr:rowOff>
    </xdr:from>
    <xdr:to>
      <xdr:col>72</xdr:col>
      <xdr:colOff>38100</xdr:colOff>
      <xdr:row>95</xdr:row>
      <xdr:rowOff>65532</xdr:rowOff>
    </xdr:to>
    <xdr:sp macro="" textlink="">
      <xdr:nvSpPr>
        <xdr:cNvPr id="709" name="フローチャート: 判断 708">
          <a:extLst>
            <a:ext uri="{FF2B5EF4-FFF2-40B4-BE49-F238E27FC236}">
              <a16:creationId xmlns:a16="http://schemas.microsoft.com/office/drawing/2014/main" id="{00000000-0008-0000-0700-0000C5020000}"/>
            </a:ext>
          </a:extLst>
        </xdr:cNvPr>
        <xdr:cNvSpPr/>
      </xdr:nvSpPr>
      <xdr:spPr>
        <a:xfrm>
          <a:off x="13652500" y="16251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2059</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3436111" y="16026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57518</xdr:rowOff>
    </xdr:from>
    <xdr:to>
      <xdr:col>67</xdr:col>
      <xdr:colOff>101600</xdr:colOff>
      <xdr:row>95</xdr:row>
      <xdr:rowOff>87668</xdr:rowOff>
    </xdr:to>
    <xdr:sp macro="" textlink="">
      <xdr:nvSpPr>
        <xdr:cNvPr id="711" name="フローチャート: 判断 710">
          <a:extLst>
            <a:ext uri="{FF2B5EF4-FFF2-40B4-BE49-F238E27FC236}">
              <a16:creationId xmlns:a16="http://schemas.microsoft.com/office/drawing/2014/main" id="{00000000-0008-0000-0700-0000C7020000}"/>
            </a:ext>
          </a:extLst>
        </xdr:cNvPr>
        <xdr:cNvSpPr/>
      </xdr:nvSpPr>
      <xdr:spPr>
        <a:xfrm>
          <a:off x="12763500" y="16273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04195</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2547111" y="16049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6705</xdr:rowOff>
    </xdr:from>
    <xdr:to>
      <xdr:col>85</xdr:col>
      <xdr:colOff>177800</xdr:colOff>
      <xdr:row>96</xdr:row>
      <xdr:rowOff>158305</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6268700" y="16515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35132</xdr:rowOff>
    </xdr:from>
    <xdr:ext cx="534377" cy="259045"/>
    <xdr:sp macro="" textlink="">
      <xdr:nvSpPr>
        <xdr:cNvPr id="719" name="公債費該当値テキスト">
          <a:extLst>
            <a:ext uri="{FF2B5EF4-FFF2-40B4-BE49-F238E27FC236}">
              <a16:creationId xmlns:a16="http://schemas.microsoft.com/office/drawing/2014/main" id="{00000000-0008-0000-0700-0000CF020000}"/>
            </a:ext>
          </a:extLst>
        </xdr:cNvPr>
        <xdr:cNvSpPr txBox="1"/>
      </xdr:nvSpPr>
      <xdr:spPr>
        <a:xfrm>
          <a:off x="16370300" y="16494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5004</xdr:rowOff>
    </xdr:from>
    <xdr:to>
      <xdr:col>81</xdr:col>
      <xdr:colOff>101600</xdr:colOff>
      <xdr:row>96</xdr:row>
      <xdr:rowOff>106604</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5430500" y="16464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97731</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5214111" y="16556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4166</xdr:rowOff>
    </xdr:from>
    <xdr:to>
      <xdr:col>76</xdr:col>
      <xdr:colOff>165100</xdr:colOff>
      <xdr:row>96</xdr:row>
      <xdr:rowOff>105766</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4541500" y="1646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6893</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4325111" y="16556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74003</xdr:rowOff>
    </xdr:from>
    <xdr:to>
      <xdr:col>72</xdr:col>
      <xdr:colOff>38100</xdr:colOff>
      <xdr:row>97</xdr:row>
      <xdr:rowOff>4153</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3652500" y="16533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66730</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3436111" y="16625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7251</xdr:rowOff>
    </xdr:from>
    <xdr:to>
      <xdr:col>67</xdr:col>
      <xdr:colOff>101600</xdr:colOff>
      <xdr:row>97</xdr:row>
      <xdr:rowOff>87401</xdr:rowOff>
    </xdr:to>
    <xdr:sp macro="" textlink="">
      <xdr:nvSpPr>
        <xdr:cNvPr id="726" name="楕円 725">
          <a:extLst>
            <a:ext uri="{FF2B5EF4-FFF2-40B4-BE49-F238E27FC236}">
              <a16:creationId xmlns:a16="http://schemas.microsoft.com/office/drawing/2014/main" id="{00000000-0008-0000-0700-0000D6020000}"/>
            </a:ext>
          </a:extLst>
        </xdr:cNvPr>
        <xdr:cNvSpPr/>
      </xdr:nvSpPr>
      <xdr:spPr>
        <a:xfrm>
          <a:off x="12763500" y="16616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78528</xdr:rowOff>
    </xdr:from>
    <xdr:ext cx="534377"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2547111" y="16709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0" name="諸支出金グラフ枠">
          <a:extLst>
            <a:ext uri="{FF2B5EF4-FFF2-40B4-BE49-F238E27FC236}">
              <a16:creationId xmlns:a16="http://schemas.microsoft.com/office/drawing/2014/main" id="{00000000-0008-0000-0700-0000E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10617</xdr:rowOff>
    </xdr:from>
    <xdr:to>
      <xdr:col>116</xdr:col>
      <xdr:colOff>62864</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flipV="1">
          <a:off x="22159595" y="5425567"/>
          <a:ext cx="1269" cy="13054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2" name="諸支出金最小値テキスト">
          <a:extLst>
            <a:ext uri="{FF2B5EF4-FFF2-40B4-BE49-F238E27FC236}">
              <a16:creationId xmlns:a16="http://schemas.microsoft.com/office/drawing/2014/main" id="{00000000-0008-0000-0700-0000F0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57294</xdr:rowOff>
    </xdr:from>
    <xdr:ext cx="534377" cy="259045"/>
    <xdr:sp macro="" textlink="">
      <xdr:nvSpPr>
        <xdr:cNvPr id="754" name="諸支出金最大値テキスト">
          <a:extLst>
            <a:ext uri="{FF2B5EF4-FFF2-40B4-BE49-F238E27FC236}">
              <a16:creationId xmlns:a16="http://schemas.microsoft.com/office/drawing/2014/main" id="{00000000-0008-0000-0700-0000F2020000}"/>
            </a:ext>
          </a:extLst>
        </xdr:cNvPr>
        <xdr:cNvSpPr txBox="1"/>
      </xdr:nvSpPr>
      <xdr:spPr>
        <a:xfrm>
          <a:off x="22212300" y="5200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7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10617</xdr:rowOff>
    </xdr:from>
    <xdr:to>
      <xdr:col>116</xdr:col>
      <xdr:colOff>152400</xdr:colOff>
      <xdr:row>31</xdr:row>
      <xdr:rowOff>110617</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22072600" y="54255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63881</xdr:rowOff>
    </xdr:from>
    <xdr:to>
      <xdr:col>116</xdr:col>
      <xdr:colOff>63500</xdr:colOff>
      <xdr:row>36</xdr:row>
      <xdr:rowOff>79248</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21323300" y="6236081"/>
          <a:ext cx="838200" cy="15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96791</xdr:rowOff>
    </xdr:from>
    <xdr:ext cx="469744" cy="259045"/>
    <xdr:sp macro="" textlink="">
      <xdr:nvSpPr>
        <xdr:cNvPr id="757" name="諸支出金平均値テキスト">
          <a:extLst>
            <a:ext uri="{FF2B5EF4-FFF2-40B4-BE49-F238E27FC236}">
              <a16:creationId xmlns:a16="http://schemas.microsoft.com/office/drawing/2014/main" id="{00000000-0008-0000-0700-0000F5020000}"/>
            </a:ext>
          </a:extLst>
        </xdr:cNvPr>
        <xdr:cNvSpPr txBox="1"/>
      </xdr:nvSpPr>
      <xdr:spPr>
        <a:xfrm>
          <a:off x="22212300" y="62689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18364</xdr:rowOff>
    </xdr:from>
    <xdr:to>
      <xdr:col>116</xdr:col>
      <xdr:colOff>114300</xdr:colOff>
      <xdr:row>37</xdr:row>
      <xdr:rowOff>48514</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22110700" y="6290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63881</xdr:rowOff>
    </xdr:from>
    <xdr:to>
      <xdr:col>111</xdr:col>
      <xdr:colOff>177800</xdr:colOff>
      <xdr:row>36</xdr:row>
      <xdr:rowOff>85344</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flipV="1">
          <a:off x="20434300" y="6236081"/>
          <a:ext cx="889000" cy="21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02616</xdr:rowOff>
    </xdr:from>
    <xdr:to>
      <xdr:col>112</xdr:col>
      <xdr:colOff>38100</xdr:colOff>
      <xdr:row>37</xdr:row>
      <xdr:rowOff>32766</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21272500" y="6274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23893</xdr:rowOff>
    </xdr:from>
    <xdr:ext cx="469744"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088428" y="6367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48514</xdr:rowOff>
    </xdr:from>
    <xdr:to>
      <xdr:col>107</xdr:col>
      <xdr:colOff>50800</xdr:colOff>
      <xdr:row>36</xdr:row>
      <xdr:rowOff>85344</xdr:rowOff>
    </xdr:to>
    <xdr:cxnSp macro="">
      <xdr:nvCxnSpPr>
        <xdr:cNvPr id="762" name="直線コネクタ 761">
          <a:extLst>
            <a:ext uri="{FF2B5EF4-FFF2-40B4-BE49-F238E27FC236}">
              <a16:creationId xmlns:a16="http://schemas.microsoft.com/office/drawing/2014/main" id="{00000000-0008-0000-0700-0000FA020000}"/>
            </a:ext>
          </a:extLst>
        </xdr:cNvPr>
        <xdr:cNvCxnSpPr/>
      </xdr:nvCxnSpPr>
      <xdr:spPr>
        <a:xfrm>
          <a:off x="19545300" y="6220714"/>
          <a:ext cx="889000" cy="36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96774</xdr:rowOff>
    </xdr:from>
    <xdr:to>
      <xdr:col>107</xdr:col>
      <xdr:colOff>101600</xdr:colOff>
      <xdr:row>37</xdr:row>
      <xdr:rowOff>26924</xdr:rowOff>
    </xdr:to>
    <xdr:sp macro="" textlink="">
      <xdr:nvSpPr>
        <xdr:cNvPr id="763" name="フローチャート: 判断 762">
          <a:extLst>
            <a:ext uri="{FF2B5EF4-FFF2-40B4-BE49-F238E27FC236}">
              <a16:creationId xmlns:a16="http://schemas.microsoft.com/office/drawing/2014/main" id="{00000000-0008-0000-0700-0000FB020000}"/>
            </a:ext>
          </a:extLst>
        </xdr:cNvPr>
        <xdr:cNvSpPr/>
      </xdr:nvSpPr>
      <xdr:spPr>
        <a:xfrm>
          <a:off x="20383500" y="626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8051</xdr:rowOff>
    </xdr:from>
    <xdr:ext cx="469744"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199428" y="6361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6</xdr:row>
      <xdr:rowOff>17907</xdr:rowOff>
    </xdr:from>
    <xdr:to>
      <xdr:col>102</xdr:col>
      <xdr:colOff>114300</xdr:colOff>
      <xdr:row>36</xdr:row>
      <xdr:rowOff>48514</xdr:rowOff>
    </xdr:to>
    <xdr:cxnSp macro="">
      <xdr:nvCxnSpPr>
        <xdr:cNvPr id="765" name="直線コネクタ 764">
          <a:extLst>
            <a:ext uri="{FF2B5EF4-FFF2-40B4-BE49-F238E27FC236}">
              <a16:creationId xmlns:a16="http://schemas.microsoft.com/office/drawing/2014/main" id="{00000000-0008-0000-0700-0000FD020000}"/>
            </a:ext>
          </a:extLst>
        </xdr:cNvPr>
        <xdr:cNvCxnSpPr/>
      </xdr:nvCxnSpPr>
      <xdr:spPr>
        <a:xfrm>
          <a:off x="18656300" y="6190107"/>
          <a:ext cx="889000" cy="30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58674</xdr:rowOff>
    </xdr:from>
    <xdr:to>
      <xdr:col>102</xdr:col>
      <xdr:colOff>165100</xdr:colOff>
      <xdr:row>36</xdr:row>
      <xdr:rowOff>160274</xdr:rowOff>
    </xdr:to>
    <xdr:sp macro="" textlink="">
      <xdr:nvSpPr>
        <xdr:cNvPr id="766" name="フローチャート: 判断 765">
          <a:extLst>
            <a:ext uri="{FF2B5EF4-FFF2-40B4-BE49-F238E27FC236}">
              <a16:creationId xmlns:a16="http://schemas.microsoft.com/office/drawing/2014/main" id="{00000000-0008-0000-0700-0000FE020000}"/>
            </a:ext>
          </a:extLst>
        </xdr:cNvPr>
        <xdr:cNvSpPr/>
      </xdr:nvSpPr>
      <xdr:spPr>
        <a:xfrm>
          <a:off x="19494500" y="6230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51401</xdr:rowOff>
    </xdr:from>
    <xdr:ext cx="469744"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310428" y="6323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29972</xdr:rowOff>
    </xdr:from>
    <xdr:to>
      <xdr:col>98</xdr:col>
      <xdr:colOff>38100</xdr:colOff>
      <xdr:row>36</xdr:row>
      <xdr:rowOff>131572</xdr:rowOff>
    </xdr:to>
    <xdr:sp macro="" textlink="">
      <xdr:nvSpPr>
        <xdr:cNvPr id="768" name="フローチャート: 判断 767">
          <a:extLst>
            <a:ext uri="{FF2B5EF4-FFF2-40B4-BE49-F238E27FC236}">
              <a16:creationId xmlns:a16="http://schemas.microsoft.com/office/drawing/2014/main" id="{00000000-0008-0000-0700-000000030000}"/>
            </a:ext>
          </a:extLst>
        </xdr:cNvPr>
        <xdr:cNvSpPr/>
      </xdr:nvSpPr>
      <xdr:spPr>
        <a:xfrm>
          <a:off x="18605500" y="6202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22699</xdr:rowOff>
    </xdr:from>
    <xdr:ext cx="469744"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8421428" y="6294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28448</xdr:rowOff>
    </xdr:from>
    <xdr:to>
      <xdr:col>116</xdr:col>
      <xdr:colOff>114300</xdr:colOff>
      <xdr:row>36</xdr:row>
      <xdr:rowOff>130048</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22110700" y="6200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51325</xdr:rowOff>
    </xdr:from>
    <xdr:ext cx="469744" cy="259045"/>
    <xdr:sp macro="" textlink="">
      <xdr:nvSpPr>
        <xdr:cNvPr id="776" name="諸支出金該当値テキスト">
          <a:extLst>
            <a:ext uri="{FF2B5EF4-FFF2-40B4-BE49-F238E27FC236}">
              <a16:creationId xmlns:a16="http://schemas.microsoft.com/office/drawing/2014/main" id="{00000000-0008-0000-0700-000008030000}"/>
            </a:ext>
          </a:extLst>
        </xdr:cNvPr>
        <xdr:cNvSpPr txBox="1"/>
      </xdr:nvSpPr>
      <xdr:spPr>
        <a:xfrm>
          <a:off x="22212300" y="6052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3081</xdr:rowOff>
    </xdr:from>
    <xdr:to>
      <xdr:col>112</xdr:col>
      <xdr:colOff>38100</xdr:colOff>
      <xdr:row>36</xdr:row>
      <xdr:rowOff>114681</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21272500" y="6185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31208</xdr:rowOff>
    </xdr:from>
    <xdr:ext cx="469744"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21088428" y="5960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34544</xdr:rowOff>
    </xdr:from>
    <xdr:to>
      <xdr:col>107</xdr:col>
      <xdr:colOff>101600</xdr:colOff>
      <xdr:row>36</xdr:row>
      <xdr:rowOff>136144</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20383500" y="6206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152671</xdr:rowOff>
    </xdr:from>
    <xdr:ext cx="469744"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20199428" y="5981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5</xdr:row>
      <xdr:rowOff>169164</xdr:rowOff>
    </xdr:from>
    <xdr:to>
      <xdr:col>102</xdr:col>
      <xdr:colOff>165100</xdr:colOff>
      <xdr:row>36</xdr:row>
      <xdr:rowOff>99314</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19494500" y="616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115841</xdr:rowOff>
    </xdr:from>
    <xdr:ext cx="469744"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9310428" y="5945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38557</xdr:rowOff>
    </xdr:from>
    <xdr:to>
      <xdr:col>98</xdr:col>
      <xdr:colOff>38100</xdr:colOff>
      <xdr:row>36</xdr:row>
      <xdr:rowOff>68707</xdr:rowOff>
    </xdr:to>
    <xdr:sp macro="" textlink="">
      <xdr:nvSpPr>
        <xdr:cNvPr id="783" name="楕円 782">
          <a:extLst>
            <a:ext uri="{FF2B5EF4-FFF2-40B4-BE49-F238E27FC236}">
              <a16:creationId xmlns:a16="http://schemas.microsoft.com/office/drawing/2014/main" id="{00000000-0008-0000-0700-00000F030000}"/>
            </a:ext>
          </a:extLst>
        </xdr:cNvPr>
        <xdr:cNvSpPr/>
      </xdr:nvSpPr>
      <xdr:spPr>
        <a:xfrm>
          <a:off x="18605500" y="6139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85234</xdr:rowOff>
    </xdr:from>
    <xdr:ext cx="469744"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421428" y="5914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9" name="前年度繰上充用金グラフ枠">
          <a:extLst>
            <a:ext uri="{FF2B5EF4-FFF2-40B4-BE49-F238E27FC236}">
              <a16:creationId xmlns:a16="http://schemas.microsoft.com/office/drawing/2014/main" id="{00000000-0008-0000-0700-00001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1" name="前年度繰上充用金最小値テキスト">
          <a:extLst>
            <a:ext uri="{FF2B5EF4-FFF2-40B4-BE49-F238E27FC236}">
              <a16:creationId xmlns:a16="http://schemas.microsoft.com/office/drawing/2014/main" id="{00000000-0008-0000-0700-00002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3" name="前年度繰上充用金最大値テキスト">
          <a:extLst>
            <a:ext uri="{FF2B5EF4-FFF2-40B4-BE49-F238E27FC236}">
              <a16:creationId xmlns:a16="http://schemas.microsoft.com/office/drawing/2014/main" id="{00000000-0008-0000-0700-00002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6" name="前年度繰上充用金平均値テキスト">
          <a:extLst>
            <a:ext uri="{FF2B5EF4-FFF2-40B4-BE49-F238E27FC236}">
              <a16:creationId xmlns:a16="http://schemas.microsoft.com/office/drawing/2014/main" id="{00000000-0008-0000-0700-00002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1" name="直線コネクタ 810">
          <a:extLst>
            <a:ext uri="{FF2B5EF4-FFF2-40B4-BE49-F238E27FC236}">
              <a16:creationId xmlns:a16="http://schemas.microsoft.com/office/drawing/2014/main" id="{00000000-0008-0000-0700-00002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2" name="フローチャート: 判断 811">
          <a:extLst>
            <a:ext uri="{FF2B5EF4-FFF2-40B4-BE49-F238E27FC236}">
              <a16:creationId xmlns:a16="http://schemas.microsoft.com/office/drawing/2014/main" id="{00000000-0008-0000-0700-00002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4" name="直線コネクタ 813">
          <a:extLst>
            <a:ext uri="{FF2B5EF4-FFF2-40B4-BE49-F238E27FC236}">
              <a16:creationId xmlns:a16="http://schemas.microsoft.com/office/drawing/2014/main" id="{00000000-0008-0000-0700-00002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5" name="フローチャート: 判断 814">
          <a:extLst>
            <a:ext uri="{FF2B5EF4-FFF2-40B4-BE49-F238E27FC236}">
              <a16:creationId xmlns:a16="http://schemas.microsoft.com/office/drawing/2014/main" id="{00000000-0008-0000-0700-00002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フローチャート: 判断 816">
          <a:extLst>
            <a:ext uri="{FF2B5EF4-FFF2-40B4-BE49-F238E27FC236}">
              <a16:creationId xmlns:a16="http://schemas.microsoft.com/office/drawing/2014/main" id="{00000000-0008-0000-0700-00003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5" name="前年度繰上充用金該当値テキスト">
          <a:extLst>
            <a:ext uri="{FF2B5EF4-FFF2-40B4-BE49-F238E27FC236}">
              <a16:creationId xmlns:a16="http://schemas.microsoft.com/office/drawing/2014/main" id="{00000000-0008-0000-0700-00003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2" name="楕円 831">
          <a:extLst>
            <a:ext uri="{FF2B5EF4-FFF2-40B4-BE49-F238E27FC236}">
              <a16:creationId xmlns:a16="http://schemas.microsoft.com/office/drawing/2014/main" id="{00000000-0008-0000-0700-00004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3" name="テキスト ボックス 832">
          <a:extLst>
            <a:ext uri="{FF2B5EF4-FFF2-40B4-BE49-F238E27FC236}">
              <a16:creationId xmlns:a16="http://schemas.microsoft.com/office/drawing/2014/main" id="{00000000-0008-0000-0700-00004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4" name="正方形/長方形 833">
          <a:extLst>
            <a:ext uri="{FF2B5EF4-FFF2-40B4-BE49-F238E27FC236}">
              <a16:creationId xmlns:a16="http://schemas.microsoft.com/office/drawing/2014/main" id="{00000000-0008-0000-0700-00004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5" name="正方形/長方形 834">
          <a:extLst>
            <a:ext uri="{FF2B5EF4-FFF2-40B4-BE49-F238E27FC236}">
              <a16:creationId xmlns:a16="http://schemas.microsoft.com/office/drawing/2014/main" id="{00000000-0008-0000-0700-00004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6" name="テキスト ボックス 835">
          <a:extLst>
            <a:ext uri="{FF2B5EF4-FFF2-40B4-BE49-F238E27FC236}">
              <a16:creationId xmlns:a16="http://schemas.microsoft.com/office/drawing/2014/main" id="{00000000-0008-0000-0700-00004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歳出決算総額は、住民一人当たり</a:t>
          </a:r>
          <a:r>
            <a:rPr kumimoji="1" lang="en-US" altLang="ja-JP" sz="1100">
              <a:latin typeface="ＭＳ Ｐゴシック" panose="020B0600070205080204" pitchFamily="50" charset="-128"/>
              <a:ea typeface="ＭＳ Ｐゴシック" panose="020B0600070205080204" pitchFamily="50" charset="-128"/>
            </a:rPr>
            <a:t>586,465</a:t>
          </a:r>
          <a:r>
            <a:rPr kumimoji="1" lang="ja-JP" altLang="en-US" sz="1100">
              <a:latin typeface="ＭＳ Ｐゴシック" panose="020B0600070205080204" pitchFamily="50" charset="-128"/>
              <a:ea typeface="ＭＳ Ｐゴシック" panose="020B0600070205080204" pitchFamily="50" charset="-128"/>
            </a:rPr>
            <a:t>円（歳出総額</a:t>
          </a:r>
          <a:r>
            <a:rPr kumimoji="1" lang="en-US" altLang="ja-JP" sz="1100">
              <a:latin typeface="ＭＳ Ｐゴシック" panose="020B0600070205080204" pitchFamily="50" charset="-128"/>
              <a:ea typeface="ＭＳ Ｐゴシック" panose="020B0600070205080204" pitchFamily="50" charset="-128"/>
            </a:rPr>
            <a:t>÷R4.1.1</a:t>
          </a:r>
          <a:r>
            <a:rPr kumimoji="1" lang="ja-JP" altLang="en-US" sz="1100">
              <a:latin typeface="ＭＳ Ｐゴシック" panose="020B0600070205080204" pitchFamily="50" charset="-128"/>
              <a:ea typeface="ＭＳ Ｐゴシック" panose="020B0600070205080204" pitchFamily="50" charset="-128"/>
            </a:rPr>
            <a:t>時点の人口）となっています。各経費の住民一人当たりコストは、概ね類似団体平均を下回っています。</a:t>
          </a:r>
        </a:p>
        <a:p>
          <a:r>
            <a:rPr kumimoji="1" lang="ja-JP" altLang="en-US" sz="1100">
              <a:latin typeface="ＭＳ Ｐゴシック" panose="020B0600070205080204" pitchFamily="50" charset="-128"/>
              <a:ea typeface="ＭＳ Ｐゴシック" panose="020B0600070205080204" pitchFamily="50" charset="-128"/>
            </a:rPr>
            <a:t>　総務費は、住民一人当たり</a:t>
          </a:r>
          <a:r>
            <a:rPr kumimoji="1" lang="en-US" altLang="ja-JP" sz="1100">
              <a:latin typeface="ＭＳ Ｐゴシック" panose="020B0600070205080204" pitchFamily="50" charset="-128"/>
              <a:ea typeface="ＭＳ Ｐゴシック" panose="020B0600070205080204" pitchFamily="50" charset="-128"/>
            </a:rPr>
            <a:t>30,854</a:t>
          </a:r>
          <a:r>
            <a:rPr kumimoji="1" lang="ja-JP" altLang="en-US" sz="1100">
              <a:latin typeface="ＭＳ Ｐゴシック" panose="020B0600070205080204" pitchFamily="50" charset="-128"/>
              <a:ea typeface="ＭＳ Ｐゴシック" panose="020B0600070205080204" pitchFamily="50" charset="-128"/>
            </a:rPr>
            <a:t>円となっており、前年度から大きく減少しました。主な要因は、特別定額給付金の給付終了等によるものです。</a:t>
          </a:r>
        </a:p>
        <a:p>
          <a:r>
            <a:rPr kumimoji="1" lang="ja-JP" altLang="en-US" sz="1100">
              <a:latin typeface="ＭＳ Ｐゴシック" panose="020B0600070205080204" pitchFamily="50" charset="-128"/>
              <a:ea typeface="ＭＳ Ｐゴシック" panose="020B0600070205080204" pitchFamily="50" charset="-128"/>
            </a:rPr>
            <a:t>　民生費は、住民一人当たり</a:t>
          </a:r>
          <a:r>
            <a:rPr kumimoji="1" lang="en-US" altLang="ja-JP" sz="1100">
              <a:latin typeface="ＭＳ Ｐゴシック" panose="020B0600070205080204" pitchFamily="50" charset="-128"/>
              <a:ea typeface="ＭＳ Ｐゴシック" panose="020B0600070205080204" pitchFamily="50" charset="-128"/>
            </a:rPr>
            <a:t>204,395</a:t>
          </a:r>
          <a:r>
            <a:rPr kumimoji="1" lang="ja-JP" altLang="en-US" sz="1100">
              <a:latin typeface="ＭＳ Ｐゴシック" panose="020B0600070205080204" pitchFamily="50" charset="-128"/>
              <a:ea typeface="ＭＳ Ｐゴシック" panose="020B0600070205080204" pitchFamily="50" charset="-128"/>
            </a:rPr>
            <a:t>円となっており、前年度から増加しました。主な要因は、子育て世帯への臨時特別給付や、住民税非課税世帯等への臨時特別給付金の給付等によるものです。</a:t>
          </a:r>
        </a:p>
        <a:p>
          <a:r>
            <a:rPr kumimoji="1" lang="ja-JP" altLang="en-US" sz="1100">
              <a:latin typeface="ＭＳ Ｐゴシック" panose="020B0600070205080204" pitchFamily="50" charset="-128"/>
              <a:ea typeface="ＭＳ Ｐゴシック" panose="020B0600070205080204" pitchFamily="50" charset="-128"/>
            </a:rPr>
            <a:t>　衛生費は、住民一人当たり</a:t>
          </a:r>
          <a:r>
            <a:rPr kumimoji="1" lang="en-US" altLang="ja-JP" sz="1100">
              <a:latin typeface="ＭＳ Ｐゴシック" panose="020B0600070205080204" pitchFamily="50" charset="-128"/>
              <a:ea typeface="ＭＳ Ｐゴシック" panose="020B0600070205080204" pitchFamily="50" charset="-128"/>
            </a:rPr>
            <a:t>45,888</a:t>
          </a:r>
          <a:r>
            <a:rPr kumimoji="1" lang="ja-JP" altLang="en-US" sz="1100">
              <a:latin typeface="ＭＳ Ｐゴシック" panose="020B0600070205080204" pitchFamily="50" charset="-128"/>
              <a:ea typeface="ＭＳ Ｐゴシック" panose="020B0600070205080204" pitchFamily="50" charset="-128"/>
            </a:rPr>
            <a:t>円となっとおり、前年度から増加しました。主な要因は、新型コロナウイルスワクチン接種業務委託に伴う増等によるものです。</a:t>
          </a:r>
        </a:p>
        <a:p>
          <a:r>
            <a:rPr kumimoji="1" lang="ja-JP" altLang="en-US" sz="1100">
              <a:latin typeface="ＭＳ Ｐゴシック" panose="020B0600070205080204" pitchFamily="50" charset="-128"/>
              <a:ea typeface="ＭＳ Ｐゴシック" panose="020B0600070205080204" pitchFamily="50" charset="-128"/>
            </a:rPr>
            <a:t>　土木費は、住民一人当たり</a:t>
          </a:r>
          <a:r>
            <a:rPr kumimoji="1" lang="en-US" altLang="ja-JP" sz="1100">
              <a:latin typeface="ＭＳ Ｐゴシック" panose="020B0600070205080204" pitchFamily="50" charset="-128"/>
              <a:ea typeface="ＭＳ Ｐゴシック" panose="020B0600070205080204" pitchFamily="50" charset="-128"/>
            </a:rPr>
            <a:t>94,812</a:t>
          </a:r>
          <a:r>
            <a:rPr kumimoji="1" lang="ja-JP" altLang="en-US" sz="1100">
              <a:latin typeface="ＭＳ Ｐゴシック" panose="020B0600070205080204" pitchFamily="50" charset="-128"/>
              <a:ea typeface="ＭＳ Ｐゴシック" panose="020B0600070205080204" pitchFamily="50" charset="-128"/>
            </a:rPr>
            <a:t>円となっており、前年度から大きく増加しました。主な要因は、（一財）横浜市道路建設事業団の解散に向けた補助及び資産購入事業費の増加等によるものです。</a:t>
          </a:r>
        </a:p>
        <a:p>
          <a:r>
            <a:rPr kumimoji="1" lang="ja-JP" altLang="en-US" sz="1100">
              <a:latin typeface="ＭＳ Ｐゴシック" panose="020B0600070205080204" pitchFamily="50" charset="-128"/>
              <a:ea typeface="ＭＳ Ｐゴシック" panose="020B0600070205080204" pitchFamily="50" charset="-128"/>
            </a:rPr>
            <a:t>　教育費は、住民一人当たり</a:t>
          </a:r>
          <a:r>
            <a:rPr kumimoji="1" lang="en-US" altLang="ja-JP" sz="1100">
              <a:latin typeface="ＭＳ Ｐゴシック" panose="020B0600070205080204" pitchFamily="50" charset="-128"/>
              <a:ea typeface="ＭＳ Ｐゴシック" panose="020B0600070205080204" pitchFamily="50" charset="-128"/>
            </a:rPr>
            <a:t>85,073</a:t>
          </a:r>
          <a:r>
            <a:rPr kumimoji="1" lang="ja-JP" altLang="en-US" sz="1100">
              <a:latin typeface="ＭＳ Ｐゴシック" panose="020B0600070205080204" pitchFamily="50" charset="-128"/>
              <a:ea typeface="ＭＳ Ｐゴシック" panose="020B0600070205080204" pitchFamily="50" charset="-128"/>
            </a:rPr>
            <a:t>円となっており、前年度から減少しました。主な要因は、ＧＩＧＡスクール構想に係る教育用コンピューター整備費の減等によるものです。</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latin typeface="ＭＳ ゴシック" pitchFamily="49" charset="-128"/>
              <a:ea typeface="ＭＳ ゴシック" pitchFamily="49" charset="-128"/>
            </a:rPr>
            <a:t>　平成</a:t>
          </a:r>
          <a:r>
            <a:rPr kumimoji="1" lang="en-US" altLang="ja-JP" sz="700">
              <a:latin typeface="ＭＳ ゴシック" pitchFamily="49" charset="-128"/>
              <a:ea typeface="ＭＳ ゴシック" pitchFamily="49" charset="-128"/>
            </a:rPr>
            <a:t>30</a:t>
          </a:r>
          <a:r>
            <a:rPr kumimoji="1" lang="ja-JP" altLang="en-US" sz="700">
              <a:latin typeface="ＭＳ ゴシック" pitchFamily="49" charset="-128"/>
              <a:ea typeface="ＭＳ ゴシック" pitchFamily="49" charset="-128"/>
            </a:rPr>
            <a:t>年度は、「歳入歳出差引」が減少したことにより、「実質収支額」が減少、また、財政調整基金の取崩額が大きかったことから、「実質単年度収支」が再び赤字となりました。令和元年度は、「歳入歳出差引」は増加したものの、財政調整基金の取崩額が非常に大きかったことから、「実質単年度収支」は赤字のままとなりました。令和２年度は、「歳入歳出差引」が減少したものの、財政調整基金の取崩額が少なかったため、「実質単年度収支」が減少しましたが、赤字が続きました。令和３年度は、「歳入歳出差引」が増加したことに加え、令和４年度以降に活用予定の財源を一時的に積み立てたことにより、財政調整基金の積立額が大きかったこと等から、「実質単年度収支」が黒字となりました。</a:t>
          </a:r>
        </a:p>
        <a:p>
          <a:r>
            <a:rPr kumimoji="1" lang="ja-JP" altLang="en-US" sz="700">
              <a:latin typeface="ＭＳ ゴシック" pitchFamily="49" charset="-128"/>
              <a:ea typeface="ＭＳ ゴシック" pitchFamily="49" charset="-128"/>
            </a:rPr>
            <a:t>　なお、財政調整基金については、毎年度、決算剰余金の</a:t>
          </a:r>
          <a:r>
            <a:rPr kumimoji="1" lang="en-US" altLang="ja-JP" sz="700">
              <a:latin typeface="ＭＳ ゴシック" pitchFamily="49" charset="-128"/>
              <a:ea typeface="ＭＳ ゴシック" pitchFamily="49" charset="-128"/>
            </a:rPr>
            <a:t>1/2</a:t>
          </a:r>
          <a:r>
            <a:rPr kumimoji="1" lang="ja-JP" altLang="en-US" sz="700">
              <a:latin typeface="ＭＳ ゴシック" pitchFamily="49" charset="-128"/>
              <a:ea typeface="ＭＳ ゴシック" pitchFamily="49" charset="-128"/>
            </a:rPr>
            <a:t>の積立てに加え、近年、効率的・効果的な執行により捻出した財源を一旦積み立て、翌年度の財源として活用（財源の年度間調整</a:t>
          </a:r>
          <a:r>
            <a:rPr kumimoji="1" lang="en-US" altLang="ja-JP" sz="700">
              <a:latin typeface="ＭＳ ゴシック" pitchFamily="49" charset="-128"/>
              <a:ea typeface="ＭＳ ゴシック" pitchFamily="49" charset="-128"/>
            </a:rPr>
            <a:t>※</a:t>
          </a:r>
          <a:r>
            <a:rPr kumimoji="1" lang="ja-JP" altLang="en-US" sz="700">
              <a:latin typeface="ＭＳ ゴシック" pitchFamily="49" charset="-128"/>
              <a:ea typeface="ＭＳ ゴシック" pitchFamily="49" charset="-128"/>
            </a:rPr>
            <a:t>）しています。（令和３年度：</a:t>
          </a:r>
          <a:r>
            <a:rPr kumimoji="1" lang="en-US" altLang="ja-JP" sz="700">
              <a:latin typeface="ＭＳ ゴシック" pitchFamily="49" charset="-128"/>
              <a:ea typeface="ＭＳ ゴシック" pitchFamily="49" charset="-128"/>
            </a:rPr>
            <a:t>70</a:t>
          </a:r>
          <a:r>
            <a:rPr kumimoji="1" lang="ja-JP" altLang="en-US" sz="700">
              <a:latin typeface="ＭＳ ゴシック" pitchFamily="49" charset="-128"/>
              <a:ea typeface="ＭＳ ゴシック" pitchFamily="49" charset="-128"/>
            </a:rPr>
            <a:t>億円、令和２年度：</a:t>
          </a:r>
          <a:r>
            <a:rPr kumimoji="1" lang="en-US" altLang="ja-JP" sz="700">
              <a:latin typeface="ＭＳ ゴシック" pitchFamily="49" charset="-128"/>
              <a:ea typeface="ＭＳ ゴシック" pitchFamily="49" charset="-128"/>
            </a:rPr>
            <a:t>54</a:t>
          </a:r>
          <a:r>
            <a:rPr kumimoji="1" lang="ja-JP" altLang="en-US" sz="700">
              <a:latin typeface="ＭＳ ゴシック" pitchFamily="49" charset="-128"/>
              <a:ea typeface="ＭＳ ゴシック" pitchFamily="49" charset="-128"/>
            </a:rPr>
            <a:t>億円）これに伴う各年度の積立額と取崩額の変動は、実質単年度収支に大きな影響を与えています。</a:t>
          </a:r>
        </a:p>
        <a:p>
          <a:r>
            <a:rPr kumimoji="1" lang="ja-JP" altLang="en-US" sz="700">
              <a:latin typeface="ＭＳ ゴシック" pitchFamily="49" charset="-128"/>
              <a:ea typeface="ＭＳ ゴシック" pitchFamily="49" charset="-128"/>
            </a:rPr>
            <a:t>　</a:t>
          </a:r>
          <a:r>
            <a:rPr kumimoji="1" lang="en-US" altLang="ja-JP" sz="700">
              <a:latin typeface="ＭＳ ゴシック" pitchFamily="49" charset="-128"/>
              <a:ea typeface="ＭＳ ゴシック" pitchFamily="49" charset="-128"/>
            </a:rPr>
            <a:t>※</a:t>
          </a:r>
          <a:r>
            <a:rPr kumimoji="1" lang="ja-JP" altLang="en-US" sz="700">
              <a:latin typeface="ＭＳ ゴシック" pitchFamily="49" charset="-128"/>
              <a:ea typeface="ＭＳ ゴシック" pitchFamily="49" charset="-128"/>
            </a:rPr>
            <a:t>財源の年度間調整分等を除いた場合、表中の基金残高は、</a:t>
          </a:r>
        </a:p>
        <a:p>
          <a:r>
            <a:rPr kumimoji="1" lang="ja-JP" altLang="en-US" sz="700">
              <a:latin typeface="ＭＳ ゴシック" pitchFamily="49" charset="-128"/>
              <a:ea typeface="ＭＳ ゴシック" pitchFamily="49" charset="-128"/>
            </a:rPr>
            <a:t>　　</a:t>
          </a:r>
          <a:r>
            <a:rPr kumimoji="1" lang="en-US" altLang="ja-JP" sz="700">
              <a:latin typeface="ＭＳ ゴシック" pitchFamily="49" charset="-128"/>
              <a:ea typeface="ＭＳ ゴシック" pitchFamily="49" charset="-128"/>
            </a:rPr>
            <a:t>H29</a:t>
          </a:r>
          <a:r>
            <a:rPr kumimoji="1" lang="ja-JP" altLang="en-US" sz="700">
              <a:latin typeface="ＭＳ ゴシック" pitchFamily="49" charset="-128"/>
              <a:ea typeface="ＭＳ ゴシック" pitchFamily="49" charset="-128"/>
            </a:rPr>
            <a:t>：</a:t>
          </a:r>
          <a:r>
            <a:rPr kumimoji="1" lang="en-US" altLang="ja-JP" sz="700">
              <a:latin typeface="ＭＳ ゴシック" pitchFamily="49" charset="-128"/>
              <a:ea typeface="ＭＳ ゴシック" pitchFamily="49" charset="-128"/>
            </a:rPr>
            <a:t>1.09%</a:t>
          </a:r>
          <a:r>
            <a:rPr kumimoji="1" lang="ja-JP" altLang="en-US" sz="700">
              <a:latin typeface="ＭＳ ゴシック" pitchFamily="49" charset="-128"/>
              <a:ea typeface="ＭＳ ゴシック" pitchFamily="49" charset="-128"/>
            </a:rPr>
            <a:t>、</a:t>
          </a:r>
          <a:r>
            <a:rPr kumimoji="1" lang="en-US" altLang="ja-JP" sz="700">
              <a:latin typeface="ＭＳ ゴシック" pitchFamily="49" charset="-128"/>
              <a:ea typeface="ＭＳ ゴシック" pitchFamily="49" charset="-128"/>
            </a:rPr>
            <a:t>H30</a:t>
          </a:r>
          <a:r>
            <a:rPr kumimoji="1" lang="ja-JP" altLang="en-US" sz="700">
              <a:latin typeface="ＭＳ ゴシック" pitchFamily="49" charset="-128"/>
              <a:ea typeface="ＭＳ ゴシック" pitchFamily="49" charset="-128"/>
            </a:rPr>
            <a:t>：</a:t>
          </a:r>
          <a:r>
            <a:rPr kumimoji="1" lang="en-US" altLang="ja-JP" sz="700">
              <a:latin typeface="ＭＳ ゴシック" pitchFamily="49" charset="-128"/>
              <a:ea typeface="ＭＳ ゴシック" pitchFamily="49" charset="-128"/>
            </a:rPr>
            <a:t>1.35</a:t>
          </a:r>
          <a:r>
            <a:rPr kumimoji="1" lang="ja-JP" altLang="en-US" sz="700">
              <a:latin typeface="ＭＳ ゴシック" pitchFamily="49" charset="-128"/>
              <a:ea typeface="ＭＳ ゴシック" pitchFamily="49" charset="-128"/>
            </a:rPr>
            <a:t>％、</a:t>
          </a:r>
          <a:r>
            <a:rPr kumimoji="1" lang="en-US" altLang="ja-JP" sz="700">
              <a:latin typeface="ＭＳ ゴシック" pitchFamily="49" charset="-128"/>
              <a:ea typeface="ＭＳ ゴシック" pitchFamily="49" charset="-128"/>
            </a:rPr>
            <a:t>R01</a:t>
          </a:r>
          <a:r>
            <a:rPr kumimoji="1" lang="ja-JP" altLang="en-US" sz="700">
              <a:latin typeface="ＭＳ ゴシック" pitchFamily="49" charset="-128"/>
              <a:ea typeface="ＭＳ ゴシック" pitchFamily="49" charset="-128"/>
            </a:rPr>
            <a:t>：</a:t>
          </a:r>
          <a:r>
            <a:rPr kumimoji="1" lang="en-US" altLang="ja-JP" sz="700">
              <a:latin typeface="ＭＳ ゴシック" pitchFamily="49" charset="-128"/>
              <a:ea typeface="ＭＳ ゴシック" pitchFamily="49" charset="-128"/>
            </a:rPr>
            <a:t>0.79</a:t>
          </a:r>
          <a:r>
            <a:rPr kumimoji="1" lang="ja-JP" altLang="en-US" sz="700">
              <a:latin typeface="ＭＳ ゴシック" pitchFamily="49" charset="-128"/>
              <a:ea typeface="ＭＳ ゴシック" pitchFamily="49" charset="-128"/>
            </a:rPr>
            <a:t>％、</a:t>
          </a:r>
          <a:r>
            <a:rPr kumimoji="1" lang="en-US" altLang="ja-JP" sz="700">
              <a:latin typeface="ＭＳ ゴシック" pitchFamily="49" charset="-128"/>
              <a:ea typeface="ＭＳ ゴシック" pitchFamily="49" charset="-128"/>
            </a:rPr>
            <a:t>R02</a:t>
          </a:r>
          <a:r>
            <a:rPr kumimoji="1" lang="ja-JP" altLang="en-US" sz="700">
              <a:latin typeface="ＭＳ ゴシック" pitchFamily="49" charset="-128"/>
              <a:ea typeface="ＭＳ ゴシック" pitchFamily="49" charset="-128"/>
            </a:rPr>
            <a:t>：</a:t>
          </a:r>
          <a:r>
            <a:rPr kumimoji="1" lang="en-US" altLang="ja-JP" sz="700">
              <a:latin typeface="ＭＳ ゴシック" pitchFamily="49" charset="-128"/>
              <a:ea typeface="ＭＳ ゴシック" pitchFamily="49" charset="-128"/>
            </a:rPr>
            <a:t>0.62</a:t>
          </a:r>
          <a:r>
            <a:rPr kumimoji="1" lang="ja-JP" altLang="en-US" sz="700">
              <a:latin typeface="ＭＳ ゴシック" pitchFamily="49" charset="-128"/>
              <a:ea typeface="ＭＳ ゴシック" pitchFamily="49" charset="-128"/>
            </a:rPr>
            <a:t>％、</a:t>
          </a:r>
          <a:r>
            <a:rPr kumimoji="1" lang="en-US" altLang="ja-JP" sz="700">
              <a:latin typeface="ＭＳ ゴシック" pitchFamily="49" charset="-128"/>
              <a:ea typeface="ＭＳ ゴシック" pitchFamily="49" charset="-128"/>
            </a:rPr>
            <a:t>R03</a:t>
          </a:r>
          <a:r>
            <a:rPr kumimoji="1" lang="ja-JP" altLang="en-US" sz="700">
              <a:latin typeface="ＭＳ ゴシック" pitchFamily="49" charset="-128"/>
              <a:ea typeface="ＭＳ ゴシック" pitchFamily="49" charset="-128"/>
            </a:rPr>
            <a:t>：</a:t>
          </a:r>
          <a:r>
            <a:rPr kumimoji="1" lang="en-US" altLang="ja-JP" sz="700">
              <a:latin typeface="ＭＳ ゴシック" pitchFamily="49" charset="-128"/>
              <a:ea typeface="ＭＳ ゴシック" pitchFamily="49" charset="-128"/>
            </a:rPr>
            <a:t>0.92</a:t>
          </a:r>
          <a:r>
            <a:rPr kumimoji="1" lang="ja-JP" altLang="en-US" sz="700">
              <a:latin typeface="ＭＳ ゴシック" pitchFamily="49" charset="-128"/>
              <a:ea typeface="ＭＳ ゴシック" pitchFamily="49" charset="-128"/>
            </a:rPr>
            <a:t>％（＊）となります。</a:t>
          </a:r>
          <a:endParaRPr kumimoji="1" lang="en-US" altLang="ja-JP" sz="700">
            <a:latin typeface="ＭＳ ゴシック" pitchFamily="49" charset="-128"/>
            <a:ea typeface="ＭＳ ゴシック" pitchFamily="49" charset="-128"/>
          </a:endParaRPr>
        </a:p>
        <a:p>
          <a:r>
            <a:rPr kumimoji="1" lang="ja-JP" altLang="en-US" sz="700">
              <a:latin typeface="ＭＳ ゴシック" pitchFamily="49" charset="-128"/>
              <a:ea typeface="ＭＳ ゴシック" pitchFamily="49" charset="-128"/>
            </a:rPr>
            <a:t>　　（＊）</a:t>
          </a:r>
          <a:r>
            <a:rPr kumimoji="1" lang="en-US" altLang="ja-JP" sz="700">
              <a:latin typeface="ＭＳ ゴシック" pitchFamily="49" charset="-128"/>
              <a:ea typeface="ＭＳ ゴシック" pitchFamily="49" charset="-128"/>
            </a:rPr>
            <a:t>R03</a:t>
          </a:r>
          <a:r>
            <a:rPr kumimoji="1" lang="ja-JP" altLang="en-US" sz="700">
              <a:latin typeface="ＭＳ ゴシック" pitchFamily="49" charset="-128"/>
              <a:ea typeface="ＭＳ ゴシック" pitchFamily="49" charset="-128"/>
            </a:rPr>
            <a:t>については、年度間調整分の他に、</a:t>
          </a:r>
          <a:r>
            <a:rPr kumimoji="1" lang="en-US" altLang="ja-JP" sz="700">
              <a:latin typeface="ＭＳ ゴシック" pitchFamily="49" charset="-128"/>
              <a:ea typeface="ＭＳ ゴシック" pitchFamily="49" charset="-128"/>
            </a:rPr>
            <a:t>R04</a:t>
          </a:r>
          <a:r>
            <a:rPr kumimoji="1" lang="ja-JP" altLang="en-US" sz="700">
              <a:latin typeface="ＭＳ ゴシック" pitchFamily="49" charset="-128"/>
              <a:ea typeface="ＭＳ ゴシック" pitchFamily="49" charset="-128"/>
            </a:rPr>
            <a:t>以降に活用予定の財源（</a:t>
          </a:r>
          <a:r>
            <a:rPr kumimoji="1" lang="en-US" altLang="ja-JP" sz="700">
              <a:latin typeface="ＭＳ ゴシック" pitchFamily="49" charset="-128"/>
              <a:ea typeface="ＭＳ ゴシック" pitchFamily="49" charset="-128"/>
            </a:rPr>
            <a:t>151</a:t>
          </a:r>
          <a:r>
            <a:rPr kumimoji="1" lang="ja-JP" altLang="en-US" sz="700">
              <a:latin typeface="ＭＳ ゴシック" pitchFamily="49" charset="-128"/>
              <a:ea typeface="ＭＳ ゴシック" pitchFamily="49" charset="-128"/>
            </a:rPr>
            <a:t>億円）を除いています。</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令和３年度は、引き続き全会計が黒字のため、連結実質赤字比率は発生していません。また、標準財政規模比の全体の黒字額は前年度に比べて増加しており、ほぼすべての会計で比率が増加しています。</a:t>
          </a:r>
        </a:p>
        <a:p>
          <a:r>
            <a:rPr kumimoji="1" lang="ja-JP" altLang="en-US" sz="1200">
              <a:latin typeface="ＭＳ ゴシック" pitchFamily="49" charset="-128"/>
              <a:ea typeface="ＭＳ ゴシック" pitchFamily="49" charset="-128"/>
            </a:rPr>
            <a:t>　昨年比での増加幅が大きい会計について見てみると、一般会計は、市税収入や県税交付金収入が見込を上回ったこと等により歳入歳出差引が増加したため比率が増加しました。国民健康保険事業費会計は、一般被保険者の受診件数及び特定健康検査の受診件数が見込を下回ったことによる保険給付費の減少等により歳入歳出差引が増加したため比率が増加しました。また、病院事業会計は、コロナ対応に伴う補助金の効果とともに、通常医療との両立を図ったことにより現金・預金や未収金などの流動資産が増加し、資金剰余額が増加したため比率が増加しました。</a:t>
          </a:r>
        </a:p>
        <a:p>
          <a:r>
            <a:rPr kumimoji="1" lang="ja-JP" altLang="en-US" sz="1200">
              <a:latin typeface="ＭＳ ゴシック" pitchFamily="49" charset="-128"/>
              <a:ea typeface="ＭＳ ゴシック" pitchFamily="49" charset="-128"/>
            </a:rPr>
            <a:t>　今後は、企業会計を中心に施設やインフラ設備の老朽化による保全・更新経費等の上昇が見込まれますが、経営計画等により、計画的な財政運営を行っていきます。</a:t>
          </a:r>
        </a:p>
        <a:p>
          <a:endParaRPr kumimoji="1" lang="ja-JP" altLang="en-US" sz="12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13.xm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14.xml"/></Relationships>
</file>

<file path=xl/worksheets/_rels/sheet16.xml.rels><?xml version="1.0" encoding="UTF-8" standalone="yes"?>
<Relationships xmlns="http://schemas.openxmlformats.org/package/2006/relationships"><Relationship Id="rId1" Type="http://schemas.openxmlformats.org/officeDocument/2006/relationships/drawing" Target="../drawings/drawing15.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0" t="s">
        <v>80</v>
      </c>
      <c r="C1" s="630"/>
      <c r="D1" s="630"/>
      <c r="E1" s="630"/>
      <c r="F1" s="630"/>
      <c r="G1" s="630"/>
      <c r="H1" s="630"/>
      <c r="I1" s="630"/>
      <c r="J1" s="630"/>
      <c r="K1" s="630"/>
      <c r="L1" s="630"/>
      <c r="M1" s="630"/>
      <c r="N1" s="630"/>
      <c r="O1" s="630"/>
      <c r="P1" s="630"/>
      <c r="Q1" s="630"/>
      <c r="R1" s="630"/>
      <c r="S1" s="630"/>
      <c r="T1" s="630"/>
      <c r="U1" s="630"/>
      <c r="V1" s="630"/>
      <c r="W1" s="630"/>
      <c r="X1" s="630"/>
      <c r="Y1" s="630"/>
      <c r="Z1" s="630"/>
      <c r="AA1" s="630"/>
      <c r="AB1" s="630"/>
      <c r="AC1" s="630"/>
      <c r="AD1" s="630"/>
      <c r="AE1" s="630"/>
      <c r="AF1" s="630"/>
      <c r="AG1" s="630"/>
      <c r="AH1" s="630"/>
      <c r="AI1" s="630"/>
      <c r="AJ1" s="630"/>
      <c r="AK1" s="630"/>
      <c r="AL1" s="630"/>
      <c r="AM1" s="630"/>
      <c r="AN1" s="630"/>
      <c r="AO1" s="630"/>
      <c r="AP1" s="630"/>
      <c r="AQ1" s="630"/>
      <c r="AR1" s="630"/>
      <c r="AS1" s="630"/>
      <c r="AT1" s="630"/>
      <c r="AU1" s="630"/>
      <c r="AV1" s="630"/>
      <c r="AW1" s="630"/>
      <c r="AX1" s="630"/>
      <c r="AY1" s="630"/>
      <c r="AZ1" s="630"/>
      <c r="BA1" s="630"/>
      <c r="BB1" s="630"/>
      <c r="BC1" s="630"/>
      <c r="BD1" s="630"/>
      <c r="BE1" s="630"/>
      <c r="BF1" s="630"/>
      <c r="BG1" s="630"/>
      <c r="BH1" s="630"/>
      <c r="BI1" s="630"/>
      <c r="BJ1" s="630"/>
      <c r="BK1" s="630"/>
      <c r="BL1" s="630"/>
      <c r="BM1" s="630"/>
      <c r="BN1" s="630"/>
      <c r="BO1" s="630"/>
      <c r="BP1" s="630"/>
      <c r="BQ1" s="630"/>
      <c r="BR1" s="630"/>
      <c r="BS1" s="630"/>
      <c r="BT1" s="630"/>
      <c r="BU1" s="630"/>
      <c r="BV1" s="630"/>
      <c r="BW1" s="630"/>
      <c r="BX1" s="630"/>
      <c r="BY1" s="630"/>
      <c r="BZ1" s="630"/>
      <c r="CA1" s="630"/>
      <c r="CB1" s="630"/>
      <c r="CC1" s="630"/>
      <c r="CD1" s="630"/>
      <c r="CE1" s="630"/>
      <c r="CF1" s="630"/>
      <c r="CG1" s="630"/>
      <c r="CH1" s="630"/>
      <c r="CI1" s="630"/>
      <c r="CJ1" s="630"/>
      <c r="CK1" s="630"/>
      <c r="CL1" s="630"/>
      <c r="CM1" s="630"/>
      <c r="CN1" s="630"/>
      <c r="CO1" s="630"/>
      <c r="CP1" s="630"/>
      <c r="CQ1" s="630"/>
      <c r="CR1" s="630"/>
      <c r="CS1" s="630"/>
      <c r="CT1" s="630"/>
      <c r="CU1" s="630"/>
      <c r="CV1" s="630"/>
      <c r="CW1" s="630"/>
      <c r="CX1" s="630"/>
      <c r="CY1" s="630"/>
      <c r="CZ1" s="630"/>
      <c r="DA1" s="630"/>
      <c r="DB1" s="630"/>
      <c r="DC1" s="630"/>
      <c r="DD1" s="630"/>
      <c r="DE1" s="630"/>
      <c r="DF1" s="630"/>
      <c r="DG1" s="630"/>
      <c r="DH1" s="630"/>
      <c r="DI1" s="630"/>
      <c r="DJ1" s="178"/>
      <c r="DK1" s="178"/>
      <c r="DL1" s="178"/>
      <c r="DM1" s="178"/>
      <c r="DN1" s="178"/>
      <c r="DO1" s="178"/>
    </row>
    <row r="2" spans="1:119" ht="24" thickBot="1" x14ac:dyDescent="0.25">
      <c r="B2" s="179" t="s">
        <v>81</v>
      </c>
      <c r="C2" s="179"/>
      <c r="D2" s="180"/>
    </row>
    <row r="3" spans="1:119" ht="18.75" customHeight="1" thickBot="1" x14ac:dyDescent="0.25">
      <c r="A3" s="178"/>
      <c r="B3" s="631" t="s">
        <v>82</v>
      </c>
      <c r="C3" s="632"/>
      <c r="D3" s="632"/>
      <c r="E3" s="633"/>
      <c r="F3" s="633"/>
      <c r="G3" s="633"/>
      <c r="H3" s="633"/>
      <c r="I3" s="633"/>
      <c r="J3" s="633"/>
      <c r="K3" s="633"/>
      <c r="L3" s="633" t="s">
        <v>83</v>
      </c>
      <c r="M3" s="633"/>
      <c r="N3" s="633"/>
      <c r="O3" s="633"/>
      <c r="P3" s="633"/>
      <c r="Q3" s="633"/>
      <c r="R3" s="636"/>
      <c r="S3" s="636"/>
      <c r="T3" s="636"/>
      <c r="U3" s="636"/>
      <c r="V3" s="637"/>
      <c r="W3" s="527" t="s">
        <v>84</v>
      </c>
      <c r="X3" s="528"/>
      <c r="Y3" s="528"/>
      <c r="Z3" s="528"/>
      <c r="AA3" s="528"/>
      <c r="AB3" s="632"/>
      <c r="AC3" s="636" t="s">
        <v>85</v>
      </c>
      <c r="AD3" s="528"/>
      <c r="AE3" s="528"/>
      <c r="AF3" s="528"/>
      <c r="AG3" s="528"/>
      <c r="AH3" s="528"/>
      <c r="AI3" s="528"/>
      <c r="AJ3" s="528"/>
      <c r="AK3" s="528"/>
      <c r="AL3" s="598"/>
      <c r="AM3" s="527" t="s">
        <v>86</v>
      </c>
      <c r="AN3" s="528"/>
      <c r="AO3" s="528"/>
      <c r="AP3" s="528"/>
      <c r="AQ3" s="528"/>
      <c r="AR3" s="528"/>
      <c r="AS3" s="528"/>
      <c r="AT3" s="528"/>
      <c r="AU3" s="528"/>
      <c r="AV3" s="528"/>
      <c r="AW3" s="528"/>
      <c r="AX3" s="598"/>
      <c r="AY3" s="590" t="s">
        <v>1</v>
      </c>
      <c r="AZ3" s="591"/>
      <c r="BA3" s="591"/>
      <c r="BB3" s="591"/>
      <c r="BC3" s="591"/>
      <c r="BD3" s="591"/>
      <c r="BE3" s="591"/>
      <c r="BF3" s="591"/>
      <c r="BG3" s="591"/>
      <c r="BH3" s="591"/>
      <c r="BI3" s="591"/>
      <c r="BJ3" s="591"/>
      <c r="BK3" s="591"/>
      <c r="BL3" s="591"/>
      <c r="BM3" s="640"/>
      <c r="BN3" s="527" t="s">
        <v>87</v>
      </c>
      <c r="BO3" s="528"/>
      <c r="BP3" s="528"/>
      <c r="BQ3" s="528"/>
      <c r="BR3" s="528"/>
      <c r="BS3" s="528"/>
      <c r="BT3" s="528"/>
      <c r="BU3" s="598"/>
      <c r="BV3" s="527" t="s">
        <v>88</v>
      </c>
      <c r="BW3" s="528"/>
      <c r="BX3" s="528"/>
      <c r="BY3" s="528"/>
      <c r="BZ3" s="528"/>
      <c r="CA3" s="528"/>
      <c r="CB3" s="528"/>
      <c r="CC3" s="598"/>
      <c r="CD3" s="590" t="s">
        <v>1</v>
      </c>
      <c r="CE3" s="591"/>
      <c r="CF3" s="591"/>
      <c r="CG3" s="591"/>
      <c r="CH3" s="591"/>
      <c r="CI3" s="591"/>
      <c r="CJ3" s="591"/>
      <c r="CK3" s="591"/>
      <c r="CL3" s="591"/>
      <c r="CM3" s="591"/>
      <c r="CN3" s="591"/>
      <c r="CO3" s="591"/>
      <c r="CP3" s="591"/>
      <c r="CQ3" s="591"/>
      <c r="CR3" s="591"/>
      <c r="CS3" s="640"/>
      <c r="CT3" s="527" t="s">
        <v>89</v>
      </c>
      <c r="CU3" s="528"/>
      <c r="CV3" s="528"/>
      <c r="CW3" s="528"/>
      <c r="CX3" s="528"/>
      <c r="CY3" s="528"/>
      <c r="CZ3" s="528"/>
      <c r="DA3" s="598"/>
      <c r="DB3" s="527" t="s">
        <v>90</v>
      </c>
      <c r="DC3" s="528"/>
      <c r="DD3" s="528"/>
      <c r="DE3" s="528"/>
      <c r="DF3" s="528"/>
      <c r="DG3" s="528"/>
      <c r="DH3" s="528"/>
      <c r="DI3" s="598"/>
    </row>
    <row r="4" spans="1:119" ht="18.75" customHeight="1" x14ac:dyDescent="0.2">
      <c r="A4" s="178"/>
      <c r="B4" s="606"/>
      <c r="C4" s="607"/>
      <c r="D4" s="607"/>
      <c r="E4" s="608"/>
      <c r="F4" s="608"/>
      <c r="G4" s="608"/>
      <c r="H4" s="608"/>
      <c r="I4" s="608"/>
      <c r="J4" s="608"/>
      <c r="K4" s="608"/>
      <c r="L4" s="608"/>
      <c r="M4" s="608"/>
      <c r="N4" s="608"/>
      <c r="O4" s="608"/>
      <c r="P4" s="608"/>
      <c r="Q4" s="608"/>
      <c r="R4" s="612"/>
      <c r="S4" s="612"/>
      <c r="T4" s="612"/>
      <c r="U4" s="612"/>
      <c r="V4" s="613"/>
      <c r="W4" s="599"/>
      <c r="X4" s="409"/>
      <c r="Y4" s="409"/>
      <c r="Z4" s="409"/>
      <c r="AA4" s="409"/>
      <c r="AB4" s="607"/>
      <c r="AC4" s="612"/>
      <c r="AD4" s="409"/>
      <c r="AE4" s="409"/>
      <c r="AF4" s="409"/>
      <c r="AG4" s="409"/>
      <c r="AH4" s="409"/>
      <c r="AI4" s="409"/>
      <c r="AJ4" s="409"/>
      <c r="AK4" s="409"/>
      <c r="AL4" s="600"/>
      <c r="AM4" s="549"/>
      <c r="AN4" s="447"/>
      <c r="AO4" s="447"/>
      <c r="AP4" s="447"/>
      <c r="AQ4" s="447"/>
      <c r="AR4" s="447"/>
      <c r="AS4" s="447"/>
      <c r="AT4" s="447"/>
      <c r="AU4" s="447"/>
      <c r="AV4" s="447"/>
      <c r="AW4" s="447"/>
      <c r="AX4" s="639"/>
      <c r="AY4" s="484" t="s">
        <v>91</v>
      </c>
      <c r="AZ4" s="485"/>
      <c r="BA4" s="485"/>
      <c r="BB4" s="485"/>
      <c r="BC4" s="485"/>
      <c r="BD4" s="485"/>
      <c r="BE4" s="485"/>
      <c r="BF4" s="485"/>
      <c r="BG4" s="485"/>
      <c r="BH4" s="485"/>
      <c r="BI4" s="485"/>
      <c r="BJ4" s="485"/>
      <c r="BK4" s="485"/>
      <c r="BL4" s="485"/>
      <c r="BM4" s="486"/>
      <c r="BN4" s="487">
        <v>2230290510</v>
      </c>
      <c r="BO4" s="488"/>
      <c r="BP4" s="488"/>
      <c r="BQ4" s="488"/>
      <c r="BR4" s="488"/>
      <c r="BS4" s="488"/>
      <c r="BT4" s="488"/>
      <c r="BU4" s="489"/>
      <c r="BV4" s="487">
        <v>2392988333</v>
      </c>
      <c r="BW4" s="488"/>
      <c r="BX4" s="488"/>
      <c r="BY4" s="488"/>
      <c r="BZ4" s="488"/>
      <c r="CA4" s="488"/>
      <c r="CB4" s="488"/>
      <c r="CC4" s="489"/>
      <c r="CD4" s="624" t="s">
        <v>92</v>
      </c>
      <c r="CE4" s="625"/>
      <c r="CF4" s="625"/>
      <c r="CG4" s="625"/>
      <c r="CH4" s="625"/>
      <c r="CI4" s="625"/>
      <c r="CJ4" s="625"/>
      <c r="CK4" s="625"/>
      <c r="CL4" s="625"/>
      <c r="CM4" s="625"/>
      <c r="CN4" s="625"/>
      <c r="CO4" s="625"/>
      <c r="CP4" s="625"/>
      <c r="CQ4" s="625"/>
      <c r="CR4" s="625"/>
      <c r="CS4" s="626"/>
      <c r="CT4" s="627">
        <v>1.4</v>
      </c>
      <c r="CU4" s="628"/>
      <c r="CV4" s="628"/>
      <c r="CW4" s="628"/>
      <c r="CX4" s="628"/>
      <c r="CY4" s="628"/>
      <c r="CZ4" s="628"/>
      <c r="DA4" s="629"/>
      <c r="DB4" s="627">
        <v>0.7</v>
      </c>
      <c r="DC4" s="628"/>
      <c r="DD4" s="628"/>
      <c r="DE4" s="628"/>
      <c r="DF4" s="628"/>
      <c r="DG4" s="628"/>
      <c r="DH4" s="628"/>
      <c r="DI4" s="629"/>
    </row>
    <row r="5" spans="1:119" ht="18.75" customHeight="1" x14ac:dyDescent="0.2">
      <c r="A5" s="178"/>
      <c r="B5" s="634"/>
      <c r="C5" s="448"/>
      <c r="D5" s="448"/>
      <c r="E5" s="635"/>
      <c r="F5" s="635"/>
      <c r="G5" s="635"/>
      <c r="H5" s="635"/>
      <c r="I5" s="635"/>
      <c r="J5" s="635"/>
      <c r="K5" s="635"/>
      <c r="L5" s="635"/>
      <c r="M5" s="635"/>
      <c r="N5" s="635"/>
      <c r="O5" s="635"/>
      <c r="P5" s="635"/>
      <c r="Q5" s="635"/>
      <c r="R5" s="446"/>
      <c r="S5" s="446"/>
      <c r="T5" s="446"/>
      <c r="U5" s="446"/>
      <c r="V5" s="638"/>
      <c r="W5" s="549"/>
      <c r="X5" s="447"/>
      <c r="Y5" s="447"/>
      <c r="Z5" s="447"/>
      <c r="AA5" s="447"/>
      <c r="AB5" s="448"/>
      <c r="AC5" s="446"/>
      <c r="AD5" s="447"/>
      <c r="AE5" s="447"/>
      <c r="AF5" s="447"/>
      <c r="AG5" s="447"/>
      <c r="AH5" s="447"/>
      <c r="AI5" s="447"/>
      <c r="AJ5" s="447"/>
      <c r="AK5" s="447"/>
      <c r="AL5" s="639"/>
      <c r="AM5" s="515" t="s">
        <v>93</v>
      </c>
      <c r="AN5" s="415"/>
      <c r="AO5" s="415"/>
      <c r="AP5" s="415"/>
      <c r="AQ5" s="415"/>
      <c r="AR5" s="415"/>
      <c r="AS5" s="415"/>
      <c r="AT5" s="416"/>
      <c r="AU5" s="516" t="s">
        <v>94</v>
      </c>
      <c r="AV5" s="517"/>
      <c r="AW5" s="517"/>
      <c r="AX5" s="517"/>
      <c r="AY5" s="472" t="s">
        <v>95</v>
      </c>
      <c r="AZ5" s="473"/>
      <c r="BA5" s="473"/>
      <c r="BB5" s="473"/>
      <c r="BC5" s="473"/>
      <c r="BD5" s="473"/>
      <c r="BE5" s="473"/>
      <c r="BF5" s="473"/>
      <c r="BG5" s="473"/>
      <c r="BH5" s="473"/>
      <c r="BI5" s="473"/>
      <c r="BJ5" s="473"/>
      <c r="BK5" s="473"/>
      <c r="BL5" s="473"/>
      <c r="BM5" s="474"/>
      <c r="BN5" s="458">
        <v>2202642428</v>
      </c>
      <c r="BO5" s="459"/>
      <c r="BP5" s="459"/>
      <c r="BQ5" s="459"/>
      <c r="BR5" s="459"/>
      <c r="BS5" s="459"/>
      <c r="BT5" s="459"/>
      <c r="BU5" s="460"/>
      <c r="BV5" s="458">
        <v>2369287047</v>
      </c>
      <c r="BW5" s="459"/>
      <c r="BX5" s="459"/>
      <c r="BY5" s="459"/>
      <c r="BZ5" s="459"/>
      <c r="CA5" s="459"/>
      <c r="CB5" s="459"/>
      <c r="CC5" s="460"/>
      <c r="CD5" s="498" t="s">
        <v>96</v>
      </c>
      <c r="CE5" s="418"/>
      <c r="CF5" s="418"/>
      <c r="CG5" s="418"/>
      <c r="CH5" s="418"/>
      <c r="CI5" s="418"/>
      <c r="CJ5" s="418"/>
      <c r="CK5" s="418"/>
      <c r="CL5" s="418"/>
      <c r="CM5" s="418"/>
      <c r="CN5" s="418"/>
      <c r="CO5" s="418"/>
      <c r="CP5" s="418"/>
      <c r="CQ5" s="418"/>
      <c r="CR5" s="418"/>
      <c r="CS5" s="499"/>
      <c r="CT5" s="455">
        <v>95.1</v>
      </c>
      <c r="CU5" s="456"/>
      <c r="CV5" s="456"/>
      <c r="CW5" s="456"/>
      <c r="CX5" s="456"/>
      <c r="CY5" s="456"/>
      <c r="CZ5" s="456"/>
      <c r="DA5" s="457"/>
      <c r="DB5" s="455">
        <v>100.5</v>
      </c>
      <c r="DC5" s="456"/>
      <c r="DD5" s="456"/>
      <c r="DE5" s="456"/>
      <c r="DF5" s="456"/>
      <c r="DG5" s="456"/>
      <c r="DH5" s="456"/>
      <c r="DI5" s="457"/>
    </row>
    <row r="6" spans="1:119" ht="18.75" customHeight="1" x14ac:dyDescent="0.2">
      <c r="A6" s="178"/>
      <c r="B6" s="604" t="s">
        <v>97</v>
      </c>
      <c r="C6" s="445"/>
      <c r="D6" s="445"/>
      <c r="E6" s="605"/>
      <c r="F6" s="605"/>
      <c r="G6" s="605"/>
      <c r="H6" s="605"/>
      <c r="I6" s="605"/>
      <c r="J6" s="605"/>
      <c r="K6" s="605"/>
      <c r="L6" s="605" t="s">
        <v>98</v>
      </c>
      <c r="M6" s="605"/>
      <c r="N6" s="605"/>
      <c r="O6" s="605"/>
      <c r="P6" s="605"/>
      <c r="Q6" s="605"/>
      <c r="R6" s="443"/>
      <c r="S6" s="443"/>
      <c r="T6" s="443"/>
      <c r="U6" s="443"/>
      <c r="V6" s="611"/>
      <c r="W6" s="548" t="s">
        <v>99</v>
      </c>
      <c r="X6" s="444"/>
      <c r="Y6" s="444"/>
      <c r="Z6" s="444"/>
      <c r="AA6" s="444"/>
      <c r="AB6" s="445"/>
      <c r="AC6" s="616" t="s">
        <v>100</v>
      </c>
      <c r="AD6" s="617"/>
      <c r="AE6" s="617"/>
      <c r="AF6" s="617"/>
      <c r="AG6" s="617"/>
      <c r="AH6" s="617"/>
      <c r="AI6" s="617"/>
      <c r="AJ6" s="617"/>
      <c r="AK6" s="617"/>
      <c r="AL6" s="618"/>
      <c r="AM6" s="515" t="s">
        <v>101</v>
      </c>
      <c r="AN6" s="415"/>
      <c r="AO6" s="415"/>
      <c r="AP6" s="415"/>
      <c r="AQ6" s="415"/>
      <c r="AR6" s="415"/>
      <c r="AS6" s="415"/>
      <c r="AT6" s="416"/>
      <c r="AU6" s="516" t="s">
        <v>102</v>
      </c>
      <c r="AV6" s="517"/>
      <c r="AW6" s="517"/>
      <c r="AX6" s="517"/>
      <c r="AY6" s="472" t="s">
        <v>103</v>
      </c>
      <c r="AZ6" s="473"/>
      <c r="BA6" s="473"/>
      <c r="BB6" s="473"/>
      <c r="BC6" s="473"/>
      <c r="BD6" s="473"/>
      <c r="BE6" s="473"/>
      <c r="BF6" s="473"/>
      <c r="BG6" s="473"/>
      <c r="BH6" s="473"/>
      <c r="BI6" s="473"/>
      <c r="BJ6" s="473"/>
      <c r="BK6" s="473"/>
      <c r="BL6" s="473"/>
      <c r="BM6" s="474"/>
      <c r="BN6" s="458">
        <v>27648082</v>
      </c>
      <c r="BO6" s="459"/>
      <c r="BP6" s="459"/>
      <c r="BQ6" s="459"/>
      <c r="BR6" s="459"/>
      <c r="BS6" s="459"/>
      <c r="BT6" s="459"/>
      <c r="BU6" s="460"/>
      <c r="BV6" s="458">
        <v>23701286</v>
      </c>
      <c r="BW6" s="459"/>
      <c r="BX6" s="459"/>
      <c r="BY6" s="459"/>
      <c r="BZ6" s="459"/>
      <c r="CA6" s="459"/>
      <c r="CB6" s="459"/>
      <c r="CC6" s="460"/>
      <c r="CD6" s="498" t="s">
        <v>104</v>
      </c>
      <c r="CE6" s="418"/>
      <c r="CF6" s="418"/>
      <c r="CG6" s="418"/>
      <c r="CH6" s="418"/>
      <c r="CI6" s="418"/>
      <c r="CJ6" s="418"/>
      <c r="CK6" s="418"/>
      <c r="CL6" s="418"/>
      <c r="CM6" s="418"/>
      <c r="CN6" s="418"/>
      <c r="CO6" s="418"/>
      <c r="CP6" s="418"/>
      <c r="CQ6" s="418"/>
      <c r="CR6" s="418"/>
      <c r="CS6" s="499"/>
      <c r="CT6" s="601">
        <v>100.8</v>
      </c>
      <c r="CU6" s="602"/>
      <c r="CV6" s="602"/>
      <c r="CW6" s="602"/>
      <c r="CX6" s="602"/>
      <c r="CY6" s="602"/>
      <c r="CZ6" s="602"/>
      <c r="DA6" s="603"/>
      <c r="DB6" s="601">
        <v>105.6</v>
      </c>
      <c r="DC6" s="602"/>
      <c r="DD6" s="602"/>
      <c r="DE6" s="602"/>
      <c r="DF6" s="602"/>
      <c r="DG6" s="602"/>
      <c r="DH6" s="602"/>
      <c r="DI6" s="603"/>
    </row>
    <row r="7" spans="1:119" ht="18.75" customHeight="1" x14ac:dyDescent="0.2">
      <c r="A7" s="178"/>
      <c r="B7" s="606"/>
      <c r="C7" s="607"/>
      <c r="D7" s="607"/>
      <c r="E7" s="608"/>
      <c r="F7" s="608"/>
      <c r="G7" s="608"/>
      <c r="H7" s="608"/>
      <c r="I7" s="608"/>
      <c r="J7" s="608"/>
      <c r="K7" s="608"/>
      <c r="L7" s="608"/>
      <c r="M7" s="608"/>
      <c r="N7" s="608"/>
      <c r="O7" s="608"/>
      <c r="P7" s="608"/>
      <c r="Q7" s="608"/>
      <c r="R7" s="612"/>
      <c r="S7" s="612"/>
      <c r="T7" s="612"/>
      <c r="U7" s="612"/>
      <c r="V7" s="613"/>
      <c r="W7" s="599"/>
      <c r="X7" s="409"/>
      <c r="Y7" s="409"/>
      <c r="Z7" s="409"/>
      <c r="AA7" s="409"/>
      <c r="AB7" s="607"/>
      <c r="AC7" s="619"/>
      <c r="AD7" s="410"/>
      <c r="AE7" s="410"/>
      <c r="AF7" s="410"/>
      <c r="AG7" s="410"/>
      <c r="AH7" s="410"/>
      <c r="AI7" s="410"/>
      <c r="AJ7" s="410"/>
      <c r="AK7" s="410"/>
      <c r="AL7" s="620"/>
      <c r="AM7" s="515" t="s">
        <v>105</v>
      </c>
      <c r="AN7" s="415"/>
      <c r="AO7" s="415"/>
      <c r="AP7" s="415"/>
      <c r="AQ7" s="415"/>
      <c r="AR7" s="415"/>
      <c r="AS7" s="415"/>
      <c r="AT7" s="416"/>
      <c r="AU7" s="516" t="s">
        <v>106</v>
      </c>
      <c r="AV7" s="517"/>
      <c r="AW7" s="517"/>
      <c r="AX7" s="517"/>
      <c r="AY7" s="472" t="s">
        <v>107</v>
      </c>
      <c r="AZ7" s="473"/>
      <c r="BA7" s="473"/>
      <c r="BB7" s="473"/>
      <c r="BC7" s="473"/>
      <c r="BD7" s="473"/>
      <c r="BE7" s="473"/>
      <c r="BF7" s="473"/>
      <c r="BG7" s="473"/>
      <c r="BH7" s="473"/>
      <c r="BI7" s="473"/>
      <c r="BJ7" s="473"/>
      <c r="BK7" s="473"/>
      <c r="BL7" s="473"/>
      <c r="BM7" s="474"/>
      <c r="BN7" s="458">
        <v>13651510</v>
      </c>
      <c r="BO7" s="459"/>
      <c r="BP7" s="459"/>
      <c r="BQ7" s="459"/>
      <c r="BR7" s="459"/>
      <c r="BS7" s="459"/>
      <c r="BT7" s="459"/>
      <c r="BU7" s="460"/>
      <c r="BV7" s="458">
        <v>16968466</v>
      </c>
      <c r="BW7" s="459"/>
      <c r="BX7" s="459"/>
      <c r="BY7" s="459"/>
      <c r="BZ7" s="459"/>
      <c r="CA7" s="459"/>
      <c r="CB7" s="459"/>
      <c r="CC7" s="460"/>
      <c r="CD7" s="498" t="s">
        <v>108</v>
      </c>
      <c r="CE7" s="418"/>
      <c r="CF7" s="418"/>
      <c r="CG7" s="418"/>
      <c r="CH7" s="418"/>
      <c r="CI7" s="418"/>
      <c r="CJ7" s="418"/>
      <c r="CK7" s="418"/>
      <c r="CL7" s="418"/>
      <c r="CM7" s="418"/>
      <c r="CN7" s="418"/>
      <c r="CO7" s="418"/>
      <c r="CP7" s="418"/>
      <c r="CQ7" s="418"/>
      <c r="CR7" s="418"/>
      <c r="CS7" s="499"/>
      <c r="CT7" s="458">
        <v>999814703</v>
      </c>
      <c r="CU7" s="459"/>
      <c r="CV7" s="459"/>
      <c r="CW7" s="459"/>
      <c r="CX7" s="459"/>
      <c r="CY7" s="459"/>
      <c r="CZ7" s="459"/>
      <c r="DA7" s="460"/>
      <c r="DB7" s="458">
        <v>957786462</v>
      </c>
      <c r="DC7" s="459"/>
      <c r="DD7" s="459"/>
      <c r="DE7" s="459"/>
      <c r="DF7" s="459"/>
      <c r="DG7" s="459"/>
      <c r="DH7" s="459"/>
      <c r="DI7" s="460"/>
    </row>
    <row r="8" spans="1:119" ht="18.75" customHeight="1" thickBot="1" x14ac:dyDescent="0.25">
      <c r="A8" s="178"/>
      <c r="B8" s="609"/>
      <c r="C8" s="554"/>
      <c r="D8" s="554"/>
      <c r="E8" s="610"/>
      <c r="F8" s="610"/>
      <c r="G8" s="610"/>
      <c r="H8" s="610"/>
      <c r="I8" s="610"/>
      <c r="J8" s="610"/>
      <c r="K8" s="610"/>
      <c r="L8" s="610"/>
      <c r="M8" s="610"/>
      <c r="N8" s="610"/>
      <c r="O8" s="610"/>
      <c r="P8" s="610"/>
      <c r="Q8" s="610"/>
      <c r="R8" s="614"/>
      <c r="S8" s="614"/>
      <c r="T8" s="614"/>
      <c r="U8" s="614"/>
      <c r="V8" s="615"/>
      <c r="W8" s="529"/>
      <c r="X8" s="530"/>
      <c r="Y8" s="530"/>
      <c r="Z8" s="530"/>
      <c r="AA8" s="530"/>
      <c r="AB8" s="554"/>
      <c r="AC8" s="621"/>
      <c r="AD8" s="622"/>
      <c r="AE8" s="622"/>
      <c r="AF8" s="622"/>
      <c r="AG8" s="622"/>
      <c r="AH8" s="622"/>
      <c r="AI8" s="622"/>
      <c r="AJ8" s="622"/>
      <c r="AK8" s="622"/>
      <c r="AL8" s="623"/>
      <c r="AM8" s="515" t="s">
        <v>109</v>
      </c>
      <c r="AN8" s="415"/>
      <c r="AO8" s="415"/>
      <c r="AP8" s="415"/>
      <c r="AQ8" s="415"/>
      <c r="AR8" s="415"/>
      <c r="AS8" s="415"/>
      <c r="AT8" s="416"/>
      <c r="AU8" s="516" t="s">
        <v>110</v>
      </c>
      <c r="AV8" s="517"/>
      <c r="AW8" s="517"/>
      <c r="AX8" s="517"/>
      <c r="AY8" s="472" t="s">
        <v>111</v>
      </c>
      <c r="AZ8" s="473"/>
      <c r="BA8" s="473"/>
      <c r="BB8" s="473"/>
      <c r="BC8" s="473"/>
      <c r="BD8" s="473"/>
      <c r="BE8" s="473"/>
      <c r="BF8" s="473"/>
      <c r="BG8" s="473"/>
      <c r="BH8" s="473"/>
      <c r="BI8" s="473"/>
      <c r="BJ8" s="473"/>
      <c r="BK8" s="473"/>
      <c r="BL8" s="473"/>
      <c r="BM8" s="474"/>
      <c r="BN8" s="458">
        <v>13996572</v>
      </c>
      <c r="BO8" s="459"/>
      <c r="BP8" s="459"/>
      <c r="BQ8" s="459"/>
      <c r="BR8" s="459"/>
      <c r="BS8" s="459"/>
      <c r="BT8" s="459"/>
      <c r="BU8" s="460"/>
      <c r="BV8" s="458">
        <v>6732820</v>
      </c>
      <c r="BW8" s="459"/>
      <c r="BX8" s="459"/>
      <c r="BY8" s="459"/>
      <c r="BZ8" s="459"/>
      <c r="CA8" s="459"/>
      <c r="CB8" s="459"/>
      <c r="CC8" s="460"/>
      <c r="CD8" s="498" t="s">
        <v>112</v>
      </c>
      <c r="CE8" s="418"/>
      <c r="CF8" s="418"/>
      <c r="CG8" s="418"/>
      <c r="CH8" s="418"/>
      <c r="CI8" s="418"/>
      <c r="CJ8" s="418"/>
      <c r="CK8" s="418"/>
      <c r="CL8" s="418"/>
      <c r="CM8" s="418"/>
      <c r="CN8" s="418"/>
      <c r="CO8" s="418"/>
      <c r="CP8" s="418"/>
      <c r="CQ8" s="418"/>
      <c r="CR8" s="418"/>
      <c r="CS8" s="499"/>
      <c r="CT8" s="561">
        <v>0.96</v>
      </c>
      <c r="CU8" s="562"/>
      <c r="CV8" s="562"/>
      <c r="CW8" s="562"/>
      <c r="CX8" s="562"/>
      <c r="CY8" s="562"/>
      <c r="CZ8" s="562"/>
      <c r="DA8" s="563"/>
      <c r="DB8" s="561">
        <v>0.97</v>
      </c>
      <c r="DC8" s="562"/>
      <c r="DD8" s="562"/>
      <c r="DE8" s="562"/>
      <c r="DF8" s="562"/>
      <c r="DG8" s="562"/>
      <c r="DH8" s="562"/>
      <c r="DI8" s="563"/>
    </row>
    <row r="9" spans="1:119" ht="18.75" customHeight="1" thickBot="1" x14ac:dyDescent="0.25">
      <c r="A9" s="178"/>
      <c r="B9" s="590" t="s">
        <v>113</v>
      </c>
      <c r="C9" s="591"/>
      <c r="D9" s="591"/>
      <c r="E9" s="591"/>
      <c r="F9" s="591"/>
      <c r="G9" s="591"/>
      <c r="H9" s="591"/>
      <c r="I9" s="591"/>
      <c r="J9" s="591"/>
      <c r="K9" s="509"/>
      <c r="L9" s="592" t="s">
        <v>114</v>
      </c>
      <c r="M9" s="593"/>
      <c r="N9" s="593"/>
      <c r="O9" s="593"/>
      <c r="P9" s="593"/>
      <c r="Q9" s="594"/>
      <c r="R9" s="595">
        <v>3777491</v>
      </c>
      <c r="S9" s="596"/>
      <c r="T9" s="596"/>
      <c r="U9" s="596"/>
      <c r="V9" s="597"/>
      <c r="W9" s="527" t="s">
        <v>115</v>
      </c>
      <c r="X9" s="528"/>
      <c r="Y9" s="528"/>
      <c r="Z9" s="528"/>
      <c r="AA9" s="528"/>
      <c r="AB9" s="528"/>
      <c r="AC9" s="528"/>
      <c r="AD9" s="528"/>
      <c r="AE9" s="528"/>
      <c r="AF9" s="528"/>
      <c r="AG9" s="528"/>
      <c r="AH9" s="528"/>
      <c r="AI9" s="528"/>
      <c r="AJ9" s="528"/>
      <c r="AK9" s="528"/>
      <c r="AL9" s="598"/>
      <c r="AM9" s="515" t="s">
        <v>116</v>
      </c>
      <c r="AN9" s="415"/>
      <c r="AO9" s="415"/>
      <c r="AP9" s="415"/>
      <c r="AQ9" s="415"/>
      <c r="AR9" s="415"/>
      <c r="AS9" s="415"/>
      <c r="AT9" s="416"/>
      <c r="AU9" s="516" t="s">
        <v>94</v>
      </c>
      <c r="AV9" s="517"/>
      <c r="AW9" s="517"/>
      <c r="AX9" s="517"/>
      <c r="AY9" s="472" t="s">
        <v>117</v>
      </c>
      <c r="AZ9" s="473"/>
      <c r="BA9" s="473"/>
      <c r="BB9" s="473"/>
      <c r="BC9" s="473"/>
      <c r="BD9" s="473"/>
      <c r="BE9" s="473"/>
      <c r="BF9" s="473"/>
      <c r="BG9" s="473"/>
      <c r="BH9" s="473"/>
      <c r="BI9" s="473"/>
      <c r="BJ9" s="473"/>
      <c r="BK9" s="473"/>
      <c r="BL9" s="473"/>
      <c r="BM9" s="474"/>
      <c r="BN9" s="458">
        <v>7263752</v>
      </c>
      <c r="BO9" s="459"/>
      <c r="BP9" s="459"/>
      <c r="BQ9" s="459"/>
      <c r="BR9" s="459"/>
      <c r="BS9" s="459"/>
      <c r="BT9" s="459"/>
      <c r="BU9" s="460"/>
      <c r="BV9" s="458">
        <v>-1417622</v>
      </c>
      <c r="BW9" s="459"/>
      <c r="BX9" s="459"/>
      <c r="BY9" s="459"/>
      <c r="BZ9" s="459"/>
      <c r="CA9" s="459"/>
      <c r="CB9" s="459"/>
      <c r="CC9" s="460"/>
      <c r="CD9" s="498" t="s">
        <v>118</v>
      </c>
      <c r="CE9" s="418"/>
      <c r="CF9" s="418"/>
      <c r="CG9" s="418"/>
      <c r="CH9" s="418"/>
      <c r="CI9" s="418"/>
      <c r="CJ9" s="418"/>
      <c r="CK9" s="418"/>
      <c r="CL9" s="418"/>
      <c r="CM9" s="418"/>
      <c r="CN9" s="418"/>
      <c r="CO9" s="418"/>
      <c r="CP9" s="418"/>
      <c r="CQ9" s="418"/>
      <c r="CR9" s="418"/>
      <c r="CS9" s="499"/>
      <c r="CT9" s="455">
        <v>15.2</v>
      </c>
      <c r="CU9" s="456"/>
      <c r="CV9" s="456"/>
      <c r="CW9" s="456"/>
      <c r="CX9" s="456"/>
      <c r="CY9" s="456"/>
      <c r="CZ9" s="456"/>
      <c r="DA9" s="457"/>
      <c r="DB9" s="455">
        <v>16.3</v>
      </c>
      <c r="DC9" s="456"/>
      <c r="DD9" s="456"/>
      <c r="DE9" s="456"/>
      <c r="DF9" s="456"/>
      <c r="DG9" s="456"/>
      <c r="DH9" s="456"/>
      <c r="DI9" s="457"/>
    </row>
    <row r="10" spans="1:119" ht="18.75" customHeight="1" thickBot="1" x14ac:dyDescent="0.25">
      <c r="A10" s="178"/>
      <c r="B10" s="590"/>
      <c r="C10" s="591"/>
      <c r="D10" s="591"/>
      <c r="E10" s="591"/>
      <c r="F10" s="591"/>
      <c r="G10" s="591"/>
      <c r="H10" s="591"/>
      <c r="I10" s="591"/>
      <c r="J10" s="591"/>
      <c r="K10" s="509"/>
      <c r="L10" s="414" t="s">
        <v>119</v>
      </c>
      <c r="M10" s="415"/>
      <c r="N10" s="415"/>
      <c r="O10" s="415"/>
      <c r="P10" s="415"/>
      <c r="Q10" s="416"/>
      <c r="R10" s="411">
        <v>3724844</v>
      </c>
      <c r="S10" s="412"/>
      <c r="T10" s="412"/>
      <c r="U10" s="412"/>
      <c r="V10" s="471"/>
      <c r="W10" s="599"/>
      <c r="X10" s="409"/>
      <c r="Y10" s="409"/>
      <c r="Z10" s="409"/>
      <c r="AA10" s="409"/>
      <c r="AB10" s="409"/>
      <c r="AC10" s="409"/>
      <c r="AD10" s="409"/>
      <c r="AE10" s="409"/>
      <c r="AF10" s="409"/>
      <c r="AG10" s="409"/>
      <c r="AH10" s="409"/>
      <c r="AI10" s="409"/>
      <c r="AJ10" s="409"/>
      <c r="AK10" s="409"/>
      <c r="AL10" s="600"/>
      <c r="AM10" s="515" t="s">
        <v>120</v>
      </c>
      <c r="AN10" s="415"/>
      <c r="AO10" s="415"/>
      <c r="AP10" s="415"/>
      <c r="AQ10" s="415"/>
      <c r="AR10" s="415"/>
      <c r="AS10" s="415"/>
      <c r="AT10" s="416"/>
      <c r="AU10" s="516" t="s">
        <v>121</v>
      </c>
      <c r="AV10" s="517"/>
      <c r="AW10" s="517"/>
      <c r="AX10" s="517"/>
      <c r="AY10" s="472" t="s">
        <v>122</v>
      </c>
      <c r="AZ10" s="473"/>
      <c r="BA10" s="473"/>
      <c r="BB10" s="473"/>
      <c r="BC10" s="473"/>
      <c r="BD10" s="473"/>
      <c r="BE10" s="473"/>
      <c r="BF10" s="473"/>
      <c r="BG10" s="473"/>
      <c r="BH10" s="473"/>
      <c r="BI10" s="473"/>
      <c r="BJ10" s="473"/>
      <c r="BK10" s="473"/>
      <c r="BL10" s="473"/>
      <c r="BM10" s="474"/>
      <c r="BN10" s="458">
        <v>22672603</v>
      </c>
      <c r="BO10" s="459"/>
      <c r="BP10" s="459"/>
      <c r="BQ10" s="459"/>
      <c r="BR10" s="459"/>
      <c r="BS10" s="459"/>
      <c r="BT10" s="459"/>
      <c r="BU10" s="460"/>
      <c r="BV10" s="458">
        <v>6402299</v>
      </c>
      <c r="BW10" s="459"/>
      <c r="BX10" s="459"/>
      <c r="BY10" s="459"/>
      <c r="BZ10" s="459"/>
      <c r="CA10" s="459"/>
      <c r="CB10" s="459"/>
      <c r="CC10" s="460"/>
      <c r="CD10" s="181" t="s">
        <v>123</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0"/>
      <c r="C11" s="591"/>
      <c r="D11" s="591"/>
      <c r="E11" s="591"/>
      <c r="F11" s="591"/>
      <c r="G11" s="591"/>
      <c r="H11" s="591"/>
      <c r="I11" s="591"/>
      <c r="J11" s="591"/>
      <c r="K11" s="509"/>
      <c r="L11" s="419" t="s">
        <v>124</v>
      </c>
      <c r="M11" s="420"/>
      <c r="N11" s="420"/>
      <c r="O11" s="420"/>
      <c r="P11" s="420"/>
      <c r="Q11" s="421"/>
      <c r="R11" s="587" t="s">
        <v>125</v>
      </c>
      <c r="S11" s="588"/>
      <c r="T11" s="588"/>
      <c r="U11" s="588"/>
      <c r="V11" s="589"/>
      <c r="W11" s="599"/>
      <c r="X11" s="409"/>
      <c r="Y11" s="409"/>
      <c r="Z11" s="409"/>
      <c r="AA11" s="409"/>
      <c r="AB11" s="409"/>
      <c r="AC11" s="409"/>
      <c r="AD11" s="409"/>
      <c r="AE11" s="409"/>
      <c r="AF11" s="409"/>
      <c r="AG11" s="409"/>
      <c r="AH11" s="409"/>
      <c r="AI11" s="409"/>
      <c r="AJ11" s="409"/>
      <c r="AK11" s="409"/>
      <c r="AL11" s="600"/>
      <c r="AM11" s="515" t="s">
        <v>126</v>
      </c>
      <c r="AN11" s="415"/>
      <c r="AO11" s="415"/>
      <c r="AP11" s="415"/>
      <c r="AQ11" s="415"/>
      <c r="AR11" s="415"/>
      <c r="AS11" s="415"/>
      <c r="AT11" s="416"/>
      <c r="AU11" s="516" t="s">
        <v>94</v>
      </c>
      <c r="AV11" s="517"/>
      <c r="AW11" s="517"/>
      <c r="AX11" s="517"/>
      <c r="AY11" s="472" t="s">
        <v>127</v>
      </c>
      <c r="AZ11" s="473"/>
      <c r="BA11" s="473"/>
      <c r="BB11" s="473"/>
      <c r="BC11" s="473"/>
      <c r="BD11" s="473"/>
      <c r="BE11" s="473"/>
      <c r="BF11" s="473"/>
      <c r="BG11" s="473"/>
      <c r="BH11" s="473"/>
      <c r="BI11" s="473"/>
      <c r="BJ11" s="473"/>
      <c r="BK11" s="473"/>
      <c r="BL11" s="473"/>
      <c r="BM11" s="474"/>
      <c r="BN11" s="458">
        <v>0</v>
      </c>
      <c r="BO11" s="459"/>
      <c r="BP11" s="459"/>
      <c r="BQ11" s="459"/>
      <c r="BR11" s="459"/>
      <c r="BS11" s="459"/>
      <c r="BT11" s="459"/>
      <c r="BU11" s="460"/>
      <c r="BV11" s="458">
        <v>0</v>
      </c>
      <c r="BW11" s="459"/>
      <c r="BX11" s="459"/>
      <c r="BY11" s="459"/>
      <c r="BZ11" s="459"/>
      <c r="CA11" s="459"/>
      <c r="CB11" s="459"/>
      <c r="CC11" s="460"/>
      <c r="CD11" s="498" t="s">
        <v>128</v>
      </c>
      <c r="CE11" s="418"/>
      <c r="CF11" s="418"/>
      <c r="CG11" s="418"/>
      <c r="CH11" s="418"/>
      <c r="CI11" s="418"/>
      <c r="CJ11" s="418"/>
      <c r="CK11" s="418"/>
      <c r="CL11" s="418"/>
      <c r="CM11" s="418"/>
      <c r="CN11" s="418"/>
      <c r="CO11" s="418"/>
      <c r="CP11" s="418"/>
      <c r="CQ11" s="418"/>
      <c r="CR11" s="418"/>
      <c r="CS11" s="499"/>
      <c r="CT11" s="561" t="s">
        <v>129</v>
      </c>
      <c r="CU11" s="562"/>
      <c r="CV11" s="562"/>
      <c r="CW11" s="562"/>
      <c r="CX11" s="562"/>
      <c r="CY11" s="562"/>
      <c r="CZ11" s="562"/>
      <c r="DA11" s="563"/>
      <c r="DB11" s="561" t="s">
        <v>129</v>
      </c>
      <c r="DC11" s="562"/>
      <c r="DD11" s="562"/>
      <c r="DE11" s="562"/>
      <c r="DF11" s="562"/>
      <c r="DG11" s="562"/>
      <c r="DH11" s="562"/>
      <c r="DI11" s="563"/>
    </row>
    <row r="12" spans="1:119" ht="18.75" customHeight="1" x14ac:dyDescent="0.2">
      <c r="A12" s="178"/>
      <c r="B12" s="564" t="s">
        <v>130</v>
      </c>
      <c r="C12" s="565"/>
      <c r="D12" s="565"/>
      <c r="E12" s="565"/>
      <c r="F12" s="565"/>
      <c r="G12" s="565"/>
      <c r="H12" s="565"/>
      <c r="I12" s="565"/>
      <c r="J12" s="565"/>
      <c r="K12" s="566"/>
      <c r="L12" s="573" t="s">
        <v>131</v>
      </c>
      <c r="M12" s="574"/>
      <c r="N12" s="574"/>
      <c r="O12" s="574"/>
      <c r="P12" s="574"/>
      <c r="Q12" s="575"/>
      <c r="R12" s="576">
        <v>3755793</v>
      </c>
      <c r="S12" s="577"/>
      <c r="T12" s="577"/>
      <c r="U12" s="577"/>
      <c r="V12" s="578"/>
      <c r="W12" s="579" t="s">
        <v>1</v>
      </c>
      <c r="X12" s="517"/>
      <c r="Y12" s="517"/>
      <c r="Z12" s="517"/>
      <c r="AA12" s="517"/>
      <c r="AB12" s="580"/>
      <c r="AC12" s="581" t="s">
        <v>132</v>
      </c>
      <c r="AD12" s="582"/>
      <c r="AE12" s="582"/>
      <c r="AF12" s="582"/>
      <c r="AG12" s="583"/>
      <c r="AH12" s="581" t="s">
        <v>133</v>
      </c>
      <c r="AI12" s="582"/>
      <c r="AJ12" s="582"/>
      <c r="AK12" s="582"/>
      <c r="AL12" s="584"/>
      <c r="AM12" s="515" t="s">
        <v>134</v>
      </c>
      <c r="AN12" s="415"/>
      <c r="AO12" s="415"/>
      <c r="AP12" s="415"/>
      <c r="AQ12" s="415"/>
      <c r="AR12" s="415"/>
      <c r="AS12" s="415"/>
      <c r="AT12" s="416"/>
      <c r="AU12" s="516" t="s">
        <v>102</v>
      </c>
      <c r="AV12" s="517"/>
      <c r="AW12" s="517"/>
      <c r="AX12" s="517"/>
      <c r="AY12" s="472" t="s">
        <v>135</v>
      </c>
      <c r="AZ12" s="473"/>
      <c r="BA12" s="473"/>
      <c r="BB12" s="473"/>
      <c r="BC12" s="473"/>
      <c r="BD12" s="473"/>
      <c r="BE12" s="473"/>
      <c r="BF12" s="473"/>
      <c r="BG12" s="473"/>
      <c r="BH12" s="473"/>
      <c r="BI12" s="473"/>
      <c r="BJ12" s="473"/>
      <c r="BK12" s="473"/>
      <c r="BL12" s="473"/>
      <c r="BM12" s="474"/>
      <c r="BN12" s="458">
        <v>5400000</v>
      </c>
      <c r="BO12" s="459"/>
      <c r="BP12" s="459"/>
      <c r="BQ12" s="459"/>
      <c r="BR12" s="459"/>
      <c r="BS12" s="459"/>
      <c r="BT12" s="459"/>
      <c r="BU12" s="460"/>
      <c r="BV12" s="458">
        <v>5138889</v>
      </c>
      <c r="BW12" s="459"/>
      <c r="BX12" s="459"/>
      <c r="BY12" s="459"/>
      <c r="BZ12" s="459"/>
      <c r="CA12" s="459"/>
      <c r="CB12" s="459"/>
      <c r="CC12" s="460"/>
      <c r="CD12" s="498" t="s">
        <v>136</v>
      </c>
      <c r="CE12" s="418"/>
      <c r="CF12" s="418"/>
      <c r="CG12" s="418"/>
      <c r="CH12" s="418"/>
      <c r="CI12" s="418"/>
      <c r="CJ12" s="418"/>
      <c r="CK12" s="418"/>
      <c r="CL12" s="418"/>
      <c r="CM12" s="418"/>
      <c r="CN12" s="418"/>
      <c r="CO12" s="418"/>
      <c r="CP12" s="418"/>
      <c r="CQ12" s="418"/>
      <c r="CR12" s="418"/>
      <c r="CS12" s="499"/>
      <c r="CT12" s="561" t="s">
        <v>129</v>
      </c>
      <c r="CU12" s="562"/>
      <c r="CV12" s="562"/>
      <c r="CW12" s="562"/>
      <c r="CX12" s="562"/>
      <c r="CY12" s="562"/>
      <c r="CZ12" s="562"/>
      <c r="DA12" s="563"/>
      <c r="DB12" s="561" t="s">
        <v>129</v>
      </c>
      <c r="DC12" s="562"/>
      <c r="DD12" s="562"/>
      <c r="DE12" s="562"/>
      <c r="DF12" s="562"/>
      <c r="DG12" s="562"/>
      <c r="DH12" s="562"/>
      <c r="DI12" s="563"/>
    </row>
    <row r="13" spans="1:119" ht="18.75" customHeight="1" x14ac:dyDescent="0.2">
      <c r="A13" s="178"/>
      <c r="B13" s="567"/>
      <c r="C13" s="568"/>
      <c r="D13" s="568"/>
      <c r="E13" s="568"/>
      <c r="F13" s="568"/>
      <c r="G13" s="568"/>
      <c r="H13" s="568"/>
      <c r="I13" s="568"/>
      <c r="J13" s="568"/>
      <c r="K13" s="569"/>
      <c r="L13" s="187"/>
      <c r="M13" s="542" t="s">
        <v>137</v>
      </c>
      <c r="N13" s="543"/>
      <c r="O13" s="543"/>
      <c r="P13" s="543"/>
      <c r="Q13" s="544"/>
      <c r="R13" s="545">
        <v>3656564</v>
      </c>
      <c r="S13" s="546"/>
      <c r="T13" s="546"/>
      <c r="U13" s="546"/>
      <c r="V13" s="547"/>
      <c r="W13" s="548" t="s">
        <v>138</v>
      </c>
      <c r="X13" s="444"/>
      <c r="Y13" s="444"/>
      <c r="Z13" s="444"/>
      <c r="AA13" s="444"/>
      <c r="AB13" s="445"/>
      <c r="AC13" s="411">
        <v>7482</v>
      </c>
      <c r="AD13" s="412"/>
      <c r="AE13" s="412"/>
      <c r="AF13" s="412"/>
      <c r="AG13" s="413"/>
      <c r="AH13" s="411">
        <v>7761</v>
      </c>
      <c r="AI13" s="412"/>
      <c r="AJ13" s="412"/>
      <c r="AK13" s="412"/>
      <c r="AL13" s="471"/>
      <c r="AM13" s="515" t="s">
        <v>139</v>
      </c>
      <c r="AN13" s="415"/>
      <c r="AO13" s="415"/>
      <c r="AP13" s="415"/>
      <c r="AQ13" s="415"/>
      <c r="AR13" s="415"/>
      <c r="AS13" s="415"/>
      <c r="AT13" s="416"/>
      <c r="AU13" s="516" t="s">
        <v>140</v>
      </c>
      <c r="AV13" s="517"/>
      <c r="AW13" s="517"/>
      <c r="AX13" s="517"/>
      <c r="AY13" s="472" t="s">
        <v>141</v>
      </c>
      <c r="AZ13" s="473"/>
      <c r="BA13" s="473"/>
      <c r="BB13" s="473"/>
      <c r="BC13" s="473"/>
      <c r="BD13" s="473"/>
      <c r="BE13" s="473"/>
      <c r="BF13" s="473"/>
      <c r="BG13" s="473"/>
      <c r="BH13" s="473"/>
      <c r="BI13" s="473"/>
      <c r="BJ13" s="473"/>
      <c r="BK13" s="473"/>
      <c r="BL13" s="473"/>
      <c r="BM13" s="474"/>
      <c r="BN13" s="458">
        <v>24536355</v>
      </c>
      <c r="BO13" s="459"/>
      <c r="BP13" s="459"/>
      <c r="BQ13" s="459"/>
      <c r="BR13" s="459"/>
      <c r="BS13" s="459"/>
      <c r="BT13" s="459"/>
      <c r="BU13" s="460"/>
      <c r="BV13" s="458">
        <v>-154212</v>
      </c>
      <c r="BW13" s="459"/>
      <c r="BX13" s="459"/>
      <c r="BY13" s="459"/>
      <c r="BZ13" s="459"/>
      <c r="CA13" s="459"/>
      <c r="CB13" s="459"/>
      <c r="CC13" s="460"/>
      <c r="CD13" s="498" t="s">
        <v>142</v>
      </c>
      <c r="CE13" s="418"/>
      <c r="CF13" s="418"/>
      <c r="CG13" s="418"/>
      <c r="CH13" s="418"/>
      <c r="CI13" s="418"/>
      <c r="CJ13" s="418"/>
      <c r="CK13" s="418"/>
      <c r="CL13" s="418"/>
      <c r="CM13" s="418"/>
      <c r="CN13" s="418"/>
      <c r="CO13" s="418"/>
      <c r="CP13" s="418"/>
      <c r="CQ13" s="418"/>
      <c r="CR13" s="418"/>
      <c r="CS13" s="499"/>
      <c r="CT13" s="455">
        <v>10.6</v>
      </c>
      <c r="CU13" s="456"/>
      <c r="CV13" s="456"/>
      <c r="CW13" s="456"/>
      <c r="CX13" s="456"/>
      <c r="CY13" s="456"/>
      <c r="CZ13" s="456"/>
      <c r="DA13" s="457"/>
      <c r="DB13" s="455">
        <v>10.5</v>
      </c>
      <c r="DC13" s="456"/>
      <c r="DD13" s="456"/>
      <c r="DE13" s="456"/>
      <c r="DF13" s="456"/>
      <c r="DG13" s="456"/>
      <c r="DH13" s="456"/>
      <c r="DI13" s="457"/>
    </row>
    <row r="14" spans="1:119" ht="18.75" customHeight="1" thickBot="1" x14ac:dyDescent="0.25">
      <c r="A14" s="178"/>
      <c r="B14" s="567"/>
      <c r="C14" s="568"/>
      <c r="D14" s="568"/>
      <c r="E14" s="568"/>
      <c r="F14" s="568"/>
      <c r="G14" s="568"/>
      <c r="H14" s="568"/>
      <c r="I14" s="568"/>
      <c r="J14" s="568"/>
      <c r="K14" s="569"/>
      <c r="L14" s="532" t="s">
        <v>143</v>
      </c>
      <c r="M14" s="585"/>
      <c r="N14" s="585"/>
      <c r="O14" s="585"/>
      <c r="P14" s="585"/>
      <c r="Q14" s="586"/>
      <c r="R14" s="545">
        <v>3759939</v>
      </c>
      <c r="S14" s="546"/>
      <c r="T14" s="546"/>
      <c r="U14" s="546"/>
      <c r="V14" s="547"/>
      <c r="W14" s="549"/>
      <c r="X14" s="447"/>
      <c r="Y14" s="447"/>
      <c r="Z14" s="447"/>
      <c r="AA14" s="447"/>
      <c r="AB14" s="448"/>
      <c r="AC14" s="538">
        <v>0.5</v>
      </c>
      <c r="AD14" s="539"/>
      <c r="AE14" s="539"/>
      <c r="AF14" s="539"/>
      <c r="AG14" s="540"/>
      <c r="AH14" s="538">
        <v>0.5</v>
      </c>
      <c r="AI14" s="539"/>
      <c r="AJ14" s="539"/>
      <c r="AK14" s="539"/>
      <c r="AL14" s="541"/>
      <c r="AM14" s="515"/>
      <c r="AN14" s="415"/>
      <c r="AO14" s="415"/>
      <c r="AP14" s="415"/>
      <c r="AQ14" s="415"/>
      <c r="AR14" s="415"/>
      <c r="AS14" s="415"/>
      <c r="AT14" s="416"/>
      <c r="AU14" s="516"/>
      <c r="AV14" s="517"/>
      <c r="AW14" s="517"/>
      <c r="AX14" s="517"/>
      <c r="AY14" s="472"/>
      <c r="AZ14" s="473"/>
      <c r="BA14" s="473"/>
      <c r="BB14" s="473"/>
      <c r="BC14" s="473"/>
      <c r="BD14" s="473"/>
      <c r="BE14" s="473"/>
      <c r="BF14" s="473"/>
      <c r="BG14" s="473"/>
      <c r="BH14" s="473"/>
      <c r="BI14" s="473"/>
      <c r="BJ14" s="473"/>
      <c r="BK14" s="473"/>
      <c r="BL14" s="473"/>
      <c r="BM14" s="474"/>
      <c r="BN14" s="458"/>
      <c r="BO14" s="459"/>
      <c r="BP14" s="459"/>
      <c r="BQ14" s="459"/>
      <c r="BR14" s="459"/>
      <c r="BS14" s="459"/>
      <c r="BT14" s="459"/>
      <c r="BU14" s="460"/>
      <c r="BV14" s="458"/>
      <c r="BW14" s="459"/>
      <c r="BX14" s="459"/>
      <c r="BY14" s="459"/>
      <c r="BZ14" s="459"/>
      <c r="CA14" s="459"/>
      <c r="CB14" s="459"/>
      <c r="CC14" s="460"/>
      <c r="CD14" s="495" t="s">
        <v>144</v>
      </c>
      <c r="CE14" s="496"/>
      <c r="CF14" s="496"/>
      <c r="CG14" s="496"/>
      <c r="CH14" s="496"/>
      <c r="CI14" s="496"/>
      <c r="CJ14" s="496"/>
      <c r="CK14" s="496"/>
      <c r="CL14" s="496"/>
      <c r="CM14" s="496"/>
      <c r="CN14" s="496"/>
      <c r="CO14" s="496"/>
      <c r="CP14" s="496"/>
      <c r="CQ14" s="496"/>
      <c r="CR14" s="496"/>
      <c r="CS14" s="497"/>
      <c r="CT14" s="555">
        <v>129.9</v>
      </c>
      <c r="CU14" s="556"/>
      <c r="CV14" s="556"/>
      <c r="CW14" s="556"/>
      <c r="CX14" s="556"/>
      <c r="CY14" s="556"/>
      <c r="CZ14" s="556"/>
      <c r="DA14" s="557"/>
      <c r="DB14" s="555">
        <v>137.4</v>
      </c>
      <c r="DC14" s="556"/>
      <c r="DD14" s="556"/>
      <c r="DE14" s="556"/>
      <c r="DF14" s="556"/>
      <c r="DG14" s="556"/>
      <c r="DH14" s="556"/>
      <c r="DI14" s="557"/>
    </row>
    <row r="15" spans="1:119" ht="18.75" customHeight="1" x14ac:dyDescent="0.2">
      <c r="A15" s="178"/>
      <c r="B15" s="567"/>
      <c r="C15" s="568"/>
      <c r="D15" s="568"/>
      <c r="E15" s="568"/>
      <c r="F15" s="568"/>
      <c r="G15" s="568"/>
      <c r="H15" s="568"/>
      <c r="I15" s="568"/>
      <c r="J15" s="568"/>
      <c r="K15" s="569"/>
      <c r="L15" s="187"/>
      <c r="M15" s="542" t="s">
        <v>137</v>
      </c>
      <c r="N15" s="543"/>
      <c r="O15" s="543"/>
      <c r="P15" s="543"/>
      <c r="Q15" s="544"/>
      <c r="R15" s="545">
        <v>3657691</v>
      </c>
      <c r="S15" s="546"/>
      <c r="T15" s="546"/>
      <c r="U15" s="546"/>
      <c r="V15" s="547"/>
      <c r="W15" s="548" t="s">
        <v>145</v>
      </c>
      <c r="X15" s="444"/>
      <c r="Y15" s="444"/>
      <c r="Z15" s="444"/>
      <c r="AA15" s="444"/>
      <c r="AB15" s="445"/>
      <c r="AC15" s="411">
        <v>301600</v>
      </c>
      <c r="AD15" s="412"/>
      <c r="AE15" s="412"/>
      <c r="AF15" s="412"/>
      <c r="AG15" s="413"/>
      <c r="AH15" s="411">
        <v>324156</v>
      </c>
      <c r="AI15" s="412"/>
      <c r="AJ15" s="412"/>
      <c r="AK15" s="412"/>
      <c r="AL15" s="471"/>
      <c r="AM15" s="515"/>
      <c r="AN15" s="415"/>
      <c r="AO15" s="415"/>
      <c r="AP15" s="415"/>
      <c r="AQ15" s="415"/>
      <c r="AR15" s="415"/>
      <c r="AS15" s="415"/>
      <c r="AT15" s="416"/>
      <c r="AU15" s="516"/>
      <c r="AV15" s="517"/>
      <c r="AW15" s="517"/>
      <c r="AX15" s="517"/>
      <c r="AY15" s="484" t="s">
        <v>146</v>
      </c>
      <c r="AZ15" s="485"/>
      <c r="BA15" s="485"/>
      <c r="BB15" s="485"/>
      <c r="BC15" s="485"/>
      <c r="BD15" s="485"/>
      <c r="BE15" s="485"/>
      <c r="BF15" s="485"/>
      <c r="BG15" s="485"/>
      <c r="BH15" s="485"/>
      <c r="BI15" s="485"/>
      <c r="BJ15" s="485"/>
      <c r="BK15" s="485"/>
      <c r="BL15" s="485"/>
      <c r="BM15" s="486"/>
      <c r="BN15" s="487">
        <v>692467404</v>
      </c>
      <c r="BO15" s="488"/>
      <c r="BP15" s="488"/>
      <c r="BQ15" s="488"/>
      <c r="BR15" s="488"/>
      <c r="BS15" s="488"/>
      <c r="BT15" s="488"/>
      <c r="BU15" s="489"/>
      <c r="BV15" s="487">
        <v>714604325</v>
      </c>
      <c r="BW15" s="488"/>
      <c r="BX15" s="488"/>
      <c r="BY15" s="488"/>
      <c r="BZ15" s="488"/>
      <c r="CA15" s="488"/>
      <c r="CB15" s="488"/>
      <c r="CC15" s="489"/>
      <c r="CD15" s="558" t="s">
        <v>147</v>
      </c>
      <c r="CE15" s="559"/>
      <c r="CF15" s="559"/>
      <c r="CG15" s="559"/>
      <c r="CH15" s="559"/>
      <c r="CI15" s="559"/>
      <c r="CJ15" s="559"/>
      <c r="CK15" s="559"/>
      <c r="CL15" s="559"/>
      <c r="CM15" s="559"/>
      <c r="CN15" s="559"/>
      <c r="CO15" s="559"/>
      <c r="CP15" s="559"/>
      <c r="CQ15" s="559"/>
      <c r="CR15" s="559"/>
      <c r="CS15" s="56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7"/>
      <c r="C16" s="568"/>
      <c r="D16" s="568"/>
      <c r="E16" s="568"/>
      <c r="F16" s="568"/>
      <c r="G16" s="568"/>
      <c r="H16" s="568"/>
      <c r="I16" s="568"/>
      <c r="J16" s="568"/>
      <c r="K16" s="569"/>
      <c r="L16" s="532" t="s">
        <v>148</v>
      </c>
      <c r="M16" s="533"/>
      <c r="N16" s="533"/>
      <c r="O16" s="533"/>
      <c r="P16" s="533"/>
      <c r="Q16" s="534"/>
      <c r="R16" s="535" t="s">
        <v>149</v>
      </c>
      <c r="S16" s="536"/>
      <c r="T16" s="536"/>
      <c r="U16" s="536"/>
      <c r="V16" s="537"/>
      <c r="W16" s="549"/>
      <c r="X16" s="447"/>
      <c r="Y16" s="447"/>
      <c r="Z16" s="447"/>
      <c r="AA16" s="447"/>
      <c r="AB16" s="448"/>
      <c r="AC16" s="538">
        <v>18.5</v>
      </c>
      <c r="AD16" s="539"/>
      <c r="AE16" s="539"/>
      <c r="AF16" s="539"/>
      <c r="AG16" s="540"/>
      <c r="AH16" s="538">
        <v>20.7</v>
      </c>
      <c r="AI16" s="539"/>
      <c r="AJ16" s="539"/>
      <c r="AK16" s="539"/>
      <c r="AL16" s="541"/>
      <c r="AM16" s="515"/>
      <c r="AN16" s="415"/>
      <c r="AO16" s="415"/>
      <c r="AP16" s="415"/>
      <c r="AQ16" s="415"/>
      <c r="AR16" s="415"/>
      <c r="AS16" s="415"/>
      <c r="AT16" s="416"/>
      <c r="AU16" s="516"/>
      <c r="AV16" s="517"/>
      <c r="AW16" s="517"/>
      <c r="AX16" s="517"/>
      <c r="AY16" s="472" t="s">
        <v>150</v>
      </c>
      <c r="AZ16" s="473"/>
      <c r="BA16" s="473"/>
      <c r="BB16" s="473"/>
      <c r="BC16" s="473"/>
      <c r="BD16" s="473"/>
      <c r="BE16" s="473"/>
      <c r="BF16" s="473"/>
      <c r="BG16" s="473"/>
      <c r="BH16" s="473"/>
      <c r="BI16" s="473"/>
      <c r="BJ16" s="473"/>
      <c r="BK16" s="473"/>
      <c r="BL16" s="473"/>
      <c r="BM16" s="474"/>
      <c r="BN16" s="458">
        <v>745934526</v>
      </c>
      <c r="BO16" s="459"/>
      <c r="BP16" s="459"/>
      <c r="BQ16" s="459"/>
      <c r="BR16" s="459"/>
      <c r="BS16" s="459"/>
      <c r="BT16" s="459"/>
      <c r="BU16" s="460"/>
      <c r="BV16" s="458">
        <v>737680974</v>
      </c>
      <c r="BW16" s="459"/>
      <c r="BX16" s="459"/>
      <c r="BY16" s="459"/>
      <c r="BZ16" s="459"/>
      <c r="CA16" s="459"/>
      <c r="CB16" s="459"/>
      <c r="CC16" s="460"/>
      <c r="CD16" s="191"/>
      <c r="CE16" s="490"/>
      <c r="CF16" s="490"/>
      <c r="CG16" s="490"/>
      <c r="CH16" s="490"/>
      <c r="CI16" s="490"/>
      <c r="CJ16" s="490"/>
      <c r="CK16" s="490"/>
      <c r="CL16" s="490"/>
      <c r="CM16" s="490"/>
      <c r="CN16" s="490"/>
      <c r="CO16" s="490"/>
      <c r="CP16" s="490"/>
      <c r="CQ16" s="490"/>
      <c r="CR16" s="490"/>
      <c r="CS16" s="491"/>
      <c r="CT16" s="455"/>
      <c r="CU16" s="456"/>
      <c r="CV16" s="456"/>
      <c r="CW16" s="456"/>
      <c r="CX16" s="456"/>
      <c r="CY16" s="456"/>
      <c r="CZ16" s="456"/>
      <c r="DA16" s="457"/>
      <c r="DB16" s="455"/>
      <c r="DC16" s="456"/>
      <c r="DD16" s="456"/>
      <c r="DE16" s="456"/>
      <c r="DF16" s="456"/>
      <c r="DG16" s="456"/>
      <c r="DH16" s="456"/>
      <c r="DI16" s="457"/>
    </row>
    <row r="17" spans="1:113" ht="18.75" customHeight="1" thickBot="1" x14ac:dyDescent="0.25">
      <c r="A17" s="178"/>
      <c r="B17" s="570"/>
      <c r="C17" s="571"/>
      <c r="D17" s="571"/>
      <c r="E17" s="571"/>
      <c r="F17" s="571"/>
      <c r="G17" s="571"/>
      <c r="H17" s="571"/>
      <c r="I17" s="571"/>
      <c r="J17" s="571"/>
      <c r="K17" s="572"/>
      <c r="L17" s="192"/>
      <c r="M17" s="551" t="s">
        <v>151</v>
      </c>
      <c r="N17" s="552"/>
      <c r="O17" s="552"/>
      <c r="P17" s="552"/>
      <c r="Q17" s="553"/>
      <c r="R17" s="535" t="s">
        <v>152</v>
      </c>
      <c r="S17" s="536"/>
      <c r="T17" s="536"/>
      <c r="U17" s="536"/>
      <c r="V17" s="537"/>
      <c r="W17" s="548" t="s">
        <v>153</v>
      </c>
      <c r="X17" s="444"/>
      <c r="Y17" s="444"/>
      <c r="Z17" s="444"/>
      <c r="AA17" s="444"/>
      <c r="AB17" s="445"/>
      <c r="AC17" s="411">
        <v>1325603</v>
      </c>
      <c r="AD17" s="412"/>
      <c r="AE17" s="412"/>
      <c r="AF17" s="412"/>
      <c r="AG17" s="413"/>
      <c r="AH17" s="411">
        <v>1233147</v>
      </c>
      <c r="AI17" s="412"/>
      <c r="AJ17" s="412"/>
      <c r="AK17" s="412"/>
      <c r="AL17" s="471"/>
      <c r="AM17" s="515"/>
      <c r="AN17" s="415"/>
      <c r="AO17" s="415"/>
      <c r="AP17" s="415"/>
      <c r="AQ17" s="415"/>
      <c r="AR17" s="415"/>
      <c r="AS17" s="415"/>
      <c r="AT17" s="416"/>
      <c r="AU17" s="516"/>
      <c r="AV17" s="517"/>
      <c r="AW17" s="517"/>
      <c r="AX17" s="517"/>
      <c r="AY17" s="472" t="s">
        <v>154</v>
      </c>
      <c r="AZ17" s="473"/>
      <c r="BA17" s="473"/>
      <c r="BB17" s="473"/>
      <c r="BC17" s="473"/>
      <c r="BD17" s="473"/>
      <c r="BE17" s="473"/>
      <c r="BF17" s="473"/>
      <c r="BG17" s="473"/>
      <c r="BH17" s="473"/>
      <c r="BI17" s="473"/>
      <c r="BJ17" s="473"/>
      <c r="BK17" s="473"/>
      <c r="BL17" s="473"/>
      <c r="BM17" s="474"/>
      <c r="BN17" s="458">
        <v>868128593</v>
      </c>
      <c r="BO17" s="459"/>
      <c r="BP17" s="459"/>
      <c r="BQ17" s="459"/>
      <c r="BR17" s="459"/>
      <c r="BS17" s="459"/>
      <c r="BT17" s="459"/>
      <c r="BU17" s="460"/>
      <c r="BV17" s="458">
        <v>897564826</v>
      </c>
      <c r="BW17" s="459"/>
      <c r="BX17" s="459"/>
      <c r="BY17" s="459"/>
      <c r="BZ17" s="459"/>
      <c r="CA17" s="459"/>
      <c r="CB17" s="459"/>
      <c r="CC17" s="460"/>
      <c r="CD17" s="191"/>
      <c r="CE17" s="490"/>
      <c r="CF17" s="490"/>
      <c r="CG17" s="490"/>
      <c r="CH17" s="490"/>
      <c r="CI17" s="490"/>
      <c r="CJ17" s="490"/>
      <c r="CK17" s="490"/>
      <c r="CL17" s="490"/>
      <c r="CM17" s="490"/>
      <c r="CN17" s="490"/>
      <c r="CO17" s="490"/>
      <c r="CP17" s="490"/>
      <c r="CQ17" s="490"/>
      <c r="CR17" s="490"/>
      <c r="CS17" s="491"/>
      <c r="CT17" s="455"/>
      <c r="CU17" s="456"/>
      <c r="CV17" s="456"/>
      <c r="CW17" s="456"/>
      <c r="CX17" s="456"/>
      <c r="CY17" s="456"/>
      <c r="CZ17" s="456"/>
      <c r="DA17" s="457"/>
      <c r="DB17" s="455"/>
      <c r="DC17" s="456"/>
      <c r="DD17" s="456"/>
      <c r="DE17" s="456"/>
      <c r="DF17" s="456"/>
      <c r="DG17" s="456"/>
      <c r="DH17" s="456"/>
      <c r="DI17" s="457"/>
    </row>
    <row r="18" spans="1:113" ht="18.75" customHeight="1" thickBot="1" x14ac:dyDescent="0.25">
      <c r="A18" s="178"/>
      <c r="B18" s="508" t="s">
        <v>155</v>
      </c>
      <c r="C18" s="509"/>
      <c r="D18" s="509"/>
      <c r="E18" s="510"/>
      <c r="F18" s="510"/>
      <c r="G18" s="510"/>
      <c r="H18" s="510"/>
      <c r="I18" s="510"/>
      <c r="J18" s="510"/>
      <c r="K18" s="510"/>
      <c r="L18" s="511">
        <v>437.78</v>
      </c>
      <c r="M18" s="511"/>
      <c r="N18" s="511"/>
      <c r="O18" s="511"/>
      <c r="P18" s="511"/>
      <c r="Q18" s="511"/>
      <c r="R18" s="512"/>
      <c r="S18" s="512"/>
      <c r="T18" s="512"/>
      <c r="U18" s="512"/>
      <c r="V18" s="513"/>
      <c r="W18" s="529"/>
      <c r="X18" s="530"/>
      <c r="Y18" s="530"/>
      <c r="Z18" s="530"/>
      <c r="AA18" s="530"/>
      <c r="AB18" s="554"/>
      <c r="AC18" s="428">
        <v>81.099999999999994</v>
      </c>
      <c r="AD18" s="429"/>
      <c r="AE18" s="429"/>
      <c r="AF18" s="429"/>
      <c r="AG18" s="514"/>
      <c r="AH18" s="428">
        <v>78.8</v>
      </c>
      <c r="AI18" s="429"/>
      <c r="AJ18" s="429"/>
      <c r="AK18" s="429"/>
      <c r="AL18" s="430"/>
      <c r="AM18" s="515"/>
      <c r="AN18" s="415"/>
      <c r="AO18" s="415"/>
      <c r="AP18" s="415"/>
      <c r="AQ18" s="415"/>
      <c r="AR18" s="415"/>
      <c r="AS18" s="415"/>
      <c r="AT18" s="416"/>
      <c r="AU18" s="516"/>
      <c r="AV18" s="517"/>
      <c r="AW18" s="517"/>
      <c r="AX18" s="517"/>
      <c r="AY18" s="472" t="s">
        <v>156</v>
      </c>
      <c r="AZ18" s="473"/>
      <c r="BA18" s="473"/>
      <c r="BB18" s="473"/>
      <c r="BC18" s="473"/>
      <c r="BD18" s="473"/>
      <c r="BE18" s="473"/>
      <c r="BF18" s="473"/>
      <c r="BG18" s="473"/>
      <c r="BH18" s="473"/>
      <c r="BI18" s="473"/>
      <c r="BJ18" s="473"/>
      <c r="BK18" s="473"/>
      <c r="BL18" s="473"/>
      <c r="BM18" s="474"/>
      <c r="BN18" s="458">
        <v>985997669</v>
      </c>
      <c r="BO18" s="459"/>
      <c r="BP18" s="459"/>
      <c r="BQ18" s="459"/>
      <c r="BR18" s="459"/>
      <c r="BS18" s="459"/>
      <c r="BT18" s="459"/>
      <c r="BU18" s="460"/>
      <c r="BV18" s="458">
        <v>988598897</v>
      </c>
      <c r="BW18" s="459"/>
      <c r="BX18" s="459"/>
      <c r="BY18" s="459"/>
      <c r="BZ18" s="459"/>
      <c r="CA18" s="459"/>
      <c r="CB18" s="459"/>
      <c r="CC18" s="460"/>
      <c r="CD18" s="191"/>
      <c r="CE18" s="490"/>
      <c r="CF18" s="490"/>
      <c r="CG18" s="490"/>
      <c r="CH18" s="490"/>
      <c r="CI18" s="490"/>
      <c r="CJ18" s="490"/>
      <c r="CK18" s="490"/>
      <c r="CL18" s="490"/>
      <c r="CM18" s="490"/>
      <c r="CN18" s="490"/>
      <c r="CO18" s="490"/>
      <c r="CP18" s="490"/>
      <c r="CQ18" s="490"/>
      <c r="CR18" s="490"/>
      <c r="CS18" s="491"/>
      <c r="CT18" s="455"/>
      <c r="CU18" s="456"/>
      <c r="CV18" s="456"/>
      <c r="CW18" s="456"/>
      <c r="CX18" s="456"/>
      <c r="CY18" s="456"/>
      <c r="CZ18" s="456"/>
      <c r="DA18" s="457"/>
      <c r="DB18" s="455"/>
      <c r="DC18" s="456"/>
      <c r="DD18" s="456"/>
      <c r="DE18" s="456"/>
      <c r="DF18" s="456"/>
      <c r="DG18" s="456"/>
      <c r="DH18" s="456"/>
      <c r="DI18" s="457"/>
    </row>
    <row r="19" spans="1:113" ht="18.75" customHeight="1" thickBot="1" x14ac:dyDescent="0.25">
      <c r="A19" s="178"/>
      <c r="B19" s="508" t="s">
        <v>157</v>
      </c>
      <c r="C19" s="509"/>
      <c r="D19" s="509"/>
      <c r="E19" s="510"/>
      <c r="F19" s="510"/>
      <c r="G19" s="510"/>
      <c r="H19" s="510"/>
      <c r="I19" s="510"/>
      <c r="J19" s="510"/>
      <c r="K19" s="510"/>
      <c r="L19" s="518">
        <v>8629</v>
      </c>
      <c r="M19" s="518"/>
      <c r="N19" s="518"/>
      <c r="O19" s="518"/>
      <c r="P19" s="518"/>
      <c r="Q19" s="518"/>
      <c r="R19" s="519"/>
      <c r="S19" s="519"/>
      <c r="T19" s="519"/>
      <c r="U19" s="519"/>
      <c r="V19" s="520"/>
      <c r="W19" s="527"/>
      <c r="X19" s="528"/>
      <c r="Y19" s="528"/>
      <c r="Z19" s="528"/>
      <c r="AA19" s="528"/>
      <c r="AB19" s="528"/>
      <c r="AC19" s="531"/>
      <c r="AD19" s="531"/>
      <c r="AE19" s="531"/>
      <c r="AF19" s="531"/>
      <c r="AG19" s="531"/>
      <c r="AH19" s="531"/>
      <c r="AI19" s="531"/>
      <c r="AJ19" s="531"/>
      <c r="AK19" s="531"/>
      <c r="AL19" s="550"/>
      <c r="AM19" s="515"/>
      <c r="AN19" s="415"/>
      <c r="AO19" s="415"/>
      <c r="AP19" s="415"/>
      <c r="AQ19" s="415"/>
      <c r="AR19" s="415"/>
      <c r="AS19" s="415"/>
      <c r="AT19" s="416"/>
      <c r="AU19" s="516"/>
      <c r="AV19" s="517"/>
      <c r="AW19" s="517"/>
      <c r="AX19" s="517"/>
      <c r="AY19" s="472" t="s">
        <v>158</v>
      </c>
      <c r="AZ19" s="473"/>
      <c r="BA19" s="473"/>
      <c r="BB19" s="473"/>
      <c r="BC19" s="473"/>
      <c r="BD19" s="473"/>
      <c r="BE19" s="473"/>
      <c r="BF19" s="473"/>
      <c r="BG19" s="473"/>
      <c r="BH19" s="473"/>
      <c r="BI19" s="473"/>
      <c r="BJ19" s="473"/>
      <c r="BK19" s="473"/>
      <c r="BL19" s="473"/>
      <c r="BM19" s="474"/>
      <c r="BN19" s="458">
        <v>1179619460</v>
      </c>
      <c r="BO19" s="459"/>
      <c r="BP19" s="459"/>
      <c r="BQ19" s="459"/>
      <c r="BR19" s="459"/>
      <c r="BS19" s="459"/>
      <c r="BT19" s="459"/>
      <c r="BU19" s="460"/>
      <c r="BV19" s="458">
        <v>1139003141</v>
      </c>
      <c r="BW19" s="459"/>
      <c r="BX19" s="459"/>
      <c r="BY19" s="459"/>
      <c r="BZ19" s="459"/>
      <c r="CA19" s="459"/>
      <c r="CB19" s="459"/>
      <c r="CC19" s="460"/>
      <c r="CD19" s="191"/>
      <c r="CE19" s="490"/>
      <c r="CF19" s="490"/>
      <c r="CG19" s="490"/>
      <c r="CH19" s="490"/>
      <c r="CI19" s="490"/>
      <c r="CJ19" s="490"/>
      <c r="CK19" s="490"/>
      <c r="CL19" s="490"/>
      <c r="CM19" s="490"/>
      <c r="CN19" s="490"/>
      <c r="CO19" s="490"/>
      <c r="CP19" s="490"/>
      <c r="CQ19" s="490"/>
      <c r="CR19" s="490"/>
      <c r="CS19" s="491"/>
      <c r="CT19" s="455"/>
      <c r="CU19" s="456"/>
      <c r="CV19" s="456"/>
      <c r="CW19" s="456"/>
      <c r="CX19" s="456"/>
      <c r="CY19" s="456"/>
      <c r="CZ19" s="456"/>
      <c r="DA19" s="457"/>
      <c r="DB19" s="455"/>
      <c r="DC19" s="456"/>
      <c r="DD19" s="456"/>
      <c r="DE19" s="456"/>
      <c r="DF19" s="456"/>
      <c r="DG19" s="456"/>
      <c r="DH19" s="456"/>
      <c r="DI19" s="457"/>
    </row>
    <row r="20" spans="1:113" ht="18.75" customHeight="1" thickBot="1" x14ac:dyDescent="0.25">
      <c r="A20" s="178"/>
      <c r="B20" s="508" t="s">
        <v>159</v>
      </c>
      <c r="C20" s="509"/>
      <c r="D20" s="509"/>
      <c r="E20" s="510"/>
      <c r="F20" s="510"/>
      <c r="G20" s="510"/>
      <c r="H20" s="510"/>
      <c r="I20" s="510"/>
      <c r="J20" s="510"/>
      <c r="K20" s="510"/>
      <c r="L20" s="518">
        <v>1753081</v>
      </c>
      <c r="M20" s="518"/>
      <c r="N20" s="518"/>
      <c r="O20" s="518"/>
      <c r="P20" s="518"/>
      <c r="Q20" s="518"/>
      <c r="R20" s="519"/>
      <c r="S20" s="519"/>
      <c r="T20" s="519"/>
      <c r="U20" s="519"/>
      <c r="V20" s="520"/>
      <c r="W20" s="529"/>
      <c r="X20" s="530"/>
      <c r="Y20" s="530"/>
      <c r="Z20" s="530"/>
      <c r="AA20" s="530"/>
      <c r="AB20" s="530"/>
      <c r="AC20" s="521"/>
      <c r="AD20" s="521"/>
      <c r="AE20" s="521"/>
      <c r="AF20" s="521"/>
      <c r="AG20" s="521"/>
      <c r="AH20" s="521"/>
      <c r="AI20" s="521"/>
      <c r="AJ20" s="521"/>
      <c r="AK20" s="521"/>
      <c r="AL20" s="522"/>
      <c r="AM20" s="523"/>
      <c r="AN20" s="420"/>
      <c r="AO20" s="420"/>
      <c r="AP20" s="420"/>
      <c r="AQ20" s="420"/>
      <c r="AR20" s="420"/>
      <c r="AS20" s="420"/>
      <c r="AT20" s="421"/>
      <c r="AU20" s="524"/>
      <c r="AV20" s="525"/>
      <c r="AW20" s="525"/>
      <c r="AX20" s="526"/>
      <c r="AY20" s="472"/>
      <c r="AZ20" s="473"/>
      <c r="BA20" s="473"/>
      <c r="BB20" s="473"/>
      <c r="BC20" s="473"/>
      <c r="BD20" s="473"/>
      <c r="BE20" s="473"/>
      <c r="BF20" s="473"/>
      <c r="BG20" s="473"/>
      <c r="BH20" s="473"/>
      <c r="BI20" s="473"/>
      <c r="BJ20" s="473"/>
      <c r="BK20" s="473"/>
      <c r="BL20" s="473"/>
      <c r="BM20" s="474"/>
      <c r="BN20" s="458"/>
      <c r="BO20" s="459"/>
      <c r="BP20" s="459"/>
      <c r="BQ20" s="459"/>
      <c r="BR20" s="459"/>
      <c r="BS20" s="459"/>
      <c r="BT20" s="459"/>
      <c r="BU20" s="460"/>
      <c r="BV20" s="458"/>
      <c r="BW20" s="459"/>
      <c r="BX20" s="459"/>
      <c r="BY20" s="459"/>
      <c r="BZ20" s="459"/>
      <c r="CA20" s="459"/>
      <c r="CB20" s="459"/>
      <c r="CC20" s="460"/>
      <c r="CD20" s="191"/>
      <c r="CE20" s="490"/>
      <c r="CF20" s="490"/>
      <c r="CG20" s="490"/>
      <c r="CH20" s="490"/>
      <c r="CI20" s="490"/>
      <c r="CJ20" s="490"/>
      <c r="CK20" s="490"/>
      <c r="CL20" s="490"/>
      <c r="CM20" s="490"/>
      <c r="CN20" s="490"/>
      <c r="CO20" s="490"/>
      <c r="CP20" s="490"/>
      <c r="CQ20" s="490"/>
      <c r="CR20" s="490"/>
      <c r="CS20" s="491"/>
      <c r="CT20" s="455"/>
      <c r="CU20" s="456"/>
      <c r="CV20" s="456"/>
      <c r="CW20" s="456"/>
      <c r="CX20" s="456"/>
      <c r="CY20" s="456"/>
      <c r="CZ20" s="456"/>
      <c r="DA20" s="457"/>
      <c r="DB20" s="455"/>
      <c r="DC20" s="456"/>
      <c r="DD20" s="456"/>
      <c r="DE20" s="456"/>
      <c r="DF20" s="456"/>
      <c r="DG20" s="456"/>
      <c r="DH20" s="456"/>
      <c r="DI20" s="457"/>
    </row>
    <row r="21" spans="1:113" ht="18.75" customHeight="1" thickBot="1" x14ac:dyDescent="0.25">
      <c r="A21" s="178"/>
      <c r="B21" s="505" t="s">
        <v>160</v>
      </c>
      <c r="C21" s="506"/>
      <c r="D21" s="506"/>
      <c r="E21" s="506"/>
      <c r="F21" s="506"/>
      <c r="G21" s="506"/>
      <c r="H21" s="506"/>
      <c r="I21" s="506"/>
      <c r="J21" s="506"/>
      <c r="K21" s="506"/>
      <c r="L21" s="506"/>
      <c r="M21" s="506"/>
      <c r="N21" s="506"/>
      <c r="O21" s="506"/>
      <c r="P21" s="506"/>
      <c r="Q21" s="506"/>
      <c r="R21" s="506"/>
      <c r="S21" s="506"/>
      <c r="T21" s="506"/>
      <c r="U21" s="506"/>
      <c r="V21" s="506"/>
      <c r="W21" s="506"/>
      <c r="X21" s="506"/>
      <c r="Y21" s="506"/>
      <c r="Z21" s="506"/>
      <c r="AA21" s="506"/>
      <c r="AB21" s="506"/>
      <c r="AC21" s="506"/>
      <c r="AD21" s="506"/>
      <c r="AE21" s="506"/>
      <c r="AF21" s="506"/>
      <c r="AG21" s="506"/>
      <c r="AH21" s="506"/>
      <c r="AI21" s="506"/>
      <c r="AJ21" s="506"/>
      <c r="AK21" s="506"/>
      <c r="AL21" s="506"/>
      <c r="AM21" s="506"/>
      <c r="AN21" s="506"/>
      <c r="AO21" s="506"/>
      <c r="AP21" s="506"/>
      <c r="AQ21" s="506"/>
      <c r="AR21" s="506"/>
      <c r="AS21" s="506"/>
      <c r="AT21" s="506"/>
      <c r="AU21" s="506"/>
      <c r="AV21" s="506"/>
      <c r="AW21" s="506"/>
      <c r="AX21" s="507"/>
      <c r="AY21" s="431"/>
      <c r="AZ21" s="432"/>
      <c r="BA21" s="432"/>
      <c r="BB21" s="432"/>
      <c r="BC21" s="432"/>
      <c r="BD21" s="432"/>
      <c r="BE21" s="432"/>
      <c r="BF21" s="432"/>
      <c r="BG21" s="432"/>
      <c r="BH21" s="432"/>
      <c r="BI21" s="432"/>
      <c r="BJ21" s="432"/>
      <c r="BK21" s="432"/>
      <c r="BL21" s="432"/>
      <c r="BM21" s="433"/>
      <c r="BN21" s="492"/>
      <c r="BO21" s="493"/>
      <c r="BP21" s="493"/>
      <c r="BQ21" s="493"/>
      <c r="BR21" s="493"/>
      <c r="BS21" s="493"/>
      <c r="BT21" s="493"/>
      <c r="BU21" s="494"/>
      <c r="BV21" s="492"/>
      <c r="BW21" s="493"/>
      <c r="BX21" s="493"/>
      <c r="BY21" s="493"/>
      <c r="BZ21" s="493"/>
      <c r="CA21" s="493"/>
      <c r="CB21" s="493"/>
      <c r="CC21" s="494"/>
      <c r="CD21" s="191"/>
      <c r="CE21" s="490"/>
      <c r="CF21" s="490"/>
      <c r="CG21" s="490"/>
      <c r="CH21" s="490"/>
      <c r="CI21" s="490"/>
      <c r="CJ21" s="490"/>
      <c r="CK21" s="490"/>
      <c r="CL21" s="490"/>
      <c r="CM21" s="490"/>
      <c r="CN21" s="490"/>
      <c r="CO21" s="490"/>
      <c r="CP21" s="490"/>
      <c r="CQ21" s="490"/>
      <c r="CR21" s="490"/>
      <c r="CS21" s="491"/>
      <c r="CT21" s="455"/>
      <c r="CU21" s="456"/>
      <c r="CV21" s="456"/>
      <c r="CW21" s="456"/>
      <c r="CX21" s="456"/>
      <c r="CY21" s="456"/>
      <c r="CZ21" s="456"/>
      <c r="DA21" s="457"/>
      <c r="DB21" s="455"/>
      <c r="DC21" s="456"/>
      <c r="DD21" s="456"/>
      <c r="DE21" s="456"/>
      <c r="DF21" s="456"/>
      <c r="DG21" s="456"/>
      <c r="DH21" s="456"/>
      <c r="DI21" s="457"/>
    </row>
    <row r="22" spans="1:113" ht="18.75" customHeight="1" x14ac:dyDescent="0.2">
      <c r="A22" s="178"/>
      <c r="B22" s="434" t="s">
        <v>161</v>
      </c>
      <c r="C22" s="435"/>
      <c r="D22" s="436"/>
      <c r="E22" s="443" t="s">
        <v>1</v>
      </c>
      <c r="F22" s="444"/>
      <c r="G22" s="444"/>
      <c r="H22" s="444"/>
      <c r="I22" s="444"/>
      <c r="J22" s="444"/>
      <c r="K22" s="445"/>
      <c r="L22" s="443" t="s">
        <v>162</v>
      </c>
      <c r="M22" s="444"/>
      <c r="N22" s="444"/>
      <c r="O22" s="444"/>
      <c r="P22" s="445"/>
      <c r="Q22" s="449" t="s">
        <v>163</v>
      </c>
      <c r="R22" s="450"/>
      <c r="S22" s="450"/>
      <c r="T22" s="450"/>
      <c r="U22" s="450"/>
      <c r="V22" s="451"/>
      <c r="W22" s="500" t="s">
        <v>164</v>
      </c>
      <c r="X22" s="435"/>
      <c r="Y22" s="436"/>
      <c r="Z22" s="443" t="s">
        <v>1</v>
      </c>
      <c r="AA22" s="444"/>
      <c r="AB22" s="444"/>
      <c r="AC22" s="444"/>
      <c r="AD22" s="444"/>
      <c r="AE22" s="444"/>
      <c r="AF22" s="444"/>
      <c r="AG22" s="445"/>
      <c r="AH22" s="461" t="s">
        <v>165</v>
      </c>
      <c r="AI22" s="444"/>
      <c r="AJ22" s="444"/>
      <c r="AK22" s="444"/>
      <c r="AL22" s="445"/>
      <c r="AM22" s="461" t="s">
        <v>166</v>
      </c>
      <c r="AN22" s="462"/>
      <c r="AO22" s="462"/>
      <c r="AP22" s="462"/>
      <c r="AQ22" s="462"/>
      <c r="AR22" s="463"/>
      <c r="AS22" s="449" t="s">
        <v>163</v>
      </c>
      <c r="AT22" s="450"/>
      <c r="AU22" s="450"/>
      <c r="AV22" s="450"/>
      <c r="AW22" s="450"/>
      <c r="AX22" s="467"/>
      <c r="AY22" s="484" t="s">
        <v>167</v>
      </c>
      <c r="AZ22" s="485"/>
      <c r="BA22" s="485"/>
      <c r="BB22" s="485"/>
      <c r="BC22" s="485"/>
      <c r="BD22" s="485"/>
      <c r="BE22" s="485"/>
      <c r="BF22" s="485"/>
      <c r="BG22" s="485"/>
      <c r="BH22" s="485"/>
      <c r="BI22" s="485"/>
      <c r="BJ22" s="485"/>
      <c r="BK22" s="485"/>
      <c r="BL22" s="485"/>
      <c r="BM22" s="486"/>
      <c r="BN22" s="487">
        <v>2384424622</v>
      </c>
      <c r="BO22" s="488"/>
      <c r="BP22" s="488"/>
      <c r="BQ22" s="488"/>
      <c r="BR22" s="488"/>
      <c r="BS22" s="488"/>
      <c r="BT22" s="488"/>
      <c r="BU22" s="489"/>
      <c r="BV22" s="487">
        <v>2386412754</v>
      </c>
      <c r="BW22" s="488"/>
      <c r="BX22" s="488"/>
      <c r="BY22" s="488"/>
      <c r="BZ22" s="488"/>
      <c r="CA22" s="488"/>
      <c r="CB22" s="488"/>
      <c r="CC22" s="489"/>
      <c r="CD22" s="191"/>
      <c r="CE22" s="490"/>
      <c r="CF22" s="490"/>
      <c r="CG22" s="490"/>
      <c r="CH22" s="490"/>
      <c r="CI22" s="490"/>
      <c r="CJ22" s="490"/>
      <c r="CK22" s="490"/>
      <c r="CL22" s="490"/>
      <c r="CM22" s="490"/>
      <c r="CN22" s="490"/>
      <c r="CO22" s="490"/>
      <c r="CP22" s="490"/>
      <c r="CQ22" s="490"/>
      <c r="CR22" s="490"/>
      <c r="CS22" s="491"/>
      <c r="CT22" s="455"/>
      <c r="CU22" s="456"/>
      <c r="CV22" s="456"/>
      <c r="CW22" s="456"/>
      <c r="CX22" s="456"/>
      <c r="CY22" s="456"/>
      <c r="CZ22" s="456"/>
      <c r="DA22" s="457"/>
      <c r="DB22" s="455"/>
      <c r="DC22" s="456"/>
      <c r="DD22" s="456"/>
      <c r="DE22" s="456"/>
      <c r="DF22" s="456"/>
      <c r="DG22" s="456"/>
      <c r="DH22" s="456"/>
      <c r="DI22" s="457"/>
    </row>
    <row r="23" spans="1:113" ht="18.75" customHeight="1" x14ac:dyDescent="0.2">
      <c r="A23" s="178"/>
      <c r="B23" s="437"/>
      <c r="C23" s="438"/>
      <c r="D23" s="439"/>
      <c r="E23" s="446"/>
      <c r="F23" s="447"/>
      <c r="G23" s="447"/>
      <c r="H23" s="447"/>
      <c r="I23" s="447"/>
      <c r="J23" s="447"/>
      <c r="K23" s="448"/>
      <c r="L23" s="446"/>
      <c r="M23" s="447"/>
      <c r="N23" s="447"/>
      <c r="O23" s="447"/>
      <c r="P23" s="448"/>
      <c r="Q23" s="452"/>
      <c r="R23" s="453"/>
      <c r="S23" s="453"/>
      <c r="T23" s="453"/>
      <c r="U23" s="453"/>
      <c r="V23" s="454"/>
      <c r="W23" s="501"/>
      <c r="X23" s="438"/>
      <c r="Y23" s="439"/>
      <c r="Z23" s="446"/>
      <c r="AA23" s="447"/>
      <c r="AB23" s="447"/>
      <c r="AC23" s="447"/>
      <c r="AD23" s="447"/>
      <c r="AE23" s="447"/>
      <c r="AF23" s="447"/>
      <c r="AG23" s="448"/>
      <c r="AH23" s="446"/>
      <c r="AI23" s="447"/>
      <c r="AJ23" s="447"/>
      <c r="AK23" s="447"/>
      <c r="AL23" s="448"/>
      <c r="AM23" s="464"/>
      <c r="AN23" s="465"/>
      <c r="AO23" s="465"/>
      <c r="AP23" s="465"/>
      <c r="AQ23" s="465"/>
      <c r="AR23" s="466"/>
      <c r="AS23" s="452"/>
      <c r="AT23" s="453"/>
      <c r="AU23" s="453"/>
      <c r="AV23" s="453"/>
      <c r="AW23" s="453"/>
      <c r="AX23" s="468"/>
      <c r="AY23" s="472" t="s">
        <v>168</v>
      </c>
      <c r="AZ23" s="473"/>
      <c r="BA23" s="473"/>
      <c r="BB23" s="473"/>
      <c r="BC23" s="473"/>
      <c r="BD23" s="473"/>
      <c r="BE23" s="473"/>
      <c r="BF23" s="473"/>
      <c r="BG23" s="473"/>
      <c r="BH23" s="473"/>
      <c r="BI23" s="473"/>
      <c r="BJ23" s="473"/>
      <c r="BK23" s="473"/>
      <c r="BL23" s="473"/>
      <c r="BM23" s="474"/>
      <c r="BN23" s="458">
        <v>426242994</v>
      </c>
      <c r="BO23" s="459"/>
      <c r="BP23" s="459"/>
      <c r="BQ23" s="459"/>
      <c r="BR23" s="459"/>
      <c r="BS23" s="459"/>
      <c r="BT23" s="459"/>
      <c r="BU23" s="460"/>
      <c r="BV23" s="458">
        <v>434724107</v>
      </c>
      <c r="BW23" s="459"/>
      <c r="BX23" s="459"/>
      <c r="BY23" s="459"/>
      <c r="BZ23" s="459"/>
      <c r="CA23" s="459"/>
      <c r="CB23" s="459"/>
      <c r="CC23" s="460"/>
      <c r="CD23" s="191"/>
      <c r="CE23" s="490"/>
      <c r="CF23" s="490"/>
      <c r="CG23" s="490"/>
      <c r="CH23" s="490"/>
      <c r="CI23" s="490"/>
      <c r="CJ23" s="490"/>
      <c r="CK23" s="490"/>
      <c r="CL23" s="490"/>
      <c r="CM23" s="490"/>
      <c r="CN23" s="490"/>
      <c r="CO23" s="490"/>
      <c r="CP23" s="490"/>
      <c r="CQ23" s="490"/>
      <c r="CR23" s="490"/>
      <c r="CS23" s="491"/>
      <c r="CT23" s="455"/>
      <c r="CU23" s="456"/>
      <c r="CV23" s="456"/>
      <c r="CW23" s="456"/>
      <c r="CX23" s="456"/>
      <c r="CY23" s="456"/>
      <c r="CZ23" s="456"/>
      <c r="DA23" s="457"/>
      <c r="DB23" s="455"/>
      <c r="DC23" s="456"/>
      <c r="DD23" s="456"/>
      <c r="DE23" s="456"/>
      <c r="DF23" s="456"/>
      <c r="DG23" s="456"/>
      <c r="DH23" s="456"/>
      <c r="DI23" s="457"/>
    </row>
    <row r="24" spans="1:113" ht="18.75" customHeight="1" thickBot="1" x14ac:dyDescent="0.25">
      <c r="A24" s="178"/>
      <c r="B24" s="437"/>
      <c r="C24" s="438"/>
      <c r="D24" s="439"/>
      <c r="E24" s="414" t="s">
        <v>169</v>
      </c>
      <c r="F24" s="415"/>
      <c r="G24" s="415"/>
      <c r="H24" s="415"/>
      <c r="I24" s="415"/>
      <c r="J24" s="415"/>
      <c r="K24" s="416"/>
      <c r="L24" s="411">
        <v>1</v>
      </c>
      <c r="M24" s="412"/>
      <c r="N24" s="412"/>
      <c r="O24" s="412"/>
      <c r="P24" s="413"/>
      <c r="Q24" s="411">
        <v>15990</v>
      </c>
      <c r="R24" s="412"/>
      <c r="S24" s="412"/>
      <c r="T24" s="412"/>
      <c r="U24" s="412"/>
      <c r="V24" s="413"/>
      <c r="W24" s="501"/>
      <c r="X24" s="438"/>
      <c r="Y24" s="439"/>
      <c r="Z24" s="414" t="s">
        <v>170</v>
      </c>
      <c r="AA24" s="415"/>
      <c r="AB24" s="415"/>
      <c r="AC24" s="415"/>
      <c r="AD24" s="415"/>
      <c r="AE24" s="415"/>
      <c r="AF24" s="415"/>
      <c r="AG24" s="416"/>
      <c r="AH24" s="411">
        <v>21568</v>
      </c>
      <c r="AI24" s="412"/>
      <c r="AJ24" s="412"/>
      <c r="AK24" s="412"/>
      <c r="AL24" s="413"/>
      <c r="AM24" s="411">
        <v>67141184</v>
      </c>
      <c r="AN24" s="412"/>
      <c r="AO24" s="412"/>
      <c r="AP24" s="412"/>
      <c r="AQ24" s="412"/>
      <c r="AR24" s="413"/>
      <c r="AS24" s="411">
        <v>3113</v>
      </c>
      <c r="AT24" s="412"/>
      <c r="AU24" s="412"/>
      <c r="AV24" s="412"/>
      <c r="AW24" s="412"/>
      <c r="AX24" s="471"/>
      <c r="AY24" s="431" t="s">
        <v>171</v>
      </c>
      <c r="AZ24" s="432"/>
      <c r="BA24" s="432"/>
      <c r="BB24" s="432"/>
      <c r="BC24" s="432"/>
      <c r="BD24" s="432"/>
      <c r="BE24" s="432"/>
      <c r="BF24" s="432"/>
      <c r="BG24" s="432"/>
      <c r="BH24" s="432"/>
      <c r="BI24" s="432"/>
      <c r="BJ24" s="432"/>
      <c r="BK24" s="432"/>
      <c r="BL24" s="432"/>
      <c r="BM24" s="433"/>
      <c r="BN24" s="458">
        <v>1686013431</v>
      </c>
      <c r="BO24" s="459"/>
      <c r="BP24" s="459"/>
      <c r="BQ24" s="459"/>
      <c r="BR24" s="459"/>
      <c r="BS24" s="459"/>
      <c r="BT24" s="459"/>
      <c r="BU24" s="460"/>
      <c r="BV24" s="458">
        <v>1704554828</v>
      </c>
      <c r="BW24" s="459"/>
      <c r="BX24" s="459"/>
      <c r="BY24" s="459"/>
      <c r="BZ24" s="459"/>
      <c r="CA24" s="459"/>
      <c r="CB24" s="459"/>
      <c r="CC24" s="460"/>
      <c r="CD24" s="191"/>
      <c r="CE24" s="490"/>
      <c r="CF24" s="490"/>
      <c r="CG24" s="490"/>
      <c r="CH24" s="490"/>
      <c r="CI24" s="490"/>
      <c r="CJ24" s="490"/>
      <c r="CK24" s="490"/>
      <c r="CL24" s="490"/>
      <c r="CM24" s="490"/>
      <c r="CN24" s="490"/>
      <c r="CO24" s="490"/>
      <c r="CP24" s="490"/>
      <c r="CQ24" s="490"/>
      <c r="CR24" s="490"/>
      <c r="CS24" s="491"/>
      <c r="CT24" s="455"/>
      <c r="CU24" s="456"/>
      <c r="CV24" s="456"/>
      <c r="CW24" s="456"/>
      <c r="CX24" s="456"/>
      <c r="CY24" s="456"/>
      <c r="CZ24" s="456"/>
      <c r="DA24" s="457"/>
      <c r="DB24" s="455"/>
      <c r="DC24" s="456"/>
      <c r="DD24" s="456"/>
      <c r="DE24" s="456"/>
      <c r="DF24" s="456"/>
      <c r="DG24" s="456"/>
      <c r="DH24" s="456"/>
      <c r="DI24" s="457"/>
    </row>
    <row r="25" spans="1:113" ht="18.75" customHeight="1" x14ac:dyDescent="0.2">
      <c r="A25" s="178"/>
      <c r="B25" s="437"/>
      <c r="C25" s="438"/>
      <c r="D25" s="439"/>
      <c r="E25" s="414" t="s">
        <v>172</v>
      </c>
      <c r="F25" s="415"/>
      <c r="G25" s="415"/>
      <c r="H25" s="415"/>
      <c r="I25" s="415"/>
      <c r="J25" s="415"/>
      <c r="K25" s="416"/>
      <c r="L25" s="411">
        <v>4</v>
      </c>
      <c r="M25" s="412"/>
      <c r="N25" s="412"/>
      <c r="O25" s="412"/>
      <c r="P25" s="413"/>
      <c r="Q25" s="411">
        <v>12850</v>
      </c>
      <c r="R25" s="412"/>
      <c r="S25" s="412"/>
      <c r="T25" s="412"/>
      <c r="U25" s="412"/>
      <c r="V25" s="413"/>
      <c r="W25" s="501"/>
      <c r="X25" s="438"/>
      <c r="Y25" s="439"/>
      <c r="Z25" s="414" t="s">
        <v>173</v>
      </c>
      <c r="AA25" s="415"/>
      <c r="AB25" s="415"/>
      <c r="AC25" s="415"/>
      <c r="AD25" s="415"/>
      <c r="AE25" s="415"/>
      <c r="AF25" s="415"/>
      <c r="AG25" s="416"/>
      <c r="AH25" s="411">
        <v>3638</v>
      </c>
      <c r="AI25" s="412"/>
      <c r="AJ25" s="412"/>
      <c r="AK25" s="412"/>
      <c r="AL25" s="413"/>
      <c r="AM25" s="411">
        <v>11125004</v>
      </c>
      <c r="AN25" s="412"/>
      <c r="AO25" s="412"/>
      <c r="AP25" s="412"/>
      <c r="AQ25" s="412"/>
      <c r="AR25" s="413"/>
      <c r="AS25" s="411">
        <v>3058</v>
      </c>
      <c r="AT25" s="412"/>
      <c r="AU25" s="412"/>
      <c r="AV25" s="412"/>
      <c r="AW25" s="412"/>
      <c r="AX25" s="471"/>
      <c r="AY25" s="484" t="s">
        <v>174</v>
      </c>
      <c r="AZ25" s="485"/>
      <c r="BA25" s="485"/>
      <c r="BB25" s="485"/>
      <c r="BC25" s="485"/>
      <c r="BD25" s="485"/>
      <c r="BE25" s="485"/>
      <c r="BF25" s="485"/>
      <c r="BG25" s="485"/>
      <c r="BH25" s="485"/>
      <c r="BI25" s="485"/>
      <c r="BJ25" s="485"/>
      <c r="BK25" s="485"/>
      <c r="BL25" s="485"/>
      <c r="BM25" s="486"/>
      <c r="BN25" s="487">
        <v>286543567</v>
      </c>
      <c r="BO25" s="488"/>
      <c r="BP25" s="488"/>
      <c r="BQ25" s="488"/>
      <c r="BR25" s="488"/>
      <c r="BS25" s="488"/>
      <c r="BT25" s="488"/>
      <c r="BU25" s="489"/>
      <c r="BV25" s="487">
        <v>251549297</v>
      </c>
      <c r="BW25" s="488"/>
      <c r="BX25" s="488"/>
      <c r="BY25" s="488"/>
      <c r="BZ25" s="488"/>
      <c r="CA25" s="488"/>
      <c r="CB25" s="488"/>
      <c r="CC25" s="489"/>
      <c r="CD25" s="191"/>
      <c r="CE25" s="490"/>
      <c r="CF25" s="490"/>
      <c r="CG25" s="490"/>
      <c r="CH25" s="490"/>
      <c r="CI25" s="490"/>
      <c r="CJ25" s="490"/>
      <c r="CK25" s="490"/>
      <c r="CL25" s="490"/>
      <c r="CM25" s="490"/>
      <c r="CN25" s="490"/>
      <c r="CO25" s="490"/>
      <c r="CP25" s="490"/>
      <c r="CQ25" s="490"/>
      <c r="CR25" s="490"/>
      <c r="CS25" s="491"/>
      <c r="CT25" s="455"/>
      <c r="CU25" s="456"/>
      <c r="CV25" s="456"/>
      <c r="CW25" s="456"/>
      <c r="CX25" s="456"/>
      <c r="CY25" s="456"/>
      <c r="CZ25" s="456"/>
      <c r="DA25" s="457"/>
      <c r="DB25" s="455"/>
      <c r="DC25" s="456"/>
      <c r="DD25" s="456"/>
      <c r="DE25" s="456"/>
      <c r="DF25" s="456"/>
      <c r="DG25" s="456"/>
      <c r="DH25" s="456"/>
      <c r="DI25" s="457"/>
    </row>
    <row r="26" spans="1:113" ht="18.75" customHeight="1" x14ac:dyDescent="0.2">
      <c r="A26" s="178"/>
      <c r="B26" s="437"/>
      <c r="C26" s="438"/>
      <c r="D26" s="439"/>
      <c r="E26" s="414" t="s">
        <v>175</v>
      </c>
      <c r="F26" s="415"/>
      <c r="G26" s="415"/>
      <c r="H26" s="415"/>
      <c r="I26" s="415"/>
      <c r="J26" s="415"/>
      <c r="K26" s="416"/>
      <c r="L26" s="411">
        <v>1</v>
      </c>
      <c r="M26" s="412"/>
      <c r="N26" s="412"/>
      <c r="O26" s="412"/>
      <c r="P26" s="413"/>
      <c r="Q26" s="411">
        <v>9400</v>
      </c>
      <c r="R26" s="412"/>
      <c r="S26" s="412"/>
      <c r="T26" s="412"/>
      <c r="U26" s="412"/>
      <c r="V26" s="413"/>
      <c r="W26" s="501"/>
      <c r="X26" s="438"/>
      <c r="Y26" s="439"/>
      <c r="Z26" s="414" t="s">
        <v>176</v>
      </c>
      <c r="AA26" s="469"/>
      <c r="AB26" s="469"/>
      <c r="AC26" s="469"/>
      <c r="AD26" s="469"/>
      <c r="AE26" s="469"/>
      <c r="AF26" s="469"/>
      <c r="AG26" s="470"/>
      <c r="AH26" s="411">
        <v>2669</v>
      </c>
      <c r="AI26" s="412"/>
      <c r="AJ26" s="412"/>
      <c r="AK26" s="412"/>
      <c r="AL26" s="413"/>
      <c r="AM26" s="411">
        <v>8276569</v>
      </c>
      <c r="AN26" s="412"/>
      <c r="AO26" s="412"/>
      <c r="AP26" s="412"/>
      <c r="AQ26" s="412"/>
      <c r="AR26" s="413"/>
      <c r="AS26" s="411">
        <v>3101</v>
      </c>
      <c r="AT26" s="412"/>
      <c r="AU26" s="412"/>
      <c r="AV26" s="412"/>
      <c r="AW26" s="412"/>
      <c r="AX26" s="471"/>
      <c r="AY26" s="498" t="s">
        <v>177</v>
      </c>
      <c r="AZ26" s="418"/>
      <c r="BA26" s="418"/>
      <c r="BB26" s="418"/>
      <c r="BC26" s="418"/>
      <c r="BD26" s="418"/>
      <c r="BE26" s="418"/>
      <c r="BF26" s="418"/>
      <c r="BG26" s="418"/>
      <c r="BH26" s="418"/>
      <c r="BI26" s="418"/>
      <c r="BJ26" s="418"/>
      <c r="BK26" s="418"/>
      <c r="BL26" s="418"/>
      <c r="BM26" s="499"/>
      <c r="BN26" s="458">
        <v>8405837</v>
      </c>
      <c r="BO26" s="459"/>
      <c r="BP26" s="459"/>
      <c r="BQ26" s="459"/>
      <c r="BR26" s="459"/>
      <c r="BS26" s="459"/>
      <c r="BT26" s="459"/>
      <c r="BU26" s="460"/>
      <c r="BV26" s="458">
        <v>7622142</v>
      </c>
      <c r="BW26" s="459"/>
      <c r="BX26" s="459"/>
      <c r="BY26" s="459"/>
      <c r="BZ26" s="459"/>
      <c r="CA26" s="459"/>
      <c r="CB26" s="459"/>
      <c r="CC26" s="460"/>
      <c r="CD26" s="191"/>
      <c r="CE26" s="490"/>
      <c r="CF26" s="490"/>
      <c r="CG26" s="490"/>
      <c r="CH26" s="490"/>
      <c r="CI26" s="490"/>
      <c r="CJ26" s="490"/>
      <c r="CK26" s="490"/>
      <c r="CL26" s="490"/>
      <c r="CM26" s="490"/>
      <c r="CN26" s="490"/>
      <c r="CO26" s="490"/>
      <c r="CP26" s="490"/>
      <c r="CQ26" s="490"/>
      <c r="CR26" s="490"/>
      <c r="CS26" s="491"/>
      <c r="CT26" s="455"/>
      <c r="CU26" s="456"/>
      <c r="CV26" s="456"/>
      <c r="CW26" s="456"/>
      <c r="CX26" s="456"/>
      <c r="CY26" s="456"/>
      <c r="CZ26" s="456"/>
      <c r="DA26" s="457"/>
      <c r="DB26" s="455"/>
      <c r="DC26" s="456"/>
      <c r="DD26" s="456"/>
      <c r="DE26" s="456"/>
      <c r="DF26" s="456"/>
      <c r="DG26" s="456"/>
      <c r="DH26" s="456"/>
      <c r="DI26" s="457"/>
    </row>
    <row r="27" spans="1:113" ht="18.75" customHeight="1" thickBot="1" x14ac:dyDescent="0.25">
      <c r="A27" s="178"/>
      <c r="B27" s="437"/>
      <c r="C27" s="438"/>
      <c r="D27" s="439"/>
      <c r="E27" s="414" t="s">
        <v>178</v>
      </c>
      <c r="F27" s="415"/>
      <c r="G27" s="415"/>
      <c r="H27" s="415"/>
      <c r="I27" s="415"/>
      <c r="J27" s="415"/>
      <c r="K27" s="416"/>
      <c r="L27" s="411">
        <v>1</v>
      </c>
      <c r="M27" s="412"/>
      <c r="N27" s="412"/>
      <c r="O27" s="412"/>
      <c r="P27" s="413"/>
      <c r="Q27" s="411">
        <v>11790</v>
      </c>
      <c r="R27" s="412"/>
      <c r="S27" s="412"/>
      <c r="T27" s="412"/>
      <c r="U27" s="412"/>
      <c r="V27" s="413"/>
      <c r="W27" s="501"/>
      <c r="X27" s="438"/>
      <c r="Y27" s="439"/>
      <c r="Z27" s="414" t="s">
        <v>179</v>
      </c>
      <c r="AA27" s="415"/>
      <c r="AB27" s="415"/>
      <c r="AC27" s="415"/>
      <c r="AD27" s="415"/>
      <c r="AE27" s="415"/>
      <c r="AF27" s="415"/>
      <c r="AG27" s="416"/>
      <c r="AH27" s="411">
        <v>15803</v>
      </c>
      <c r="AI27" s="412"/>
      <c r="AJ27" s="412"/>
      <c r="AK27" s="412"/>
      <c r="AL27" s="413"/>
      <c r="AM27" s="411">
        <v>53343827</v>
      </c>
      <c r="AN27" s="412"/>
      <c r="AO27" s="412"/>
      <c r="AP27" s="412"/>
      <c r="AQ27" s="412"/>
      <c r="AR27" s="413"/>
      <c r="AS27" s="411">
        <v>3376</v>
      </c>
      <c r="AT27" s="412"/>
      <c r="AU27" s="412"/>
      <c r="AV27" s="412"/>
      <c r="AW27" s="412"/>
      <c r="AX27" s="471"/>
      <c r="AY27" s="495" t="s">
        <v>180</v>
      </c>
      <c r="AZ27" s="496"/>
      <c r="BA27" s="496"/>
      <c r="BB27" s="496"/>
      <c r="BC27" s="496"/>
      <c r="BD27" s="496"/>
      <c r="BE27" s="496"/>
      <c r="BF27" s="496"/>
      <c r="BG27" s="496"/>
      <c r="BH27" s="496"/>
      <c r="BI27" s="496"/>
      <c r="BJ27" s="496"/>
      <c r="BK27" s="496"/>
      <c r="BL27" s="496"/>
      <c r="BM27" s="497"/>
      <c r="BN27" s="492">
        <v>62784574</v>
      </c>
      <c r="BO27" s="493"/>
      <c r="BP27" s="493"/>
      <c r="BQ27" s="493"/>
      <c r="BR27" s="493"/>
      <c r="BS27" s="493"/>
      <c r="BT27" s="493"/>
      <c r="BU27" s="494"/>
      <c r="BV27" s="492">
        <v>109872468</v>
      </c>
      <c r="BW27" s="493"/>
      <c r="BX27" s="493"/>
      <c r="BY27" s="493"/>
      <c r="BZ27" s="493"/>
      <c r="CA27" s="493"/>
      <c r="CB27" s="493"/>
      <c r="CC27" s="494"/>
      <c r="CD27" s="193"/>
      <c r="CE27" s="490"/>
      <c r="CF27" s="490"/>
      <c r="CG27" s="490"/>
      <c r="CH27" s="490"/>
      <c r="CI27" s="490"/>
      <c r="CJ27" s="490"/>
      <c r="CK27" s="490"/>
      <c r="CL27" s="490"/>
      <c r="CM27" s="490"/>
      <c r="CN27" s="490"/>
      <c r="CO27" s="490"/>
      <c r="CP27" s="490"/>
      <c r="CQ27" s="490"/>
      <c r="CR27" s="490"/>
      <c r="CS27" s="491"/>
      <c r="CT27" s="455"/>
      <c r="CU27" s="456"/>
      <c r="CV27" s="456"/>
      <c r="CW27" s="456"/>
      <c r="CX27" s="456"/>
      <c r="CY27" s="456"/>
      <c r="CZ27" s="456"/>
      <c r="DA27" s="457"/>
      <c r="DB27" s="455"/>
      <c r="DC27" s="456"/>
      <c r="DD27" s="456"/>
      <c r="DE27" s="456"/>
      <c r="DF27" s="456"/>
      <c r="DG27" s="456"/>
      <c r="DH27" s="456"/>
      <c r="DI27" s="457"/>
    </row>
    <row r="28" spans="1:113" ht="18.75" customHeight="1" x14ac:dyDescent="0.2">
      <c r="A28" s="178"/>
      <c r="B28" s="437"/>
      <c r="C28" s="438"/>
      <c r="D28" s="439"/>
      <c r="E28" s="414" t="s">
        <v>181</v>
      </c>
      <c r="F28" s="415"/>
      <c r="G28" s="415"/>
      <c r="H28" s="415"/>
      <c r="I28" s="415"/>
      <c r="J28" s="415"/>
      <c r="K28" s="416"/>
      <c r="L28" s="411">
        <v>1</v>
      </c>
      <c r="M28" s="412"/>
      <c r="N28" s="412"/>
      <c r="O28" s="412"/>
      <c r="P28" s="413"/>
      <c r="Q28" s="411">
        <v>10610</v>
      </c>
      <c r="R28" s="412"/>
      <c r="S28" s="412"/>
      <c r="T28" s="412"/>
      <c r="U28" s="412"/>
      <c r="V28" s="413"/>
      <c r="W28" s="501"/>
      <c r="X28" s="438"/>
      <c r="Y28" s="439"/>
      <c r="Z28" s="414" t="s">
        <v>182</v>
      </c>
      <c r="AA28" s="415"/>
      <c r="AB28" s="415"/>
      <c r="AC28" s="415"/>
      <c r="AD28" s="415"/>
      <c r="AE28" s="415"/>
      <c r="AF28" s="415"/>
      <c r="AG28" s="416"/>
      <c r="AH28" s="411">
        <v>865</v>
      </c>
      <c r="AI28" s="412"/>
      <c r="AJ28" s="412"/>
      <c r="AK28" s="412"/>
      <c r="AL28" s="413"/>
      <c r="AM28" s="411">
        <v>2489470</v>
      </c>
      <c r="AN28" s="412"/>
      <c r="AO28" s="412"/>
      <c r="AP28" s="412"/>
      <c r="AQ28" s="412"/>
      <c r="AR28" s="413"/>
      <c r="AS28" s="411">
        <v>2878</v>
      </c>
      <c r="AT28" s="412"/>
      <c r="AU28" s="412"/>
      <c r="AV28" s="412"/>
      <c r="AW28" s="412"/>
      <c r="AX28" s="471"/>
      <c r="AY28" s="475" t="s">
        <v>183</v>
      </c>
      <c r="AZ28" s="476"/>
      <c r="BA28" s="476"/>
      <c r="BB28" s="477"/>
      <c r="BC28" s="484" t="s">
        <v>48</v>
      </c>
      <c r="BD28" s="485"/>
      <c r="BE28" s="485"/>
      <c r="BF28" s="485"/>
      <c r="BG28" s="485"/>
      <c r="BH28" s="485"/>
      <c r="BI28" s="485"/>
      <c r="BJ28" s="485"/>
      <c r="BK28" s="485"/>
      <c r="BL28" s="485"/>
      <c r="BM28" s="486"/>
      <c r="BN28" s="487">
        <v>31319498</v>
      </c>
      <c r="BO28" s="488"/>
      <c r="BP28" s="488"/>
      <c r="BQ28" s="488"/>
      <c r="BR28" s="488"/>
      <c r="BS28" s="488"/>
      <c r="BT28" s="488"/>
      <c r="BU28" s="489"/>
      <c r="BV28" s="487">
        <v>11352384</v>
      </c>
      <c r="BW28" s="488"/>
      <c r="BX28" s="488"/>
      <c r="BY28" s="488"/>
      <c r="BZ28" s="488"/>
      <c r="CA28" s="488"/>
      <c r="CB28" s="488"/>
      <c r="CC28" s="489"/>
      <c r="CD28" s="191"/>
      <c r="CE28" s="490"/>
      <c r="CF28" s="490"/>
      <c r="CG28" s="490"/>
      <c r="CH28" s="490"/>
      <c r="CI28" s="490"/>
      <c r="CJ28" s="490"/>
      <c r="CK28" s="490"/>
      <c r="CL28" s="490"/>
      <c r="CM28" s="490"/>
      <c r="CN28" s="490"/>
      <c r="CO28" s="490"/>
      <c r="CP28" s="490"/>
      <c r="CQ28" s="490"/>
      <c r="CR28" s="490"/>
      <c r="CS28" s="491"/>
      <c r="CT28" s="455"/>
      <c r="CU28" s="456"/>
      <c r="CV28" s="456"/>
      <c r="CW28" s="456"/>
      <c r="CX28" s="456"/>
      <c r="CY28" s="456"/>
      <c r="CZ28" s="456"/>
      <c r="DA28" s="457"/>
      <c r="DB28" s="455"/>
      <c r="DC28" s="456"/>
      <c r="DD28" s="456"/>
      <c r="DE28" s="456"/>
      <c r="DF28" s="456"/>
      <c r="DG28" s="456"/>
      <c r="DH28" s="456"/>
      <c r="DI28" s="457"/>
    </row>
    <row r="29" spans="1:113" ht="18.75" customHeight="1" x14ac:dyDescent="0.2">
      <c r="A29" s="178"/>
      <c r="B29" s="437"/>
      <c r="C29" s="438"/>
      <c r="D29" s="439"/>
      <c r="E29" s="414" t="s">
        <v>184</v>
      </c>
      <c r="F29" s="415"/>
      <c r="G29" s="415"/>
      <c r="H29" s="415"/>
      <c r="I29" s="415"/>
      <c r="J29" s="415"/>
      <c r="K29" s="416"/>
      <c r="L29" s="411">
        <v>84</v>
      </c>
      <c r="M29" s="412"/>
      <c r="N29" s="412"/>
      <c r="O29" s="412"/>
      <c r="P29" s="413"/>
      <c r="Q29" s="411">
        <v>9530</v>
      </c>
      <c r="R29" s="412"/>
      <c r="S29" s="412"/>
      <c r="T29" s="412"/>
      <c r="U29" s="412"/>
      <c r="V29" s="413"/>
      <c r="W29" s="502"/>
      <c r="X29" s="503"/>
      <c r="Y29" s="504"/>
      <c r="Z29" s="414" t="s">
        <v>185</v>
      </c>
      <c r="AA29" s="415"/>
      <c r="AB29" s="415"/>
      <c r="AC29" s="415"/>
      <c r="AD29" s="415"/>
      <c r="AE29" s="415"/>
      <c r="AF29" s="415"/>
      <c r="AG29" s="416"/>
      <c r="AH29" s="411">
        <v>38236</v>
      </c>
      <c r="AI29" s="412"/>
      <c r="AJ29" s="412"/>
      <c r="AK29" s="412"/>
      <c r="AL29" s="413"/>
      <c r="AM29" s="411">
        <v>122974481</v>
      </c>
      <c r="AN29" s="412"/>
      <c r="AO29" s="412"/>
      <c r="AP29" s="412"/>
      <c r="AQ29" s="412"/>
      <c r="AR29" s="413"/>
      <c r="AS29" s="411">
        <v>3216</v>
      </c>
      <c r="AT29" s="412"/>
      <c r="AU29" s="412"/>
      <c r="AV29" s="412"/>
      <c r="AW29" s="412"/>
      <c r="AX29" s="471"/>
      <c r="AY29" s="478"/>
      <c r="AZ29" s="479"/>
      <c r="BA29" s="479"/>
      <c r="BB29" s="480"/>
      <c r="BC29" s="472" t="s">
        <v>186</v>
      </c>
      <c r="BD29" s="473"/>
      <c r="BE29" s="473"/>
      <c r="BF29" s="473"/>
      <c r="BG29" s="473"/>
      <c r="BH29" s="473"/>
      <c r="BI29" s="473"/>
      <c r="BJ29" s="473"/>
      <c r="BK29" s="473"/>
      <c r="BL29" s="473"/>
      <c r="BM29" s="474"/>
      <c r="BN29" s="458" t="s">
        <v>129</v>
      </c>
      <c r="BO29" s="459"/>
      <c r="BP29" s="459"/>
      <c r="BQ29" s="459"/>
      <c r="BR29" s="459"/>
      <c r="BS29" s="459"/>
      <c r="BT29" s="459"/>
      <c r="BU29" s="460"/>
      <c r="BV29" s="458" t="s">
        <v>129</v>
      </c>
      <c r="BW29" s="459"/>
      <c r="BX29" s="459"/>
      <c r="BY29" s="459"/>
      <c r="BZ29" s="459"/>
      <c r="CA29" s="459"/>
      <c r="CB29" s="459"/>
      <c r="CC29" s="460"/>
      <c r="CD29" s="193"/>
      <c r="CE29" s="490"/>
      <c r="CF29" s="490"/>
      <c r="CG29" s="490"/>
      <c r="CH29" s="490"/>
      <c r="CI29" s="490"/>
      <c r="CJ29" s="490"/>
      <c r="CK29" s="490"/>
      <c r="CL29" s="490"/>
      <c r="CM29" s="490"/>
      <c r="CN29" s="490"/>
      <c r="CO29" s="490"/>
      <c r="CP29" s="490"/>
      <c r="CQ29" s="490"/>
      <c r="CR29" s="490"/>
      <c r="CS29" s="491"/>
      <c r="CT29" s="455"/>
      <c r="CU29" s="456"/>
      <c r="CV29" s="456"/>
      <c r="CW29" s="456"/>
      <c r="CX29" s="456"/>
      <c r="CY29" s="456"/>
      <c r="CZ29" s="456"/>
      <c r="DA29" s="457"/>
      <c r="DB29" s="455"/>
      <c r="DC29" s="456"/>
      <c r="DD29" s="456"/>
      <c r="DE29" s="456"/>
      <c r="DF29" s="456"/>
      <c r="DG29" s="456"/>
      <c r="DH29" s="456"/>
      <c r="DI29" s="457"/>
    </row>
    <row r="30" spans="1:113" ht="18.75" customHeight="1" thickBot="1" x14ac:dyDescent="0.25">
      <c r="A30" s="178"/>
      <c r="B30" s="440"/>
      <c r="C30" s="441"/>
      <c r="D30" s="442"/>
      <c r="E30" s="419"/>
      <c r="F30" s="420"/>
      <c r="G30" s="420"/>
      <c r="H30" s="420"/>
      <c r="I30" s="420"/>
      <c r="J30" s="420"/>
      <c r="K30" s="421"/>
      <c r="L30" s="422"/>
      <c r="M30" s="423"/>
      <c r="N30" s="423"/>
      <c r="O30" s="423"/>
      <c r="P30" s="424"/>
      <c r="Q30" s="422"/>
      <c r="R30" s="423"/>
      <c r="S30" s="423"/>
      <c r="T30" s="423"/>
      <c r="U30" s="423"/>
      <c r="V30" s="424"/>
      <c r="W30" s="425" t="s">
        <v>187</v>
      </c>
      <c r="X30" s="426"/>
      <c r="Y30" s="426"/>
      <c r="Z30" s="426"/>
      <c r="AA30" s="426"/>
      <c r="AB30" s="426"/>
      <c r="AC30" s="426"/>
      <c r="AD30" s="426"/>
      <c r="AE30" s="426"/>
      <c r="AF30" s="426"/>
      <c r="AG30" s="427"/>
      <c r="AH30" s="428">
        <v>99.9</v>
      </c>
      <c r="AI30" s="429"/>
      <c r="AJ30" s="429"/>
      <c r="AK30" s="429"/>
      <c r="AL30" s="429"/>
      <c r="AM30" s="429"/>
      <c r="AN30" s="429"/>
      <c r="AO30" s="429"/>
      <c r="AP30" s="429"/>
      <c r="AQ30" s="429"/>
      <c r="AR30" s="429"/>
      <c r="AS30" s="429"/>
      <c r="AT30" s="429"/>
      <c r="AU30" s="429"/>
      <c r="AV30" s="429"/>
      <c r="AW30" s="429"/>
      <c r="AX30" s="430"/>
      <c r="AY30" s="481"/>
      <c r="AZ30" s="482"/>
      <c r="BA30" s="482"/>
      <c r="BB30" s="483"/>
      <c r="BC30" s="431" t="s">
        <v>50</v>
      </c>
      <c r="BD30" s="432"/>
      <c r="BE30" s="432"/>
      <c r="BF30" s="432"/>
      <c r="BG30" s="432"/>
      <c r="BH30" s="432"/>
      <c r="BI30" s="432"/>
      <c r="BJ30" s="432"/>
      <c r="BK30" s="432"/>
      <c r="BL30" s="432"/>
      <c r="BM30" s="433"/>
      <c r="BN30" s="492">
        <v>18338241</v>
      </c>
      <c r="BO30" s="493"/>
      <c r="BP30" s="493"/>
      <c r="BQ30" s="493"/>
      <c r="BR30" s="493"/>
      <c r="BS30" s="493"/>
      <c r="BT30" s="493"/>
      <c r="BU30" s="494"/>
      <c r="BV30" s="492">
        <v>17419135</v>
      </c>
      <c r="BW30" s="493"/>
      <c r="BX30" s="493"/>
      <c r="BY30" s="493"/>
      <c r="BZ30" s="493"/>
      <c r="CA30" s="493"/>
      <c r="CB30" s="493"/>
      <c r="CC30" s="494"/>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7" t="s">
        <v>188</v>
      </c>
      <c r="D32" s="417"/>
      <c r="E32" s="417"/>
      <c r="F32" s="417"/>
      <c r="G32" s="417"/>
      <c r="H32" s="417"/>
      <c r="I32" s="417"/>
      <c r="J32" s="417"/>
      <c r="K32" s="417"/>
      <c r="L32" s="417"/>
      <c r="M32" s="417"/>
      <c r="N32" s="417"/>
      <c r="O32" s="417"/>
      <c r="P32" s="417"/>
      <c r="Q32" s="417"/>
      <c r="R32" s="417"/>
      <c r="S32" s="417"/>
      <c r="U32" s="418" t="s">
        <v>189</v>
      </c>
      <c r="V32" s="418"/>
      <c r="W32" s="418"/>
      <c r="X32" s="418"/>
      <c r="Y32" s="418"/>
      <c r="Z32" s="418"/>
      <c r="AA32" s="418"/>
      <c r="AB32" s="418"/>
      <c r="AC32" s="418"/>
      <c r="AD32" s="418"/>
      <c r="AE32" s="418"/>
      <c r="AF32" s="418"/>
      <c r="AG32" s="418"/>
      <c r="AH32" s="418"/>
      <c r="AI32" s="418"/>
      <c r="AJ32" s="418"/>
      <c r="AK32" s="418"/>
      <c r="AM32" s="418" t="s">
        <v>190</v>
      </c>
      <c r="AN32" s="418"/>
      <c r="AO32" s="418"/>
      <c r="AP32" s="418"/>
      <c r="AQ32" s="418"/>
      <c r="AR32" s="418"/>
      <c r="AS32" s="418"/>
      <c r="AT32" s="418"/>
      <c r="AU32" s="418"/>
      <c r="AV32" s="418"/>
      <c r="AW32" s="418"/>
      <c r="AX32" s="418"/>
      <c r="AY32" s="418"/>
      <c r="AZ32" s="418"/>
      <c r="BA32" s="418"/>
      <c r="BB32" s="418"/>
      <c r="BC32" s="418"/>
      <c r="BE32" s="418" t="s">
        <v>191</v>
      </c>
      <c r="BF32" s="418"/>
      <c r="BG32" s="418"/>
      <c r="BH32" s="418"/>
      <c r="BI32" s="418"/>
      <c r="BJ32" s="418"/>
      <c r="BK32" s="418"/>
      <c r="BL32" s="418"/>
      <c r="BM32" s="418"/>
      <c r="BN32" s="418"/>
      <c r="BO32" s="418"/>
      <c r="BP32" s="418"/>
      <c r="BQ32" s="418"/>
      <c r="BR32" s="418"/>
      <c r="BS32" s="418"/>
      <c r="BT32" s="418"/>
      <c r="BU32" s="418"/>
      <c r="BW32" s="418" t="s">
        <v>192</v>
      </c>
      <c r="BX32" s="418"/>
      <c r="BY32" s="418"/>
      <c r="BZ32" s="418"/>
      <c r="CA32" s="418"/>
      <c r="CB32" s="418"/>
      <c r="CC32" s="418"/>
      <c r="CD32" s="418"/>
      <c r="CE32" s="418"/>
      <c r="CF32" s="418"/>
      <c r="CG32" s="418"/>
      <c r="CH32" s="418"/>
      <c r="CI32" s="418"/>
      <c r="CJ32" s="418"/>
      <c r="CK32" s="418"/>
      <c r="CL32" s="418"/>
      <c r="CM32" s="418"/>
      <c r="CO32" s="418" t="s">
        <v>193</v>
      </c>
      <c r="CP32" s="418"/>
      <c r="CQ32" s="418"/>
      <c r="CR32" s="418"/>
      <c r="CS32" s="418"/>
      <c r="CT32" s="418"/>
      <c r="CU32" s="418"/>
      <c r="CV32" s="418"/>
      <c r="CW32" s="418"/>
      <c r="CX32" s="418"/>
      <c r="CY32" s="418"/>
      <c r="CZ32" s="418"/>
      <c r="DA32" s="418"/>
      <c r="DB32" s="418"/>
      <c r="DC32" s="418"/>
      <c r="DD32" s="418"/>
      <c r="DE32" s="418"/>
      <c r="DI32" s="201"/>
    </row>
    <row r="33" spans="1:113" ht="13.5" customHeight="1" x14ac:dyDescent="0.2">
      <c r="A33" s="178"/>
      <c r="B33" s="202"/>
      <c r="C33" s="410" t="s">
        <v>194</v>
      </c>
      <c r="D33" s="410"/>
      <c r="E33" s="409" t="s">
        <v>195</v>
      </c>
      <c r="F33" s="409"/>
      <c r="G33" s="409"/>
      <c r="H33" s="409"/>
      <c r="I33" s="409"/>
      <c r="J33" s="409"/>
      <c r="K33" s="409"/>
      <c r="L33" s="409"/>
      <c r="M33" s="409"/>
      <c r="N33" s="409"/>
      <c r="O33" s="409"/>
      <c r="P33" s="409"/>
      <c r="Q33" s="409"/>
      <c r="R33" s="409"/>
      <c r="S33" s="409"/>
      <c r="T33" s="203"/>
      <c r="U33" s="410" t="s">
        <v>194</v>
      </c>
      <c r="V33" s="410"/>
      <c r="W33" s="409" t="s">
        <v>195</v>
      </c>
      <c r="X33" s="409"/>
      <c r="Y33" s="409"/>
      <c r="Z33" s="409"/>
      <c r="AA33" s="409"/>
      <c r="AB33" s="409"/>
      <c r="AC33" s="409"/>
      <c r="AD33" s="409"/>
      <c r="AE33" s="409"/>
      <c r="AF33" s="409"/>
      <c r="AG33" s="409"/>
      <c r="AH33" s="409"/>
      <c r="AI33" s="409"/>
      <c r="AJ33" s="409"/>
      <c r="AK33" s="409"/>
      <c r="AL33" s="203"/>
      <c r="AM33" s="410" t="s">
        <v>194</v>
      </c>
      <c r="AN33" s="410"/>
      <c r="AO33" s="409" t="s">
        <v>195</v>
      </c>
      <c r="AP33" s="409"/>
      <c r="AQ33" s="409"/>
      <c r="AR33" s="409"/>
      <c r="AS33" s="409"/>
      <c r="AT33" s="409"/>
      <c r="AU33" s="409"/>
      <c r="AV33" s="409"/>
      <c r="AW33" s="409"/>
      <c r="AX33" s="409"/>
      <c r="AY33" s="409"/>
      <c r="AZ33" s="409"/>
      <c r="BA33" s="409"/>
      <c r="BB33" s="409"/>
      <c r="BC33" s="409"/>
      <c r="BD33" s="204"/>
      <c r="BE33" s="409" t="s">
        <v>196</v>
      </c>
      <c r="BF33" s="409"/>
      <c r="BG33" s="409" t="s">
        <v>197</v>
      </c>
      <c r="BH33" s="409"/>
      <c r="BI33" s="409"/>
      <c r="BJ33" s="409"/>
      <c r="BK33" s="409"/>
      <c r="BL33" s="409"/>
      <c r="BM33" s="409"/>
      <c r="BN33" s="409"/>
      <c r="BO33" s="409"/>
      <c r="BP33" s="409"/>
      <c r="BQ33" s="409"/>
      <c r="BR33" s="409"/>
      <c r="BS33" s="409"/>
      <c r="BT33" s="409"/>
      <c r="BU33" s="409"/>
      <c r="BV33" s="204"/>
      <c r="BW33" s="410" t="s">
        <v>196</v>
      </c>
      <c r="BX33" s="410"/>
      <c r="BY33" s="409" t="s">
        <v>198</v>
      </c>
      <c r="BZ33" s="409"/>
      <c r="CA33" s="409"/>
      <c r="CB33" s="409"/>
      <c r="CC33" s="409"/>
      <c r="CD33" s="409"/>
      <c r="CE33" s="409"/>
      <c r="CF33" s="409"/>
      <c r="CG33" s="409"/>
      <c r="CH33" s="409"/>
      <c r="CI33" s="409"/>
      <c r="CJ33" s="409"/>
      <c r="CK33" s="409"/>
      <c r="CL33" s="409"/>
      <c r="CM33" s="409"/>
      <c r="CN33" s="203"/>
      <c r="CO33" s="410" t="s">
        <v>194</v>
      </c>
      <c r="CP33" s="410"/>
      <c r="CQ33" s="409" t="s">
        <v>199</v>
      </c>
      <c r="CR33" s="409"/>
      <c r="CS33" s="409"/>
      <c r="CT33" s="409"/>
      <c r="CU33" s="409"/>
      <c r="CV33" s="409"/>
      <c r="CW33" s="409"/>
      <c r="CX33" s="409"/>
      <c r="CY33" s="409"/>
      <c r="CZ33" s="409"/>
      <c r="DA33" s="409"/>
      <c r="DB33" s="409"/>
      <c r="DC33" s="409"/>
      <c r="DD33" s="409"/>
      <c r="DE33" s="409"/>
      <c r="DF33" s="203"/>
      <c r="DG33" s="408" t="s">
        <v>200</v>
      </c>
      <c r="DH33" s="408"/>
      <c r="DI33" s="205"/>
    </row>
    <row r="34" spans="1:113" ht="32.25" customHeight="1" x14ac:dyDescent="0.2">
      <c r="A34" s="178"/>
      <c r="B34" s="202"/>
      <c r="C34" s="406">
        <f>IF(E34="","",1)</f>
        <v>1</v>
      </c>
      <c r="D34" s="406"/>
      <c r="E34" s="407" t="str">
        <f>IF('各会計、関係団体の財政状況及び健全化判断比率'!B7="","",'各会計、関係団体の財政状況及び健全化判断比率'!B7)</f>
        <v>一般会計</v>
      </c>
      <c r="F34" s="407"/>
      <c r="G34" s="407"/>
      <c r="H34" s="407"/>
      <c r="I34" s="407"/>
      <c r="J34" s="407"/>
      <c r="K34" s="407"/>
      <c r="L34" s="407"/>
      <c r="M34" s="407"/>
      <c r="N34" s="407"/>
      <c r="O34" s="407"/>
      <c r="P34" s="407"/>
      <c r="Q34" s="407"/>
      <c r="R34" s="407"/>
      <c r="S34" s="407"/>
      <c r="T34" s="178"/>
      <c r="U34" s="406">
        <f>IF(W34="","",MAX(C34:D43)+1)</f>
        <v>10</v>
      </c>
      <c r="V34" s="406"/>
      <c r="W34" s="407" t="str">
        <f>IF('各会計、関係団体の財政状況及び健全化判断比率'!B28="","",'各会計、関係団体の財政状況及び健全化判断比率'!B28)</f>
        <v>国民健康保険事業費会計</v>
      </c>
      <c r="X34" s="407"/>
      <c r="Y34" s="407"/>
      <c r="Z34" s="407"/>
      <c r="AA34" s="407"/>
      <c r="AB34" s="407"/>
      <c r="AC34" s="407"/>
      <c r="AD34" s="407"/>
      <c r="AE34" s="407"/>
      <c r="AF34" s="407"/>
      <c r="AG34" s="407"/>
      <c r="AH34" s="407"/>
      <c r="AI34" s="407"/>
      <c r="AJ34" s="407"/>
      <c r="AK34" s="407"/>
      <c r="AL34" s="178"/>
      <c r="AM34" s="406">
        <f>IF(AO34="","",MAX(C34:D43,U34:V43)+1)</f>
        <v>14</v>
      </c>
      <c r="AN34" s="406"/>
      <c r="AO34" s="407" t="str">
        <f>IF('各会計、関係団体の財政状況及び健全化判断比率'!B32="","",'各会計、関係団体の財政状況及び健全化判断比率'!B32)</f>
        <v>水道事業会計</v>
      </c>
      <c r="AP34" s="407"/>
      <c r="AQ34" s="407"/>
      <c r="AR34" s="407"/>
      <c r="AS34" s="407"/>
      <c r="AT34" s="407"/>
      <c r="AU34" s="407"/>
      <c r="AV34" s="407"/>
      <c r="AW34" s="407"/>
      <c r="AX34" s="407"/>
      <c r="AY34" s="407"/>
      <c r="AZ34" s="407"/>
      <c r="BA34" s="407"/>
      <c r="BB34" s="407"/>
      <c r="BC34" s="407"/>
      <c r="BD34" s="178"/>
      <c r="BE34" s="406">
        <f>IF(BG34="","",MAX(C34:D43,U34:V43,AM34:AN43)+1)</f>
        <v>21</v>
      </c>
      <c r="BF34" s="406"/>
      <c r="BG34" s="407" t="str">
        <f>IF('各会計、関係団体の財政状況及び健全化判断比率'!B39="","",'各会計、関係団体の財政状況及び健全化判断比率'!B39)</f>
        <v>港湾整備事業費会計</v>
      </c>
      <c r="BH34" s="407"/>
      <c r="BI34" s="407"/>
      <c r="BJ34" s="407"/>
      <c r="BK34" s="407"/>
      <c r="BL34" s="407"/>
      <c r="BM34" s="407"/>
      <c r="BN34" s="407"/>
      <c r="BO34" s="407"/>
      <c r="BP34" s="407"/>
      <c r="BQ34" s="407"/>
      <c r="BR34" s="407"/>
      <c r="BS34" s="407"/>
      <c r="BT34" s="407"/>
      <c r="BU34" s="407"/>
      <c r="BV34" s="178"/>
      <c r="BW34" s="406">
        <f>IF(BY34="","",MAX(C34:D43,U34:V43,AM34:AN43,BE34:BF43)+1)</f>
        <v>25</v>
      </c>
      <c r="BX34" s="406"/>
      <c r="BY34" s="407" t="str">
        <f>IF('各会計、関係団体の財政状況及び健全化判断比率'!B68="","",'各会計、関係団体の財政状況及び健全化判断比率'!B68)</f>
        <v>神奈川県内広域水道企業団（水道用水供給事業会計）</v>
      </c>
      <c r="BZ34" s="407"/>
      <c r="CA34" s="407"/>
      <c r="CB34" s="407"/>
      <c r="CC34" s="407"/>
      <c r="CD34" s="407"/>
      <c r="CE34" s="407"/>
      <c r="CF34" s="407"/>
      <c r="CG34" s="407"/>
      <c r="CH34" s="407"/>
      <c r="CI34" s="407"/>
      <c r="CJ34" s="407"/>
      <c r="CK34" s="407"/>
      <c r="CL34" s="407"/>
      <c r="CM34" s="407"/>
      <c r="CN34" s="178"/>
      <c r="CO34" s="406">
        <f>IF(CQ34="","",MAX(C34:D43,U34:V43,AM34:AN43,BE34:BF43,BW34:BX43)+1)</f>
        <v>28</v>
      </c>
      <c r="CP34" s="406"/>
      <c r="CQ34" s="407" t="str">
        <f>IF('各会計、関係団体の財政状況及び健全化判断比率'!BS7="","",'各会計、関係団体の財政状況及び健全化判断比率'!BS7)</f>
        <v>公益財団法人横浜市男女共同参画推進協会</v>
      </c>
      <c r="CR34" s="407"/>
      <c r="CS34" s="407"/>
      <c r="CT34" s="407"/>
      <c r="CU34" s="407"/>
      <c r="CV34" s="407"/>
      <c r="CW34" s="407"/>
      <c r="CX34" s="407"/>
      <c r="CY34" s="407"/>
      <c r="CZ34" s="407"/>
      <c r="DA34" s="407"/>
      <c r="DB34" s="407"/>
      <c r="DC34" s="407"/>
      <c r="DD34" s="407"/>
      <c r="DE34" s="407"/>
      <c r="DG34" s="404" t="str">
        <f>IF('各会計、関係団体の財政状況及び健全化判断比率'!BR7="","",'各会計、関係団体の財政状況及び健全化判断比率'!BR7)</f>
        <v/>
      </c>
      <c r="DH34" s="404"/>
      <c r="DI34" s="205"/>
    </row>
    <row r="35" spans="1:113" ht="32.25" customHeight="1" x14ac:dyDescent="0.2">
      <c r="A35" s="178"/>
      <c r="B35" s="202"/>
      <c r="C35" s="406">
        <f>IF(E35="","",C34+1)</f>
        <v>2</v>
      </c>
      <c r="D35" s="406"/>
      <c r="E35" s="407" t="str">
        <f>IF('各会計、関係団体の財政状況及び健全化判断比率'!B8="","",'各会計、関係団体の財政状況及び健全化判断比率'!B8)</f>
        <v>市債金会計</v>
      </c>
      <c r="F35" s="407"/>
      <c r="G35" s="407"/>
      <c r="H35" s="407"/>
      <c r="I35" s="407"/>
      <c r="J35" s="407"/>
      <c r="K35" s="407"/>
      <c r="L35" s="407"/>
      <c r="M35" s="407"/>
      <c r="N35" s="407"/>
      <c r="O35" s="407"/>
      <c r="P35" s="407"/>
      <c r="Q35" s="407"/>
      <c r="R35" s="407"/>
      <c r="S35" s="407"/>
      <c r="T35" s="178"/>
      <c r="U35" s="406">
        <f>IF(W35="","",U34+1)</f>
        <v>11</v>
      </c>
      <c r="V35" s="406"/>
      <c r="W35" s="407" t="str">
        <f>IF('各会計、関係団体の財政状況及び健全化判断比率'!B29="","",'各会計、関係団体の財政状況及び健全化判断比率'!B29)</f>
        <v>介護保険事業費会計</v>
      </c>
      <c r="X35" s="407"/>
      <c r="Y35" s="407"/>
      <c r="Z35" s="407"/>
      <c r="AA35" s="407"/>
      <c r="AB35" s="407"/>
      <c r="AC35" s="407"/>
      <c r="AD35" s="407"/>
      <c r="AE35" s="407"/>
      <c r="AF35" s="407"/>
      <c r="AG35" s="407"/>
      <c r="AH35" s="407"/>
      <c r="AI35" s="407"/>
      <c r="AJ35" s="407"/>
      <c r="AK35" s="407"/>
      <c r="AL35" s="178"/>
      <c r="AM35" s="406">
        <f t="shared" ref="AM35:AM43" si="0">IF(AO35="","",AM34+1)</f>
        <v>15</v>
      </c>
      <c r="AN35" s="406"/>
      <c r="AO35" s="407" t="str">
        <f>IF('各会計、関係団体の財政状況及び健全化判断比率'!B33="","",'各会計、関係団体の財政状況及び健全化判断比率'!B33)</f>
        <v>工業用水道事業会計</v>
      </c>
      <c r="AP35" s="407"/>
      <c r="AQ35" s="407"/>
      <c r="AR35" s="407"/>
      <c r="AS35" s="407"/>
      <c r="AT35" s="407"/>
      <c r="AU35" s="407"/>
      <c r="AV35" s="407"/>
      <c r="AW35" s="407"/>
      <c r="AX35" s="407"/>
      <c r="AY35" s="407"/>
      <c r="AZ35" s="407"/>
      <c r="BA35" s="407"/>
      <c r="BB35" s="407"/>
      <c r="BC35" s="407"/>
      <c r="BD35" s="178"/>
      <c r="BE35" s="406">
        <f t="shared" ref="BE35:BE43" si="1">IF(BG35="","",BE34+1)</f>
        <v>22</v>
      </c>
      <c r="BF35" s="406"/>
      <c r="BG35" s="407" t="str">
        <f>IF('各会計、関係団体の財政状況及び健全化判断比率'!B40="","",'各会計、関係団体の財政状況及び健全化判断比率'!B40)</f>
        <v>中央卸売市場費会計</v>
      </c>
      <c r="BH35" s="407"/>
      <c r="BI35" s="407"/>
      <c r="BJ35" s="407"/>
      <c r="BK35" s="407"/>
      <c r="BL35" s="407"/>
      <c r="BM35" s="407"/>
      <c r="BN35" s="407"/>
      <c r="BO35" s="407"/>
      <c r="BP35" s="407"/>
      <c r="BQ35" s="407"/>
      <c r="BR35" s="407"/>
      <c r="BS35" s="407"/>
      <c r="BT35" s="407"/>
      <c r="BU35" s="407"/>
      <c r="BV35" s="178"/>
      <c r="BW35" s="406">
        <f t="shared" ref="BW35:BW43" si="2">IF(BY35="","",BW34+1)</f>
        <v>26</v>
      </c>
      <c r="BX35" s="406"/>
      <c r="BY35" s="407" t="str">
        <f>IF('各会計、関係団体の財政状況及び健全化判断比率'!B69="","",'各会計、関係団体の財政状況及び健全化判断比率'!B69)</f>
        <v>神奈川県後期高齢者医療広域連合（一般会計）</v>
      </c>
      <c r="BZ35" s="407"/>
      <c r="CA35" s="407"/>
      <c r="CB35" s="407"/>
      <c r="CC35" s="407"/>
      <c r="CD35" s="407"/>
      <c r="CE35" s="407"/>
      <c r="CF35" s="407"/>
      <c r="CG35" s="407"/>
      <c r="CH35" s="407"/>
      <c r="CI35" s="407"/>
      <c r="CJ35" s="407"/>
      <c r="CK35" s="407"/>
      <c r="CL35" s="407"/>
      <c r="CM35" s="407"/>
      <c r="CN35" s="178"/>
      <c r="CO35" s="406">
        <f t="shared" ref="CO35:CO43" si="3">IF(CQ35="","",CO34+1)</f>
        <v>29</v>
      </c>
      <c r="CP35" s="406"/>
      <c r="CQ35" s="407" t="str">
        <f>IF('各会計、関係団体の財政状況及び健全化判断比率'!BS8="","",'各会計、関係団体の財政状況及び健全化判断比率'!BS8)</f>
        <v>公益財団法人横浜市国際交流協会</v>
      </c>
      <c r="CR35" s="407"/>
      <c r="CS35" s="407"/>
      <c r="CT35" s="407"/>
      <c r="CU35" s="407"/>
      <c r="CV35" s="407"/>
      <c r="CW35" s="407"/>
      <c r="CX35" s="407"/>
      <c r="CY35" s="407"/>
      <c r="CZ35" s="407"/>
      <c r="DA35" s="407"/>
      <c r="DB35" s="407"/>
      <c r="DC35" s="407"/>
      <c r="DD35" s="407"/>
      <c r="DE35" s="407"/>
      <c r="DG35" s="404" t="str">
        <f>IF('各会計、関係団体の財政状況及び健全化判断比率'!BR8="","",'各会計、関係団体の財政状況及び健全化判断比率'!BR8)</f>
        <v/>
      </c>
      <c r="DH35" s="404"/>
      <c r="DI35" s="205"/>
    </row>
    <row r="36" spans="1:113" ht="32.25" customHeight="1" x14ac:dyDescent="0.2">
      <c r="A36" s="178"/>
      <c r="B36" s="202"/>
      <c r="C36" s="406">
        <f>IF(E36="","",C35+1)</f>
        <v>3</v>
      </c>
      <c r="D36" s="406"/>
      <c r="E36" s="407" t="str">
        <f>IF('各会計、関係団体の財政状況及び健全化判断比率'!B9="","",'各会計、関係団体の財政状況及び健全化判断比率'!B9)</f>
        <v>母子父子寡婦福祉資金会計</v>
      </c>
      <c r="F36" s="407"/>
      <c r="G36" s="407"/>
      <c r="H36" s="407"/>
      <c r="I36" s="407"/>
      <c r="J36" s="407"/>
      <c r="K36" s="407"/>
      <c r="L36" s="407"/>
      <c r="M36" s="407"/>
      <c r="N36" s="407"/>
      <c r="O36" s="407"/>
      <c r="P36" s="407"/>
      <c r="Q36" s="407"/>
      <c r="R36" s="407"/>
      <c r="S36" s="407"/>
      <c r="T36" s="178"/>
      <c r="U36" s="406">
        <f t="shared" ref="U36:U43" si="4">IF(W36="","",U35+1)</f>
        <v>12</v>
      </c>
      <c r="V36" s="406"/>
      <c r="W36" s="407" t="str">
        <f>IF('各会計、関係団体の財政状況及び健全化判断比率'!B30="","",'各会計、関係団体の財政状況及び健全化判断比率'!B30)</f>
        <v>後期高齢者医療事業費会計</v>
      </c>
      <c r="X36" s="407"/>
      <c r="Y36" s="407"/>
      <c r="Z36" s="407"/>
      <c r="AA36" s="407"/>
      <c r="AB36" s="407"/>
      <c r="AC36" s="407"/>
      <c r="AD36" s="407"/>
      <c r="AE36" s="407"/>
      <c r="AF36" s="407"/>
      <c r="AG36" s="407"/>
      <c r="AH36" s="407"/>
      <c r="AI36" s="407"/>
      <c r="AJ36" s="407"/>
      <c r="AK36" s="407"/>
      <c r="AL36" s="178"/>
      <c r="AM36" s="406">
        <f t="shared" si="0"/>
        <v>16</v>
      </c>
      <c r="AN36" s="406"/>
      <c r="AO36" s="407" t="str">
        <f>IF('各会計、関係団体の財政状況及び健全化判断比率'!B34="","",'各会計、関係団体の財政状況及び健全化判断比率'!B34)</f>
        <v>自動車事業会計</v>
      </c>
      <c r="AP36" s="407"/>
      <c r="AQ36" s="407"/>
      <c r="AR36" s="407"/>
      <c r="AS36" s="407"/>
      <c r="AT36" s="407"/>
      <c r="AU36" s="407"/>
      <c r="AV36" s="407"/>
      <c r="AW36" s="407"/>
      <c r="AX36" s="407"/>
      <c r="AY36" s="407"/>
      <c r="AZ36" s="407"/>
      <c r="BA36" s="407"/>
      <c r="BB36" s="407"/>
      <c r="BC36" s="407"/>
      <c r="BD36" s="178"/>
      <c r="BE36" s="406">
        <f t="shared" si="1"/>
        <v>23</v>
      </c>
      <c r="BF36" s="406"/>
      <c r="BG36" s="407" t="str">
        <f>IF('各会計、関係団体の財政状況及び健全化判断比率'!B41="","",'各会計、関係団体の財政状況及び健全化判断比率'!B41)</f>
        <v>中央と畜場費会計</v>
      </c>
      <c r="BH36" s="407"/>
      <c r="BI36" s="407"/>
      <c r="BJ36" s="407"/>
      <c r="BK36" s="407"/>
      <c r="BL36" s="407"/>
      <c r="BM36" s="407"/>
      <c r="BN36" s="407"/>
      <c r="BO36" s="407"/>
      <c r="BP36" s="407"/>
      <c r="BQ36" s="407"/>
      <c r="BR36" s="407"/>
      <c r="BS36" s="407"/>
      <c r="BT36" s="407"/>
      <c r="BU36" s="407"/>
      <c r="BV36" s="178"/>
      <c r="BW36" s="406">
        <f t="shared" si="2"/>
        <v>27</v>
      </c>
      <c r="BX36" s="406"/>
      <c r="BY36" s="407" t="str">
        <f>IF('各会計、関係団体の財政状況及び健全化判断比率'!B70="","",'各会計、関係団体の財政状況及び健全化判断比率'!B70)</f>
        <v>神奈川県後期高齢者医療広域連合（後期高齢者医療特別会計）</v>
      </c>
      <c r="BZ36" s="407"/>
      <c r="CA36" s="407"/>
      <c r="CB36" s="407"/>
      <c r="CC36" s="407"/>
      <c r="CD36" s="407"/>
      <c r="CE36" s="407"/>
      <c r="CF36" s="407"/>
      <c r="CG36" s="407"/>
      <c r="CH36" s="407"/>
      <c r="CI36" s="407"/>
      <c r="CJ36" s="407"/>
      <c r="CK36" s="407"/>
      <c r="CL36" s="407"/>
      <c r="CM36" s="407"/>
      <c r="CN36" s="178"/>
      <c r="CO36" s="406">
        <f t="shared" si="3"/>
        <v>30</v>
      </c>
      <c r="CP36" s="406"/>
      <c r="CQ36" s="407" t="str">
        <f>IF('各会計、関係団体の財政状況及び健全化判断比率'!BS9="","",'各会計、関係団体の財政状況及び健全化判断比率'!BS9)</f>
        <v>公益財団法人横浜市スポーツ協会</v>
      </c>
      <c r="CR36" s="407"/>
      <c r="CS36" s="407"/>
      <c r="CT36" s="407"/>
      <c r="CU36" s="407"/>
      <c r="CV36" s="407"/>
      <c r="CW36" s="407"/>
      <c r="CX36" s="407"/>
      <c r="CY36" s="407"/>
      <c r="CZ36" s="407"/>
      <c r="DA36" s="407"/>
      <c r="DB36" s="407"/>
      <c r="DC36" s="407"/>
      <c r="DD36" s="407"/>
      <c r="DE36" s="407"/>
      <c r="DG36" s="404" t="str">
        <f>IF('各会計、関係団体の財政状況及び健全化判断比率'!BR9="","",'各会計、関係団体の財政状況及び健全化判断比率'!BR9)</f>
        <v/>
      </c>
      <c r="DH36" s="404"/>
      <c r="DI36" s="205"/>
    </row>
    <row r="37" spans="1:113" ht="32.25" customHeight="1" x14ac:dyDescent="0.2">
      <c r="A37" s="178"/>
      <c r="B37" s="202"/>
      <c r="C37" s="406">
        <f>IF(E37="","",C36+1)</f>
        <v>4</v>
      </c>
      <c r="D37" s="406"/>
      <c r="E37" s="407" t="str">
        <f>IF('各会計、関係団体の財政状況及び健全化判断比率'!B10="","",'各会計、関係団体の財政状況及び健全化判断比率'!B10)</f>
        <v>勤労者福祉共済事業費会計</v>
      </c>
      <c r="F37" s="407"/>
      <c r="G37" s="407"/>
      <c r="H37" s="407"/>
      <c r="I37" s="407"/>
      <c r="J37" s="407"/>
      <c r="K37" s="407"/>
      <c r="L37" s="407"/>
      <c r="M37" s="407"/>
      <c r="N37" s="407"/>
      <c r="O37" s="407"/>
      <c r="P37" s="407"/>
      <c r="Q37" s="407"/>
      <c r="R37" s="407"/>
      <c r="S37" s="407"/>
      <c r="T37" s="178"/>
      <c r="U37" s="406">
        <f t="shared" si="4"/>
        <v>13</v>
      </c>
      <c r="V37" s="406"/>
      <c r="W37" s="407" t="str">
        <f>IF('各会計、関係団体の財政状況及び健全化判断比率'!B31="","",'各会計、関係団体の財政状況及び健全化判断比率'!B31)</f>
        <v>自動車駐車場事業費会計</v>
      </c>
      <c r="X37" s="407"/>
      <c r="Y37" s="407"/>
      <c r="Z37" s="407"/>
      <c r="AA37" s="407"/>
      <c r="AB37" s="407"/>
      <c r="AC37" s="407"/>
      <c r="AD37" s="407"/>
      <c r="AE37" s="407"/>
      <c r="AF37" s="407"/>
      <c r="AG37" s="407"/>
      <c r="AH37" s="407"/>
      <c r="AI37" s="407"/>
      <c r="AJ37" s="407"/>
      <c r="AK37" s="407"/>
      <c r="AL37" s="178"/>
      <c r="AM37" s="406">
        <f t="shared" si="0"/>
        <v>17</v>
      </c>
      <c r="AN37" s="406"/>
      <c r="AO37" s="407" t="str">
        <f>IF('各会計、関係団体の財政状況及び健全化判断比率'!B35="","",'各会計、関係団体の財政状況及び健全化判断比率'!B35)</f>
        <v>高速鉄道事業会計</v>
      </c>
      <c r="AP37" s="407"/>
      <c r="AQ37" s="407"/>
      <c r="AR37" s="407"/>
      <c r="AS37" s="407"/>
      <c r="AT37" s="407"/>
      <c r="AU37" s="407"/>
      <c r="AV37" s="407"/>
      <c r="AW37" s="407"/>
      <c r="AX37" s="407"/>
      <c r="AY37" s="407"/>
      <c r="AZ37" s="407"/>
      <c r="BA37" s="407"/>
      <c r="BB37" s="407"/>
      <c r="BC37" s="407"/>
      <c r="BD37" s="178"/>
      <c r="BE37" s="406">
        <f t="shared" si="1"/>
        <v>24</v>
      </c>
      <c r="BF37" s="406"/>
      <c r="BG37" s="407" t="str">
        <f>IF('各会計、関係団体の財政状況及び健全化判断比率'!B42="","",'各会計、関係団体の財政状況及び健全化判断比率'!B42)</f>
        <v>風力発電事業費会計</v>
      </c>
      <c r="BH37" s="407"/>
      <c r="BI37" s="407"/>
      <c r="BJ37" s="407"/>
      <c r="BK37" s="407"/>
      <c r="BL37" s="407"/>
      <c r="BM37" s="407"/>
      <c r="BN37" s="407"/>
      <c r="BO37" s="407"/>
      <c r="BP37" s="407"/>
      <c r="BQ37" s="407"/>
      <c r="BR37" s="407"/>
      <c r="BS37" s="407"/>
      <c r="BT37" s="407"/>
      <c r="BU37" s="407"/>
      <c r="BV37" s="178"/>
      <c r="BW37" s="406" t="str">
        <f t="shared" si="2"/>
        <v/>
      </c>
      <c r="BX37" s="406"/>
      <c r="BY37" s="407" t="str">
        <f>IF('各会計、関係団体の財政状況及び健全化判断比率'!B71="","",'各会計、関係団体の財政状況及び健全化判断比率'!B71)</f>
        <v/>
      </c>
      <c r="BZ37" s="407"/>
      <c r="CA37" s="407"/>
      <c r="CB37" s="407"/>
      <c r="CC37" s="407"/>
      <c r="CD37" s="407"/>
      <c r="CE37" s="407"/>
      <c r="CF37" s="407"/>
      <c r="CG37" s="407"/>
      <c r="CH37" s="407"/>
      <c r="CI37" s="407"/>
      <c r="CJ37" s="407"/>
      <c r="CK37" s="407"/>
      <c r="CL37" s="407"/>
      <c r="CM37" s="407"/>
      <c r="CN37" s="178"/>
      <c r="CO37" s="406">
        <f t="shared" si="3"/>
        <v>31</v>
      </c>
      <c r="CP37" s="406"/>
      <c r="CQ37" s="407" t="str">
        <f>IF('各会計、関係団体の財政状況及び健全化判断比率'!BS10="","",'各会計、関係団体の財政状況及び健全化判断比率'!BS10)</f>
        <v>公益財団法人横浜市芸術文化振興財団</v>
      </c>
      <c r="CR37" s="407"/>
      <c r="CS37" s="407"/>
      <c r="CT37" s="407"/>
      <c r="CU37" s="407"/>
      <c r="CV37" s="407"/>
      <c r="CW37" s="407"/>
      <c r="CX37" s="407"/>
      <c r="CY37" s="407"/>
      <c r="CZ37" s="407"/>
      <c r="DA37" s="407"/>
      <c r="DB37" s="407"/>
      <c r="DC37" s="407"/>
      <c r="DD37" s="407"/>
      <c r="DE37" s="407"/>
      <c r="DG37" s="404" t="str">
        <f>IF('各会計、関係団体の財政状況及び健全化判断比率'!BR10="","",'各会計、関係団体の財政状況及び健全化判断比率'!BR10)</f>
        <v/>
      </c>
      <c r="DH37" s="404"/>
      <c r="DI37" s="205"/>
    </row>
    <row r="38" spans="1:113" ht="32.25" customHeight="1" x14ac:dyDescent="0.2">
      <c r="A38" s="178"/>
      <c r="B38" s="202"/>
      <c r="C38" s="406">
        <f t="shared" ref="C38:C43" si="5">IF(E38="","",C37+1)</f>
        <v>5</v>
      </c>
      <c r="D38" s="406"/>
      <c r="E38" s="407" t="str">
        <f>IF('各会計、関係団体の財政状況及び健全化判断比率'!B11="","",'各会計、関係団体の財政状況及び健全化判断比率'!B11)</f>
        <v>公害被害者救済事業費会計</v>
      </c>
      <c r="F38" s="407"/>
      <c r="G38" s="407"/>
      <c r="H38" s="407"/>
      <c r="I38" s="407"/>
      <c r="J38" s="407"/>
      <c r="K38" s="407"/>
      <c r="L38" s="407"/>
      <c r="M38" s="407"/>
      <c r="N38" s="407"/>
      <c r="O38" s="407"/>
      <c r="P38" s="407"/>
      <c r="Q38" s="407"/>
      <c r="R38" s="407"/>
      <c r="S38" s="407"/>
      <c r="T38" s="178"/>
      <c r="U38" s="406" t="str">
        <f t="shared" si="4"/>
        <v/>
      </c>
      <c r="V38" s="406"/>
      <c r="W38" s="407"/>
      <c r="X38" s="407"/>
      <c r="Y38" s="407"/>
      <c r="Z38" s="407"/>
      <c r="AA38" s="407"/>
      <c r="AB38" s="407"/>
      <c r="AC38" s="407"/>
      <c r="AD38" s="407"/>
      <c r="AE38" s="407"/>
      <c r="AF38" s="407"/>
      <c r="AG38" s="407"/>
      <c r="AH38" s="407"/>
      <c r="AI38" s="407"/>
      <c r="AJ38" s="407"/>
      <c r="AK38" s="407"/>
      <c r="AL38" s="178"/>
      <c r="AM38" s="406">
        <f t="shared" si="0"/>
        <v>18</v>
      </c>
      <c r="AN38" s="406"/>
      <c r="AO38" s="407" t="str">
        <f>IF('各会計、関係団体の財政状況及び健全化判断比率'!B36="","",'各会計、関係団体の財政状況及び健全化判断比率'!B36)</f>
        <v>下水道事業会計</v>
      </c>
      <c r="AP38" s="407"/>
      <c r="AQ38" s="407"/>
      <c r="AR38" s="407"/>
      <c r="AS38" s="407"/>
      <c r="AT38" s="407"/>
      <c r="AU38" s="407"/>
      <c r="AV38" s="407"/>
      <c r="AW38" s="407"/>
      <c r="AX38" s="407"/>
      <c r="AY38" s="407"/>
      <c r="AZ38" s="407"/>
      <c r="BA38" s="407"/>
      <c r="BB38" s="407"/>
      <c r="BC38" s="407"/>
      <c r="BD38" s="178"/>
      <c r="BE38" s="406" t="str">
        <f t="shared" si="1"/>
        <v/>
      </c>
      <c r="BF38" s="406"/>
      <c r="BG38" s="407"/>
      <c r="BH38" s="407"/>
      <c r="BI38" s="407"/>
      <c r="BJ38" s="407"/>
      <c r="BK38" s="407"/>
      <c r="BL38" s="407"/>
      <c r="BM38" s="407"/>
      <c r="BN38" s="407"/>
      <c r="BO38" s="407"/>
      <c r="BP38" s="407"/>
      <c r="BQ38" s="407"/>
      <c r="BR38" s="407"/>
      <c r="BS38" s="407"/>
      <c r="BT38" s="407"/>
      <c r="BU38" s="407"/>
      <c r="BV38" s="178"/>
      <c r="BW38" s="406" t="str">
        <f t="shared" si="2"/>
        <v/>
      </c>
      <c r="BX38" s="406"/>
      <c r="BY38" s="407" t="str">
        <f>IF('各会計、関係団体の財政状況及び健全化判断比率'!B72="","",'各会計、関係団体の財政状況及び健全化判断比率'!B72)</f>
        <v/>
      </c>
      <c r="BZ38" s="407"/>
      <c r="CA38" s="407"/>
      <c r="CB38" s="407"/>
      <c r="CC38" s="407"/>
      <c r="CD38" s="407"/>
      <c r="CE38" s="407"/>
      <c r="CF38" s="407"/>
      <c r="CG38" s="407"/>
      <c r="CH38" s="407"/>
      <c r="CI38" s="407"/>
      <c r="CJ38" s="407"/>
      <c r="CK38" s="407"/>
      <c r="CL38" s="407"/>
      <c r="CM38" s="407"/>
      <c r="CN38" s="178"/>
      <c r="CO38" s="406">
        <f t="shared" si="3"/>
        <v>32</v>
      </c>
      <c r="CP38" s="406"/>
      <c r="CQ38" s="407" t="str">
        <f>IF('各会計、関係団体の財政状況及び健全化判断比率'!BS11="","",'各会計、関係団体の財政状況及び健全化判断比率'!BS11)</f>
        <v>公益財団法人三溪園保勝会</v>
      </c>
      <c r="CR38" s="407"/>
      <c r="CS38" s="407"/>
      <c r="CT38" s="407"/>
      <c r="CU38" s="407"/>
      <c r="CV38" s="407"/>
      <c r="CW38" s="407"/>
      <c r="CX38" s="407"/>
      <c r="CY38" s="407"/>
      <c r="CZ38" s="407"/>
      <c r="DA38" s="407"/>
      <c r="DB38" s="407"/>
      <c r="DC38" s="407"/>
      <c r="DD38" s="407"/>
      <c r="DE38" s="407"/>
      <c r="DG38" s="404" t="str">
        <f>IF('各会計、関係団体の財政状況及び健全化判断比率'!BR11="","",'各会計、関係団体の財政状況及び健全化判断比率'!BR11)</f>
        <v/>
      </c>
      <c r="DH38" s="404"/>
      <c r="DI38" s="205"/>
    </row>
    <row r="39" spans="1:113" ht="32.25" customHeight="1" x14ac:dyDescent="0.2">
      <c r="A39" s="178"/>
      <c r="B39" s="202"/>
      <c r="C39" s="406">
        <f t="shared" si="5"/>
        <v>6</v>
      </c>
      <c r="D39" s="406"/>
      <c r="E39" s="407" t="str">
        <f>IF('各会計、関係団体の財政状況及び健全化判断比率'!B12="","",'各会計、関係団体の財政状況及び健全化判断比率'!B12)</f>
        <v>公共事業用地費会計</v>
      </c>
      <c r="F39" s="407"/>
      <c r="G39" s="407"/>
      <c r="H39" s="407"/>
      <c r="I39" s="407"/>
      <c r="J39" s="407"/>
      <c r="K39" s="407"/>
      <c r="L39" s="407"/>
      <c r="M39" s="407"/>
      <c r="N39" s="407"/>
      <c r="O39" s="407"/>
      <c r="P39" s="407"/>
      <c r="Q39" s="407"/>
      <c r="R39" s="407"/>
      <c r="S39" s="407"/>
      <c r="T39" s="178"/>
      <c r="U39" s="406" t="str">
        <f t="shared" si="4"/>
        <v/>
      </c>
      <c r="V39" s="406"/>
      <c r="W39" s="407"/>
      <c r="X39" s="407"/>
      <c r="Y39" s="407"/>
      <c r="Z39" s="407"/>
      <c r="AA39" s="407"/>
      <c r="AB39" s="407"/>
      <c r="AC39" s="407"/>
      <c r="AD39" s="407"/>
      <c r="AE39" s="407"/>
      <c r="AF39" s="407"/>
      <c r="AG39" s="407"/>
      <c r="AH39" s="407"/>
      <c r="AI39" s="407"/>
      <c r="AJ39" s="407"/>
      <c r="AK39" s="407"/>
      <c r="AL39" s="178"/>
      <c r="AM39" s="406">
        <f t="shared" si="0"/>
        <v>19</v>
      </c>
      <c r="AN39" s="406"/>
      <c r="AO39" s="407" t="str">
        <f>IF('各会計、関係団体の財政状況及び健全化判断比率'!B37="","",'各会計、関係団体の財政状況及び健全化判断比率'!B37)</f>
        <v>病院事業会計</v>
      </c>
      <c r="AP39" s="407"/>
      <c r="AQ39" s="407"/>
      <c r="AR39" s="407"/>
      <c r="AS39" s="407"/>
      <c r="AT39" s="407"/>
      <c r="AU39" s="407"/>
      <c r="AV39" s="407"/>
      <c r="AW39" s="407"/>
      <c r="AX39" s="407"/>
      <c r="AY39" s="407"/>
      <c r="AZ39" s="407"/>
      <c r="BA39" s="407"/>
      <c r="BB39" s="407"/>
      <c r="BC39" s="407"/>
      <c r="BD39" s="178"/>
      <c r="BE39" s="406" t="str">
        <f t="shared" si="1"/>
        <v/>
      </c>
      <c r="BF39" s="406"/>
      <c r="BG39" s="407"/>
      <c r="BH39" s="407"/>
      <c r="BI39" s="407"/>
      <c r="BJ39" s="407"/>
      <c r="BK39" s="407"/>
      <c r="BL39" s="407"/>
      <c r="BM39" s="407"/>
      <c r="BN39" s="407"/>
      <c r="BO39" s="407"/>
      <c r="BP39" s="407"/>
      <c r="BQ39" s="407"/>
      <c r="BR39" s="407"/>
      <c r="BS39" s="407"/>
      <c r="BT39" s="407"/>
      <c r="BU39" s="407"/>
      <c r="BV39" s="178"/>
      <c r="BW39" s="406" t="str">
        <f t="shared" si="2"/>
        <v/>
      </c>
      <c r="BX39" s="406"/>
      <c r="BY39" s="407" t="str">
        <f>IF('各会計、関係団体の財政状況及び健全化判断比率'!B73="","",'各会計、関係団体の財政状況及び健全化判断比率'!B73)</f>
        <v/>
      </c>
      <c r="BZ39" s="407"/>
      <c r="CA39" s="407"/>
      <c r="CB39" s="407"/>
      <c r="CC39" s="407"/>
      <c r="CD39" s="407"/>
      <c r="CE39" s="407"/>
      <c r="CF39" s="407"/>
      <c r="CG39" s="407"/>
      <c r="CH39" s="407"/>
      <c r="CI39" s="407"/>
      <c r="CJ39" s="407"/>
      <c r="CK39" s="407"/>
      <c r="CL39" s="407"/>
      <c r="CM39" s="407"/>
      <c r="CN39" s="178"/>
      <c r="CO39" s="406">
        <f t="shared" si="3"/>
        <v>33</v>
      </c>
      <c r="CP39" s="406"/>
      <c r="CQ39" s="407" t="str">
        <f>IF('各会計、関係団体の財政状況及び健全化判断比率'!BS12="","",'各会計、関係団体の財政状況及び健全化判断比率'!BS12)</f>
        <v>公益財団法人横浜観光コンベンション・ビューロー</v>
      </c>
      <c r="CR39" s="407"/>
      <c r="CS39" s="407"/>
      <c r="CT39" s="407"/>
      <c r="CU39" s="407"/>
      <c r="CV39" s="407"/>
      <c r="CW39" s="407"/>
      <c r="CX39" s="407"/>
      <c r="CY39" s="407"/>
      <c r="CZ39" s="407"/>
      <c r="DA39" s="407"/>
      <c r="DB39" s="407"/>
      <c r="DC39" s="407"/>
      <c r="DD39" s="407"/>
      <c r="DE39" s="407"/>
      <c r="DG39" s="404" t="str">
        <f>IF('各会計、関係団体の財政状況及び健全化判断比率'!BR12="","",'各会計、関係団体の財政状況及び健全化判断比率'!BR12)</f>
        <v/>
      </c>
      <c r="DH39" s="404"/>
      <c r="DI39" s="205"/>
    </row>
    <row r="40" spans="1:113" ht="32.25" customHeight="1" x14ac:dyDescent="0.2">
      <c r="A40" s="178"/>
      <c r="B40" s="202"/>
      <c r="C40" s="406">
        <f t="shared" si="5"/>
        <v>7</v>
      </c>
      <c r="D40" s="406"/>
      <c r="E40" s="407" t="str">
        <f>IF('各会計、関係団体の財政状況及び健全化判断比率'!B13="","",'各会計、関係団体の財政状況及び健全化判断比率'!B13)</f>
        <v>新墓園事業費会計</v>
      </c>
      <c r="F40" s="407"/>
      <c r="G40" s="407"/>
      <c r="H40" s="407"/>
      <c r="I40" s="407"/>
      <c r="J40" s="407"/>
      <c r="K40" s="407"/>
      <c r="L40" s="407"/>
      <c r="M40" s="407"/>
      <c r="N40" s="407"/>
      <c r="O40" s="407"/>
      <c r="P40" s="407"/>
      <c r="Q40" s="407"/>
      <c r="R40" s="407"/>
      <c r="S40" s="407"/>
      <c r="T40" s="178"/>
      <c r="U40" s="406" t="str">
        <f t="shared" si="4"/>
        <v/>
      </c>
      <c r="V40" s="406"/>
      <c r="W40" s="407"/>
      <c r="X40" s="407"/>
      <c r="Y40" s="407"/>
      <c r="Z40" s="407"/>
      <c r="AA40" s="407"/>
      <c r="AB40" s="407"/>
      <c r="AC40" s="407"/>
      <c r="AD40" s="407"/>
      <c r="AE40" s="407"/>
      <c r="AF40" s="407"/>
      <c r="AG40" s="407"/>
      <c r="AH40" s="407"/>
      <c r="AI40" s="407"/>
      <c r="AJ40" s="407"/>
      <c r="AK40" s="407"/>
      <c r="AL40" s="178"/>
      <c r="AM40" s="406">
        <f t="shared" si="0"/>
        <v>20</v>
      </c>
      <c r="AN40" s="406"/>
      <c r="AO40" s="407" t="str">
        <f>IF('各会計、関係団体の財政状況及び健全化判断比率'!B38="","",'各会計、関係団体の財政状況及び健全化判断比率'!B38)</f>
        <v>埋立事業会計</v>
      </c>
      <c r="AP40" s="407"/>
      <c r="AQ40" s="407"/>
      <c r="AR40" s="407"/>
      <c r="AS40" s="407"/>
      <c r="AT40" s="407"/>
      <c r="AU40" s="407"/>
      <c r="AV40" s="407"/>
      <c r="AW40" s="407"/>
      <c r="AX40" s="407"/>
      <c r="AY40" s="407"/>
      <c r="AZ40" s="407"/>
      <c r="BA40" s="407"/>
      <c r="BB40" s="407"/>
      <c r="BC40" s="407"/>
      <c r="BD40" s="178"/>
      <c r="BE40" s="406" t="str">
        <f t="shared" si="1"/>
        <v/>
      </c>
      <c r="BF40" s="406"/>
      <c r="BG40" s="407"/>
      <c r="BH40" s="407"/>
      <c r="BI40" s="407"/>
      <c r="BJ40" s="407"/>
      <c r="BK40" s="407"/>
      <c r="BL40" s="407"/>
      <c r="BM40" s="407"/>
      <c r="BN40" s="407"/>
      <c r="BO40" s="407"/>
      <c r="BP40" s="407"/>
      <c r="BQ40" s="407"/>
      <c r="BR40" s="407"/>
      <c r="BS40" s="407"/>
      <c r="BT40" s="407"/>
      <c r="BU40" s="407"/>
      <c r="BV40" s="178"/>
      <c r="BW40" s="406" t="str">
        <f t="shared" si="2"/>
        <v/>
      </c>
      <c r="BX40" s="406"/>
      <c r="BY40" s="407" t="str">
        <f>IF('各会計、関係団体の財政状況及び健全化判断比率'!B74="","",'各会計、関係団体の財政状況及び健全化判断比率'!B74)</f>
        <v/>
      </c>
      <c r="BZ40" s="407"/>
      <c r="CA40" s="407"/>
      <c r="CB40" s="407"/>
      <c r="CC40" s="407"/>
      <c r="CD40" s="407"/>
      <c r="CE40" s="407"/>
      <c r="CF40" s="407"/>
      <c r="CG40" s="407"/>
      <c r="CH40" s="407"/>
      <c r="CI40" s="407"/>
      <c r="CJ40" s="407"/>
      <c r="CK40" s="407"/>
      <c r="CL40" s="407"/>
      <c r="CM40" s="407"/>
      <c r="CN40" s="178"/>
      <c r="CO40" s="406">
        <f t="shared" si="3"/>
        <v>34</v>
      </c>
      <c r="CP40" s="406"/>
      <c r="CQ40" s="407" t="str">
        <f>IF('各会計、関係団体の財政状況及び健全化判断比率'!BS13="","",'各会計、関係団体の財政状況及び健全化判断比率'!BS13)</f>
        <v>株式会社横浜国際平和会議場</v>
      </c>
      <c r="CR40" s="407"/>
      <c r="CS40" s="407"/>
      <c r="CT40" s="407"/>
      <c r="CU40" s="407"/>
      <c r="CV40" s="407"/>
      <c r="CW40" s="407"/>
      <c r="CX40" s="407"/>
      <c r="CY40" s="407"/>
      <c r="CZ40" s="407"/>
      <c r="DA40" s="407"/>
      <c r="DB40" s="407"/>
      <c r="DC40" s="407"/>
      <c r="DD40" s="407"/>
      <c r="DE40" s="407"/>
      <c r="DG40" s="404" t="str">
        <f>IF('各会計、関係団体の財政状況及び健全化判断比率'!BR13="","",'各会計、関係団体の財政状況及び健全化判断比率'!BR13)</f>
        <v>〇</v>
      </c>
      <c r="DH40" s="404"/>
      <c r="DI40" s="205"/>
    </row>
    <row r="41" spans="1:113" ht="32.25" customHeight="1" x14ac:dyDescent="0.2">
      <c r="A41" s="178"/>
      <c r="B41" s="202"/>
      <c r="C41" s="406">
        <f t="shared" si="5"/>
        <v>8</v>
      </c>
      <c r="D41" s="406"/>
      <c r="E41" s="407" t="str">
        <f>IF('各会計、関係団体の財政状況及び健全化判断比率'!B14="","",'各会計、関係団体の財政状況及び健全化判断比率'!B14)</f>
        <v>みどり保全創造事業費会計</v>
      </c>
      <c r="F41" s="407"/>
      <c r="G41" s="407"/>
      <c r="H41" s="407"/>
      <c r="I41" s="407"/>
      <c r="J41" s="407"/>
      <c r="K41" s="407"/>
      <c r="L41" s="407"/>
      <c r="M41" s="407"/>
      <c r="N41" s="407"/>
      <c r="O41" s="407"/>
      <c r="P41" s="407"/>
      <c r="Q41" s="407"/>
      <c r="R41" s="407"/>
      <c r="S41" s="407"/>
      <c r="T41" s="178"/>
      <c r="U41" s="406" t="str">
        <f t="shared" si="4"/>
        <v/>
      </c>
      <c r="V41" s="406"/>
      <c r="W41" s="407"/>
      <c r="X41" s="407"/>
      <c r="Y41" s="407"/>
      <c r="Z41" s="407"/>
      <c r="AA41" s="407"/>
      <c r="AB41" s="407"/>
      <c r="AC41" s="407"/>
      <c r="AD41" s="407"/>
      <c r="AE41" s="407"/>
      <c r="AF41" s="407"/>
      <c r="AG41" s="407"/>
      <c r="AH41" s="407"/>
      <c r="AI41" s="407"/>
      <c r="AJ41" s="407"/>
      <c r="AK41" s="407"/>
      <c r="AL41" s="178"/>
      <c r="AM41" s="406" t="str">
        <f t="shared" si="0"/>
        <v/>
      </c>
      <c r="AN41" s="406"/>
      <c r="AO41" s="407"/>
      <c r="AP41" s="407"/>
      <c r="AQ41" s="407"/>
      <c r="AR41" s="407"/>
      <c r="AS41" s="407"/>
      <c r="AT41" s="407"/>
      <c r="AU41" s="407"/>
      <c r="AV41" s="407"/>
      <c r="AW41" s="407"/>
      <c r="AX41" s="407"/>
      <c r="AY41" s="407"/>
      <c r="AZ41" s="407"/>
      <c r="BA41" s="407"/>
      <c r="BB41" s="407"/>
      <c r="BC41" s="407"/>
      <c r="BD41" s="178"/>
      <c r="BE41" s="406" t="str">
        <f t="shared" si="1"/>
        <v/>
      </c>
      <c r="BF41" s="406"/>
      <c r="BG41" s="407"/>
      <c r="BH41" s="407"/>
      <c r="BI41" s="407"/>
      <c r="BJ41" s="407"/>
      <c r="BK41" s="407"/>
      <c r="BL41" s="407"/>
      <c r="BM41" s="407"/>
      <c r="BN41" s="407"/>
      <c r="BO41" s="407"/>
      <c r="BP41" s="407"/>
      <c r="BQ41" s="407"/>
      <c r="BR41" s="407"/>
      <c r="BS41" s="407"/>
      <c r="BT41" s="407"/>
      <c r="BU41" s="407"/>
      <c r="BV41" s="178"/>
      <c r="BW41" s="406" t="str">
        <f t="shared" si="2"/>
        <v/>
      </c>
      <c r="BX41" s="406"/>
      <c r="BY41" s="407" t="str">
        <f>IF('各会計、関係団体の財政状況及び健全化判断比率'!B75="","",'各会計、関係団体の財政状況及び健全化判断比率'!B75)</f>
        <v/>
      </c>
      <c r="BZ41" s="407"/>
      <c r="CA41" s="407"/>
      <c r="CB41" s="407"/>
      <c r="CC41" s="407"/>
      <c r="CD41" s="407"/>
      <c r="CE41" s="407"/>
      <c r="CF41" s="407"/>
      <c r="CG41" s="407"/>
      <c r="CH41" s="407"/>
      <c r="CI41" s="407"/>
      <c r="CJ41" s="407"/>
      <c r="CK41" s="407"/>
      <c r="CL41" s="407"/>
      <c r="CM41" s="407"/>
      <c r="CN41" s="178"/>
      <c r="CO41" s="406">
        <f t="shared" si="3"/>
        <v>35</v>
      </c>
      <c r="CP41" s="406"/>
      <c r="CQ41" s="407" t="str">
        <f>IF('各会計、関係団体の財政状況及び健全化判断比率'!BS14="","",'各会計、関係団体の財政状況及び健全化判断比率'!BS14)</f>
        <v>公益財団法人木原記念横浜生命科学振興財団</v>
      </c>
      <c r="CR41" s="407"/>
      <c r="CS41" s="407"/>
      <c r="CT41" s="407"/>
      <c r="CU41" s="407"/>
      <c r="CV41" s="407"/>
      <c r="CW41" s="407"/>
      <c r="CX41" s="407"/>
      <c r="CY41" s="407"/>
      <c r="CZ41" s="407"/>
      <c r="DA41" s="407"/>
      <c r="DB41" s="407"/>
      <c r="DC41" s="407"/>
      <c r="DD41" s="407"/>
      <c r="DE41" s="407"/>
      <c r="DG41" s="404" t="str">
        <f>IF('各会計、関係団体の財政状況及び健全化判断比率'!BR14="","",'各会計、関係団体の財政状況及び健全化判断比率'!BR14)</f>
        <v/>
      </c>
      <c r="DH41" s="404"/>
      <c r="DI41" s="205"/>
    </row>
    <row r="42" spans="1:113" ht="32.25" customHeight="1" x14ac:dyDescent="0.2">
      <c r="B42" s="202"/>
      <c r="C42" s="406">
        <f t="shared" si="5"/>
        <v>9</v>
      </c>
      <c r="D42" s="406"/>
      <c r="E42" s="407" t="str">
        <f>IF('各会計、関係団体の財政状況及び健全化判断比率'!B15="","",'各会計、関係団体の財政状況及び健全化判断比率'!B15)</f>
        <v>市街地開発事業費会計</v>
      </c>
      <c r="F42" s="407"/>
      <c r="G42" s="407"/>
      <c r="H42" s="407"/>
      <c r="I42" s="407"/>
      <c r="J42" s="407"/>
      <c r="K42" s="407"/>
      <c r="L42" s="407"/>
      <c r="M42" s="407"/>
      <c r="N42" s="407"/>
      <c r="O42" s="407"/>
      <c r="P42" s="407"/>
      <c r="Q42" s="407"/>
      <c r="R42" s="407"/>
      <c r="S42" s="407"/>
      <c r="T42" s="178"/>
      <c r="U42" s="406" t="str">
        <f t="shared" si="4"/>
        <v/>
      </c>
      <c r="V42" s="406"/>
      <c r="W42" s="407"/>
      <c r="X42" s="407"/>
      <c r="Y42" s="407"/>
      <c r="Z42" s="407"/>
      <c r="AA42" s="407"/>
      <c r="AB42" s="407"/>
      <c r="AC42" s="407"/>
      <c r="AD42" s="407"/>
      <c r="AE42" s="407"/>
      <c r="AF42" s="407"/>
      <c r="AG42" s="407"/>
      <c r="AH42" s="407"/>
      <c r="AI42" s="407"/>
      <c r="AJ42" s="407"/>
      <c r="AK42" s="407"/>
      <c r="AL42" s="178"/>
      <c r="AM42" s="406" t="str">
        <f t="shared" si="0"/>
        <v/>
      </c>
      <c r="AN42" s="406"/>
      <c r="AO42" s="407"/>
      <c r="AP42" s="407"/>
      <c r="AQ42" s="407"/>
      <c r="AR42" s="407"/>
      <c r="AS42" s="407"/>
      <c r="AT42" s="407"/>
      <c r="AU42" s="407"/>
      <c r="AV42" s="407"/>
      <c r="AW42" s="407"/>
      <c r="AX42" s="407"/>
      <c r="AY42" s="407"/>
      <c r="AZ42" s="407"/>
      <c r="BA42" s="407"/>
      <c r="BB42" s="407"/>
      <c r="BC42" s="407"/>
      <c r="BD42" s="178"/>
      <c r="BE42" s="406" t="str">
        <f t="shared" si="1"/>
        <v/>
      </c>
      <c r="BF42" s="406"/>
      <c r="BG42" s="407"/>
      <c r="BH42" s="407"/>
      <c r="BI42" s="407"/>
      <c r="BJ42" s="407"/>
      <c r="BK42" s="407"/>
      <c r="BL42" s="407"/>
      <c r="BM42" s="407"/>
      <c r="BN42" s="407"/>
      <c r="BO42" s="407"/>
      <c r="BP42" s="407"/>
      <c r="BQ42" s="407"/>
      <c r="BR42" s="407"/>
      <c r="BS42" s="407"/>
      <c r="BT42" s="407"/>
      <c r="BU42" s="407"/>
      <c r="BV42" s="178"/>
      <c r="BW42" s="406" t="str">
        <f t="shared" si="2"/>
        <v/>
      </c>
      <c r="BX42" s="406"/>
      <c r="BY42" s="407" t="str">
        <f>IF('各会計、関係団体の財政状況及び健全化判断比率'!B76="","",'各会計、関係団体の財政状況及び健全化判断比率'!B76)</f>
        <v/>
      </c>
      <c r="BZ42" s="407"/>
      <c r="CA42" s="407"/>
      <c r="CB42" s="407"/>
      <c r="CC42" s="407"/>
      <c r="CD42" s="407"/>
      <c r="CE42" s="407"/>
      <c r="CF42" s="407"/>
      <c r="CG42" s="407"/>
      <c r="CH42" s="407"/>
      <c r="CI42" s="407"/>
      <c r="CJ42" s="407"/>
      <c r="CK42" s="407"/>
      <c r="CL42" s="407"/>
      <c r="CM42" s="407"/>
      <c r="CN42" s="178"/>
      <c r="CO42" s="406">
        <f t="shared" si="3"/>
        <v>36</v>
      </c>
      <c r="CP42" s="406"/>
      <c r="CQ42" s="407" t="str">
        <f>IF('各会計、関係団体の財政状況及び健全化判断比率'!BS15="","",'各会計、関係団体の財政状況及び健全化判断比率'!BS15)</f>
        <v>公益財団法人横浜企業経営支援財団</v>
      </c>
      <c r="CR42" s="407"/>
      <c r="CS42" s="407"/>
      <c r="CT42" s="407"/>
      <c r="CU42" s="407"/>
      <c r="CV42" s="407"/>
      <c r="CW42" s="407"/>
      <c r="CX42" s="407"/>
      <c r="CY42" s="407"/>
      <c r="CZ42" s="407"/>
      <c r="DA42" s="407"/>
      <c r="DB42" s="407"/>
      <c r="DC42" s="407"/>
      <c r="DD42" s="407"/>
      <c r="DE42" s="407"/>
      <c r="DG42" s="404" t="str">
        <f>IF('各会計、関係団体の財政状況及び健全化判断比率'!BR15="","",'各会計、関係団体の財政状況及び健全化判断比率'!BR15)</f>
        <v/>
      </c>
      <c r="DH42" s="404"/>
      <c r="DI42" s="205"/>
    </row>
    <row r="43" spans="1:113" ht="32.25" customHeight="1" x14ac:dyDescent="0.2">
      <c r="B43" s="202"/>
      <c r="C43" s="406" t="str">
        <f t="shared" si="5"/>
        <v/>
      </c>
      <c r="D43" s="406"/>
      <c r="E43" s="407" t="str">
        <f>IF('各会計、関係団体の財政状況及び健全化判断比率'!B16="","",'各会計、関係団体の財政状況及び健全化判断比率'!B16)</f>
        <v/>
      </c>
      <c r="F43" s="407"/>
      <c r="G43" s="407"/>
      <c r="H43" s="407"/>
      <c r="I43" s="407"/>
      <c r="J43" s="407"/>
      <c r="K43" s="407"/>
      <c r="L43" s="407"/>
      <c r="M43" s="407"/>
      <c r="N43" s="407"/>
      <c r="O43" s="407"/>
      <c r="P43" s="407"/>
      <c r="Q43" s="407"/>
      <c r="R43" s="407"/>
      <c r="S43" s="407"/>
      <c r="T43" s="178"/>
      <c r="U43" s="406" t="str">
        <f t="shared" si="4"/>
        <v/>
      </c>
      <c r="V43" s="406"/>
      <c r="W43" s="407"/>
      <c r="X43" s="407"/>
      <c r="Y43" s="407"/>
      <c r="Z43" s="407"/>
      <c r="AA43" s="407"/>
      <c r="AB43" s="407"/>
      <c r="AC43" s="407"/>
      <c r="AD43" s="407"/>
      <c r="AE43" s="407"/>
      <c r="AF43" s="407"/>
      <c r="AG43" s="407"/>
      <c r="AH43" s="407"/>
      <c r="AI43" s="407"/>
      <c r="AJ43" s="407"/>
      <c r="AK43" s="407"/>
      <c r="AL43" s="178"/>
      <c r="AM43" s="406" t="str">
        <f t="shared" si="0"/>
        <v/>
      </c>
      <c r="AN43" s="406"/>
      <c r="AO43" s="407"/>
      <c r="AP43" s="407"/>
      <c r="AQ43" s="407"/>
      <c r="AR43" s="407"/>
      <c r="AS43" s="407"/>
      <c r="AT43" s="407"/>
      <c r="AU43" s="407"/>
      <c r="AV43" s="407"/>
      <c r="AW43" s="407"/>
      <c r="AX43" s="407"/>
      <c r="AY43" s="407"/>
      <c r="AZ43" s="407"/>
      <c r="BA43" s="407"/>
      <c r="BB43" s="407"/>
      <c r="BC43" s="407"/>
      <c r="BD43" s="178"/>
      <c r="BE43" s="406" t="str">
        <f t="shared" si="1"/>
        <v/>
      </c>
      <c r="BF43" s="406"/>
      <c r="BG43" s="407"/>
      <c r="BH43" s="407"/>
      <c r="BI43" s="407"/>
      <c r="BJ43" s="407"/>
      <c r="BK43" s="407"/>
      <c r="BL43" s="407"/>
      <c r="BM43" s="407"/>
      <c r="BN43" s="407"/>
      <c r="BO43" s="407"/>
      <c r="BP43" s="407"/>
      <c r="BQ43" s="407"/>
      <c r="BR43" s="407"/>
      <c r="BS43" s="407"/>
      <c r="BT43" s="407"/>
      <c r="BU43" s="407"/>
      <c r="BV43" s="178"/>
      <c r="BW43" s="406" t="str">
        <f t="shared" si="2"/>
        <v/>
      </c>
      <c r="BX43" s="406"/>
      <c r="BY43" s="407" t="str">
        <f>IF('各会計、関係団体の財政状況及び健全化判断比率'!B77="","",'各会計、関係団体の財政状況及び健全化判断比率'!B77)</f>
        <v/>
      </c>
      <c r="BZ43" s="407"/>
      <c r="CA43" s="407"/>
      <c r="CB43" s="407"/>
      <c r="CC43" s="407"/>
      <c r="CD43" s="407"/>
      <c r="CE43" s="407"/>
      <c r="CF43" s="407"/>
      <c r="CG43" s="407"/>
      <c r="CH43" s="407"/>
      <c r="CI43" s="407"/>
      <c r="CJ43" s="407"/>
      <c r="CK43" s="407"/>
      <c r="CL43" s="407"/>
      <c r="CM43" s="407"/>
      <c r="CN43" s="178"/>
      <c r="CO43" s="406">
        <f t="shared" si="3"/>
        <v>37</v>
      </c>
      <c r="CP43" s="406"/>
      <c r="CQ43" s="407" t="str">
        <f>IF('各会計、関係団体の財政状況及び健全化判断比率'!BS16="","",'各会計、関係団体の財政状況及び健全化判断比率'!BS16)</f>
        <v>公益財団法人横浜市消費者協会</v>
      </c>
      <c r="CR43" s="407"/>
      <c r="CS43" s="407"/>
      <c r="CT43" s="407"/>
      <c r="CU43" s="407"/>
      <c r="CV43" s="407"/>
      <c r="CW43" s="407"/>
      <c r="CX43" s="407"/>
      <c r="CY43" s="407"/>
      <c r="CZ43" s="407"/>
      <c r="DA43" s="407"/>
      <c r="DB43" s="407"/>
      <c r="DC43" s="407"/>
      <c r="DD43" s="407"/>
      <c r="DE43" s="407"/>
      <c r="DG43" s="404" t="str">
        <f>IF('各会計、関係団体の財政状況及び健全化判断比率'!BR16="","",'各会計、関係団体の財政状況及び健全化判断比率'!BR16)</f>
        <v/>
      </c>
      <c r="DH43" s="404"/>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1</v>
      </c>
      <c r="E46" s="403" t="s">
        <v>202</v>
      </c>
      <c r="F46" s="403"/>
      <c r="G46" s="403"/>
      <c r="H46" s="403"/>
      <c r="I46" s="403"/>
      <c r="J46" s="403"/>
      <c r="K46" s="403"/>
      <c r="L46" s="403"/>
      <c r="M46" s="403"/>
      <c r="N46" s="403"/>
      <c r="O46" s="403"/>
      <c r="P46" s="403"/>
      <c r="Q46" s="403"/>
      <c r="R46" s="403"/>
      <c r="S46" s="403"/>
      <c r="T46" s="403"/>
      <c r="U46" s="403"/>
      <c r="V46" s="403"/>
      <c r="W46" s="403"/>
      <c r="X46" s="403"/>
      <c r="Y46" s="403"/>
      <c r="Z46" s="403"/>
      <c r="AA46" s="403"/>
      <c r="AB46" s="403"/>
      <c r="AC46" s="403"/>
      <c r="AD46" s="403"/>
      <c r="AE46" s="403"/>
      <c r="AF46" s="403"/>
      <c r="AG46" s="403"/>
      <c r="AH46" s="403"/>
      <c r="AI46" s="403"/>
      <c r="AJ46" s="403"/>
      <c r="AK46" s="403"/>
      <c r="AL46" s="403"/>
      <c r="AM46" s="403"/>
      <c r="AN46" s="403"/>
      <c r="AO46" s="403"/>
      <c r="AP46" s="403"/>
      <c r="AQ46" s="403"/>
      <c r="AR46" s="403"/>
      <c r="AS46" s="403"/>
      <c r="AT46" s="403"/>
      <c r="AU46" s="403"/>
      <c r="AV46" s="403"/>
      <c r="AW46" s="403"/>
      <c r="AX46" s="403"/>
      <c r="AY46" s="403"/>
      <c r="AZ46" s="403"/>
      <c r="BA46" s="403"/>
      <c r="BB46" s="403"/>
      <c r="BC46" s="403"/>
      <c r="BD46" s="403"/>
      <c r="BE46" s="403"/>
      <c r="BF46" s="403"/>
      <c r="BG46" s="403"/>
      <c r="BH46" s="403"/>
      <c r="BI46" s="403"/>
      <c r="BJ46" s="403"/>
      <c r="BK46" s="403"/>
      <c r="BL46" s="403"/>
      <c r="BM46" s="403"/>
      <c r="BN46" s="403"/>
      <c r="BO46" s="403"/>
      <c r="BP46" s="403"/>
      <c r="BQ46" s="403"/>
      <c r="BR46" s="403"/>
      <c r="BS46" s="403"/>
      <c r="BT46" s="403"/>
      <c r="BU46" s="403"/>
      <c r="BV46" s="403"/>
      <c r="BW46" s="403"/>
      <c r="BX46" s="403"/>
      <c r="BY46" s="403"/>
      <c r="BZ46" s="403"/>
      <c r="CA46" s="403"/>
      <c r="CB46" s="403"/>
      <c r="CC46" s="403"/>
      <c r="CD46" s="403"/>
      <c r="CE46" s="403"/>
      <c r="CF46" s="403"/>
      <c r="CG46" s="403"/>
      <c r="CH46" s="403"/>
      <c r="CI46" s="403"/>
      <c r="CJ46" s="403"/>
      <c r="CK46" s="403"/>
      <c r="CL46" s="403"/>
      <c r="CM46" s="403"/>
      <c r="CN46" s="403"/>
      <c r="CO46" s="403"/>
      <c r="CP46" s="403"/>
      <c r="CQ46" s="403"/>
      <c r="CR46" s="403"/>
      <c r="CS46" s="403"/>
      <c r="CT46" s="403"/>
      <c r="CU46" s="403"/>
      <c r="CV46" s="403"/>
      <c r="CW46" s="403"/>
      <c r="CX46" s="403"/>
      <c r="CY46" s="403"/>
      <c r="CZ46" s="403"/>
      <c r="DA46" s="403"/>
      <c r="DB46" s="403"/>
      <c r="DC46" s="403"/>
      <c r="DD46" s="403"/>
      <c r="DE46" s="403"/>
      <c r="DF46" s="403"/>
      <c r="DG46" s="403"/>
      <c r="DH46" s="403"/>
      <c r="DI46" s="403"/>
    </row>
    <row r="47" spans="1:113" x14ac:dyDescent="0.2">
      <c r="E47" s="403" t="s">
        <v>203</v>
      </c>
      <c r="F47" s="403"/>
      <c r="G47" s="403"/>
      <c r="H47" s="403"/>
      <c r="I47" s="403"/>
      <c r="J47" s="403"/>
      <c r="K47" s="403"/>
      <c r="L47" s="403"/>
      <c r="M47" s="403"/>
      <c r="N47" s="403"/>
      <c r="O47" s="403"/>
      <c r="P47" s="403"/>
      <c r="Q47" s="403"/>
      <c r="R47" s="403"/>
      <c r="S47" s="403"/>
      <c r="T47" s="403"/>
      <c r="U47" s="403"/>
      <c r="V47" s="403"/>
      <c r="W47" s="403"/>
      <c r="X47" s="403"/>
      <c r="Y47" s="403"/>
      <c r="Z47" s="403"/>
      <c r="AA47" s="403"/>
      <c r="AB47" s="403"/>
      <c r="AC47" s="403"/>
      <c r="AD47" s="403"/>
      <c r="AE47" s="403"/>
      <c r="AF47" s="403"/>
      <c r="AG47" s="403"/>
      <c r="AH47" s="403"/>
      <c r="AI47" s="403"/>
      <c r="AJ47" s="403"/>
      <c r="AK47" s="403"/>
      <c r="AL47" s="403"/>
      <c r="AM47" s="403"/>
      <c r="AN47" s="403"/>
      <c r="AO47" s="403"/>
      <c r="AP47" s="403"/>
      <c r="AQ47" s="403"/>
      <c r="AR47" s="403"/>
      <c r="AS47" s="403"/>
      <c r="AT47" s="403"/>
      <c r="AU47" s="403"/>
      <c r="AV47" s="403"/>
      <c r="AW47" s="403"/>
      <c r="AX47" s="403"/>
      <c r="AY47" s="403"/>
      <c r="AZ47" s="403"/>
      <c r="BA47" s="403"/>
      <c r="BB47" s="403"/>
      <c r="BC47" s="403"/>
      <c r="BD47" s="403"/>
      <c r="BE47" s="403"/>
      <c r="BF47" s="403"/>
      <c r="BG47" s="403"/>
      <c r="BH47" s="403"/>
      <c r="BI47" s="403"/>
      <c r="BJ47" s="403"/>
      <c r="BK47" s="403"/>
      <c r="BL47" s="403"/>
      <c r="BM47" s="403"/>
      <c r="BN47" s="403"/>
      <c r="BO47" s="403"/>
      <c r="BP47" s="403"/>
      <c r="BQ47" s="403"/>
      <c r="BR47" s="403"/>
      <c r="BS47" s="403"/>
      <c r="BT47" s="403"/>
      <c r="BU47" s="403"/>
      <c r="BV47" s="403"/>
      <c r="BW47" s="403"/>
      <c r="BX47" s="403"/>
      <c r="BY47" s="403"/>
      <c r="BZ47" s="403"/>
      <c r="CA47" s="403"/>
      <c r="CB47" s="403"/>
      <c r="CC47" s="403"/>
      <c r="CD47" s="403"/>
      <c r="CE47" s="403"/>
      <c r="CF47" s="403"/>
      <c r="CG47" s="403"/>
      <c r="CH47" s="403"/>
      <c r="CI47" s="403"/>
      <c r="CJ47" s="403"/>
      <c r="CK47" s="403"/>
      <c r="CL47" s="403"/>
      <c r="CM47" s="403"/>
      <c r="CN47" s="403"/>
      <c r="CO47" s="403"/>
      <c r="CP47" s="403"/>
      <c r="CQ47" s="403"/>
      <c r="CR47" s="403"/>
      <c r="CS47" s="403"/>
      <c r="CT47" s="403"/>
      <c r="CU47" s="403"/>
      <c r="CV47" s="403"/>
      <c r="CW47" s="403"/>
      <c r="CX47" s="403"/>
      <c r="CY47" s="403"/>
      <c r="CZ47" s="403"/>
      <c r="DA47" s="403"/>
      <c r="DB47" s="403"/>
      <c r="DC47" s="403"/>
      <c r="DD47" s="403"/>
      <c r="DE47" s="403"/>
      <c r="DF47" s="403"/>
      <c r="DG47" s="403"/>
      <c r="DH47" s="403"/>
      <c r="DI47" s="403"/>
    </row>
    <row r="48" spans="1:113" x14ac:dyDescent="0.2">
      <c r="E48" s="403" t="s">
        <v>204</v>
      </c>
      <c r="F48" s="403"/>
      <c r="G48" s="403"/>
      <c r="H48" s="403"/>
      <c r="I48" s="403"/>
      <c r="J48" s="403"/>
      <c r="K48" s="403"/>
      <c r="L48" s="403"/>
      <c r="M48" s="403"/>
      <c r="N48" s="403"/>
      <c r="O48" s="403"/>
      <c r="P48" s="403"/>
      <c r="Q48" s="403"/>
      <c r="R48" s="403"/>
      <c r="S48" s="403"/>
      <c r="T48" s="403"/>
      <c r="U48" s="403"/>
      <c r="V48" s="403"/>
      <c r="W48" s="403"/>
      <c r="X48" s="403"/>
      <c r="Y48" s="403"/>
      <c r="Z48" s="403"/>
      <c r="AA48" s="403"/>
      <c r="AB48" s="403"/>
      <c r="AC48" s="403"/>
      <c r="AD48" s="403"/>
      <c r="AE48" s="403"/>
      <c r="AF48" s="403"/>
      <c r="AG48" s="403"/>
      <c r="AH48" s="403"/>
      <c r="AI48" s="403"/>
      <c r="AJ48" s="403"/>
      <c r="AK48" s="403"/>
      <c r="AL48" s="403"/>
      <c r="AM48" s="403"/>
      <c r="AN48" s="403"/>
      <c r="AO48" s="403"/>
      <c r="AP48" s="403"/>
      <c r="AQ48" s="403"/>
      <c r="AR48" s="403"/>
      <c r="AS48" s="403"/>
      <c r="AT48" s="403"/>
      <c r="AU48" s="403"/>
      <c r="AV48" s="403"/>
      <c r="AW48" s="403"/>
      <c r="AX48" s="403"/>
      <c r="AY48" s="403"/>
      <c r="AZ48" s="403"/>
      <c r="BA48" s="403"/>
      <c r="BB48" s="403"/>
      <c r="BC48" s="403"/>
      <c r="BD48" s="403"/>
      <c r="BE48" s="403"/>
      <c r="BF48" s="403"/>
      <c r="BG48" s="403"/>
      <c r="BH48" s="403"/>
      <c r="BI48" s="403"/>
      <c r="BJ48" s="403"/>
      <c r="BK48" s="403"/>
      <c r="BL48" s="403"/>
      <c r="BM48" s="403"/>
      <c r="BN48" s="403"/>
      <c r="BO48" s="403"/>
      <c r="BP48" s="403"/>
      <c r="BQ48" s="403"/>
      <c r="BR48" s="403"/>
      <c r="BS48" s="403"/>
      <c r="BT48" s="403"/>
      <c r="BU48" s="403"/>
      <c r="BV48" s="403"/>
      <c r="BW48" s="403"/>
      <c r="BX48" s="403"/>
      <c r="BY48" s="403"/>
      <c r="BZ48" s="403"/>
      <c r="CA48" s="403"/>
      <c r="CB48" s="403"/>
      <c r="CC48" s="403"/>
      <c r="CD48" s="403"/>
      <c r="CE48" s="403"/>
      <c r="CF48" s="403"/>
      <c r="CG48" s="403"/>
      <c r="CH48" s="403"/>
      <c r="CI48" s="403"/>
      <c r="CJ48" s="403"/>
      <c r="CK48" s="403"/>
      <c r="CL48" s="403"/>
      <c r="CM48" s="403"/>
      <c r="CN48" s="403"/>
      <c r="CO48" s="403"/>
      <c r="CP48" s="403"/>
      <c r="CQ48" s="403"/>
      <c r="CR48" s="403"/>
      <c r="CS48" s="403"/>
      <c r="CT48" s="403"/>
      <c r="CU48" s="403"/>
      <c r="CV48" s="403"/>
      <c r="CW48" s="403"/>
      <c r="CX48" s="403"/>
      <c r="CY48" s="403"/>
      <c r="CZ48" s="403"/>
      <c r="DA48" s="403"/>
      <c r="DB48" s="403"/>
      <c r="DC48" s="403"/>
      <c r="DD48" s="403"/>
      <c r="DE48" s="403"/>
      <c r="DF48" s="403"/>
      <c r="DG48" s="403"/>
      <c r="DH48" s="403"/>
      <c r="DI48" s="403"/>
    </row>
    <row r="49" spans="5:113" x14ac:dyDescent="0.2">
      <c r="E49" s="405" t="s">
        <v>205</v>
      </c>
      <c r="F49" s="405"/>
      <c r="G49" s="405"/>
      <c r="H49" s="405"/>
      <c r="I49" s="405"/>
      <c r="J49" s="405"/>
      <c r="K49" s="405"/>
      <c r="L49" s="405"/>
      <c r="M49" s="405"/>
      <c r="N49" s="405"/>
      <c r="O49" s="405"/>
      <c r="P49" s="405"/>
      <c r="Q49" s="405"/>
      <c r="R49" s="405"/>
      <c r="S49" s="405"/>
      <c r="T49" s="405"/>
      <c r="U49" s="405"/>
      <c r="V49" s="405"/>
      <c r="W49" s="405"/>
      <c r="X49" s="405"/>
      <c r="Y49" s="405"/>
      <c r="Z49" s="405"/>
      <c r="AA49" s="405"/>
      <c r="AB49" s="405"/>
      <c r="AC49" s="405"/>
      <c r="AD49" s="405"/>
      <c r="AE49" s="405"/>
      <c r="AF49" s="405"/>
      <c r="AG49" s="405"/>
      <c r="AH49" s="405"/>
      <c r="AI49" s="405"/>
      <c r="AJ49" s="405"/>
      <c r="AK49" s="405"/>
      <c r="AL49" s="405"/>
      <c r="AM49" s="405"/>
      <c r="AN49" s="405"/>
      <c r="AO49" s="405"/>
      <c r="AP49" s="405"/>
      <c r="AQ49" s="405"/>
      <c r="AR49" s="405"/>
      <c r="AS49" s="405"/>
      <c r="AT49" s="405"/>
      <c r="AU49" s="405"/>
      <c r="AV49" s="405"/>
      <c r="AW49" s="405"/>
      <c r="AX49" s="405"/>
      <c r="AY49" s="405"/>
      <c r="AZ49" s="405"/>
      <c r="BA49" s="405"/>
      <c r="BB49" s="405"/>
      <c r="BC49" s="405"/>
      <c r="BD49" s="405"/>
      <c r="BE49" s="405"/>
      <c r="BF49" s="405"/>
      <c r="BG49" s="405"/>
      <c r="BH49" s="405"/>
      <c r="BI49" s="405"/>
      <c r="BJ49" s="405"/>
      <c r="BK49" s="405"/>
      <c r="BL49" s="405"/>
      <c r="BM49" s="405"/>
      <c r="BN49" s="405"/>
      <c r="BO49" s="405"/>
      <c r="BP49" s="405"/>
      <c r="BQ49" s="405"/>
      <c r="BR49" s="405"/>
      <c r="BS49" s="405"/>
      <c r="BT49" s="405"/>
      <c r="BU49" s="405"/>
      <c r="BV49" s="405"/>
      <c r="BW49" s="405"/>
      <c r="BX49" s="405"/>
      <c r="BY49" s="405"/>
      <c r="BZ49" s="405"/>
      <c r="CA49" s="405"/>
      <c r="CB49" s="405"/>
      <c r="CC49" s="405"/>
      <c r="CD49" s="405"/>
      <c r="CE49" s="405"/>
      <c r="CF49" s="405"/>
      <c r="CG49" s="405"/>
      <c r="CH49" s="405"/>
      <c r="CI49" s="405"/>
      <c r="CJ49" s="405"/>
      <c r="CK49" s="405"/>
      <c r="CL49" s="405"/>
      <c r="CM49" s="405"/>
      <c r="CN49" s="405"/>
      <c r="CO49" s="405"/>
      <c r="CP49" s="405"/>
      <c r="CQ49" s="405"/>
      <c r="CR49" s="405"/>
      <c r="CS49" s="405"/>
      <c r="CT49" s="405"/>
      <c r="CU49" s="405"/>
      <c r="CV49" s="405"/>
      <c r="CW49" s="405"/>
      <c r="CX49" s="405"/>
      <c r="CY49" s="405"/>
      <c r="CZ49" s="405"/>
      <c r="DA49" s="405"/>
      <c r="DB49" s="405"/>
      <c r="DC49" s="405"/>
      <c r="DD49" s="405"/>
      <c r="DE49" s="405"/>
      <c r="DF49" s="405"/>
      <c r="DG49" s="405"/>
      <c r="DH49" s="405"/>
      <c r="DI49" s="405"/>
    </row>
    <row r="50" spans="5:113" x14ac:dyDescent="0.2">
      <c r="E50" s="403" t="s">
        <v>206</v>
      </c>
      <c r="F50" s="403"/>
      <c r="G50" s="403"/>
      <c r="H50" s="403"/>
      <c r="I50" s="403"/>
      <c r="J50" s="403"/>
      <c r="K50" s="403"/>
      <c r="L50" s="403"/>
      <c r="M50" s="403"/>
      <c r="N50" s="403"/>
      <c r="O50" s="403"/>
      <c r="P50" s="403"/>
      <c r="Q50" s="403"/>
      <c r="R50" s="403"/>
      <c r="S50" s="403"/>
      <c r="T50" s="403"/>
      <c r="U50" s="403"/>
      <c r="V50" s="403"/>
      <c r="W50" s="403"/>
      <c r="X50" s="403"/>
      <c r="Y50" s="403"/>
      <c r="Z50" s="403"/>
      <c r="AA50" s="403"/>
      <c r="AB50" s="403"/>
      <c r="AC50" s="403"/>
      <c r="AD50" s="403"/>
      <c r="AE50" s="403"/>
      <c r="AF50" s="403"/>
      <c r="AG50" s="403"/>
      <c r="AH50" s="403"/>
      <c r="AI50" s="403"/>
      <c r="AJ50" s="403"/>
      <c r="AK50" s="403"/>
      <c r="AL50" s="403"/>
      <c r="AM50" s="403"/>
      <c r="AN50" s="403"/>
      <c r="AO50" s="403"/>
      <c r="AP50" s="403"/>
      <c r="AQ50" s="403"/>
      <c r="AR50" s="403"/>
      <c r="AS50" s="403"/>
      <c r="AT50" s="403"/>
      <c r="AU50" s="403"/>
      <c r="AV50" s="403"/>
      <c r="AW50" s="403"/>
      <c r="AX50" s="403"/>
      <c r="AY50" s="403"/>
      <c r="AZ50" s="403"/>
      <c r="BA50" s="403"/>
      <c r="BB50" s="403"/>
      <c r="BC50" s="403"/>
      <c r="BD50" s="403"/>
      <c r="BE50" s="403"/>
      <c r="BF50" s="403"/>
      <c r="BG50" s="403"/>
      <c r="BH50" s="403"/>
      <c r="BI50" s="403"/>
      <c r="BJ50" s="403"/>
      <c r="BK50" s="403"/>
      <c r="BL50" s="403"/>
      <c r="BM50" s="403"/>
      <c r="BN50" s="403"/>
      <c r="BO50" s="403"/>
      <c r="BP50" s="403"/>
      <c r="BQ50" s="403"/>
      <c r="BR50" s="403"/>
      <c r="BS50" s="403"/>
      <c r="BT50" s="403"/>
      <c r="BU50" s="403"/>
      <c r="BV50" s="403"/>
      <c r="BW50" s="403"/>
      <c r="BX50" s="403"/>
      <c r="BY50" s="403"/>
      <c r="BZ50" s="403"/>
      <c r="CA50" s="403"/>
      <c r="CB50" s="403"/>
      <c r="CC50" s="403"/>
      <c r="CD50" s="403"/>
      <c r="CE50" s="403"/>
      <c r="CF50" s="403"/>
      <c r="CG50" s="403"/>
      <c r="CH50" s="403"/>
      <c r="CI50" s="403"/>
      <c r="CJ50" s="403"/>
      <c r="CK50" s="403"/>
      <c r="CL50" s="403"/>
      <c r="CM50" s="403"/>
      <c r="CN50" s="403"/>
      <c r="CO50" s="403"/>
      <c r="CP50" s="403"/>
      <c r="CQ50" s="403"/>
      <c r="CR50" s="403"/>
      <c r="CS50" s="403"/>
      <c r="CT50" s="403"/>
      <c r="CU50" s="403"/>
      <c r="CV50" s="403"/>
      <c r="CW50" s="403"/>
      <c r="CX50" s="403"/>
      <c r="CY50" s="403"/>
      <c r="CZ50" s="403"/>
      <c r="DA50" s="403"/>
      <c r="DB50" s="403"/>
      <c r="DC50" s="403"/>
      <c r="DD50" s="403"/>
      <c r="DE50" s="403"/>
      <c r="DF50" s="403"/>
      <c r="DG50" s="403"/>
      <c r="DH50" s="403"/>
      <c r="DI50" s="403"/>
    </row>
    <row r="51" spans="5:113" x14ac:dyDescent="0.2">
      <c r="E51" s="403" t="s">
        <v>207</v>
      </c>
      <c r="F51" s="403"/>
      <c r="G51" s="403"/>
      <c r="H51" s="403"/>
      <c r="I51" s="403"/>
      <c r="J51" s="403"/>
      <c r="K51" s="403"/>
      <c r="L51" s="403"/>
      <c r="M51" s="403"/>
      <c r="N51" s="403"/>
      <c r="O51" s="403"/>
      <c r="P51" s="403"/>
      <c r="Q51" s="403"/>
      <c r="R51" s="403"/>
      <c r="S51" s="403"/>
      <c r="T51" s="403"/>
      <c r="U51" s="403"/>
      <c r="V51" s="403"/>
      <c r="W51" s="403"/>
      <c r="X51" s="403"/>
      <c r="Y51" s="403"/>
      <c r="Z51" s="403"/>
      <c r="AA51" s="403"/>
      <c r="AB51" s="403"/>
      <c r="AC51" s="403"/>
      <c r="AD51" s="403"/>
      <c r="AE51" s="403"/>
      <c r="AF51" s="403"/>
      <c r="AG51" s="403"/>
      <c r="AH51" s="403"/>
      <c r="AI51" s="403"/>
      <c r="AJ51" s="403"/>
      <c r="AK51" s="403"/>
      <c r="AL51" s="403"/>
      <c r="AM51" s="403"/>
      <c r="AN51" s="403"/>
      <c r="AO51" s="403"/>
      <c r="AP51" s="403"/>
      <c r="AQ51" s="403"/>
      <c r="AR51" s="403"/>
      <c r="AS51" s="403"/>
      <c r="AT51" s="403"/>
      <c r="AU51" s="403"/>
      <c r="AV51" s="403"/>
      <c r="AW51" s="403"/>
      <c r="AX51" s="403"/>
      <c r="AY51" s="403"/>
      <c r="AZ51" s="403"/>
      <c r="BA51" s="403"/>
      <c r="BB51" s="403"/>
      <c r="BC51" s="403"/>
      <c r="BD51" s="403"/>
      <c r="BE51" s="403"/>
      <c r="BF51" s="403"/>
      <c r="BG51" s="403"/>
      <c r="BH51" s="403"/>
      <c r="BI51" s="403"/>
      <c r="BJ51" s="403"/>
      <c r="BK51" s="403"/>
      <c r="BL51" s="403"/>
      <c r="BM51" s="403"/>
      <c r="BN51" s="403"/>
      <c r="BO51" s="403"/>
      <c r="BP51" s="403"/>
      <c r="BQ51" s="403"/>
      <c r="BR51" s="403"/>
      <c r="BS51" s="403"/>
      <c r="BT51" s="403"/>
      <c r="BU51" s="403"/>
      <c r="BV51" s="403"/>
      <c r="BW51" s="403"/>
      <c r="BX51" s="403"/>
      <c r="BY51" s="403"/>
      <c r="BZ51" s="403"/>
      <c r="CA51" s="403"/>
      <c r="CB51" s="403"/>
      <c r="CC51" s="403"/>
      <c r="CD51" s="403"/>
      <c r="CE51" s="403"/>
      <c r="CF51" s="403"/>
      <c r="CG51" s="403"/>
      <c r="CH51" s="403"/>
      <c r="CI51" s="403"/>
      <c r="CJ51" s="403"/>
      <c r="CK51" s="403"/>
      <c r="CL51" s="403"/>
      <c r="CM51" s="403"/>
      <c r="CN51" s="403"/>
      <c r="CO51" s="403"/>
      <c r="CP51" s="403"/>
      <c r="CQ51" s="403"/>
      <c r="CR51" s="403"/>
      <c r="CS51" s="403"/>
      <c r="CT51" s="403"/>
      <c r="CU51" s="403"/>
      <c r="CV51" s="403"/>
      <c r="CW51" s="403"/>
      <c r="CX51" s="403"/>
      <c r="CY51" s="403"/>
      <c r="CZ51" s="403"/>
      <c r="DA51" s="403"/>
      <c r="DB51" s="403"/>
      <c r="DC51" s="403"/>
      <c r="DD51" s="403"/>
      <c r="DE51" s="403"/>
      <c r="DF51" s="403"/>
      <c r="DG51" s="403"/>
      <c r="DH51" s="403"/>
      <c r="DI51" s="403"/>
    </row>
    <row r="52" spans="5:113" x14ac:dyDescent="0.2">
      <c r="E52" s="403" t="s">
        <v>208</v>
      </c>
      <c r="F52" s="403"/>
      <c r="G52" s="403"/>
      <c r="H52" s="403"/>
      <c r="I52" s="403"/>
      <c r="J52" s="403"/>
      <c r="K52" s="403"/>
      <c r="L52" s="403"/>
      <c r="M52" s="403"/>
      <c r="N52" s="403"/>
      <c r="O52" s="403"/>
      <c r="P52" s="403"/>
      <c r="Q52" s="403"/>
      <c r="R52" s="403"/>
      <c r="S52" s="403"/>
      <c r="T52" s="403"/>
      <c r="U52" s="403"/>
      <c r="V52" s="403"/>
      <c r="W52" s="403"/>
      <c r="X52" s="403"/>
      <c r="Y52" s="403"/>
      <c r="Z52" s="403"/>
      <c r="AA52" s="403"/>
      <c r="AB52" s="403"/>
      <c r="AC52" s="403"/>
      <c r="AD52" s="403"/>
      <c r="AE52" s="403"/>
      <c r="AF52" s="403"/>
      <c r="AG52" s="403"/>
      <c r="AH52" s="403"/>
      <c r="AI52" s="403"/>
      <c r="AJ52" s="403"/>
      <c r="AK52" s="403"/>
      <c r="AL52" s="403"/>
      <c r="AM52" s="403"/>
      <c r="AN52" s="403"/>
      <c r="AO52" s="403"/>
      <c r="AP52" s="403"/>
      <c r="AQ52" s="403"/>
      <c r="AR52" s="403"/>
      <c r="AS52" s="403"/>
      <c r="AT52" s="403"/>
      <c r="AU52" s="403"/>
      <c r="AV52" s="403"/>
      <c r="AW52" s="403"/>
      <c r="AX52" s="403"/>
      <c r="AY52" s="403"/>
      <c r="AZ52" s="403"/>
      <c r="BA52" s="403"/>
      <c r="BB52" s="403"/>
      <c r="BC52" s="403"/>
      <c r="BD52" s="403"/>
      <c r="BE52" s="403"/>
      <c r="BF52" s="403"/>
      <c r="BG52" s="403"/>
      <c r="BH52" s="403"/>
      <c r="BI52" s="403"/>
      <c r="BJ52" s="403"/>
      <c r="BK52" s="403"/>
      <c r="BL52" s="403"/>
      <c r="BM52" s="403"/>
      <c r="BN52" s="403"/>
      <c r="BO52" s="403"/>
      <c r="BP52" s="403"/>
      <c r="BQ52" s="403"/>
      <c r="BR52" s="403"/>
      <c r="BS52" s="403"/>
      <c r="BT52" s="403"/>
      <c r="BU52" s="403"/>
      <c r="BV52" s="403"/>
      <c r="BW52" s="403"/>
      <c r="BX52" s="403"/>
      <c r="BY52" s="403"/>
      <c r="BZ52" s="403"/>
      <c r="CA52" s="403"/>
      <c r="CB52" s="403"/>
      <c r="CC52" s="403"/>
      <c r="CD52" s="403"/>
      <c r="CE52" s="403"/>
      <c r="CF52" s="403"/>
      <c r="CG52" s="403"/>
      <c r="CH52" s="403"/>
      <c r="CI52" s="403"/>
      <c r="CJ52" s="403"/>
      <c r="CK52" s="403"/>
      <c r="CL52" s="403"/>
      <c r="CM52" s="403"/>
      <c r="CN52" s="403"/>
      <c r="CO52" s="403"/>
      <c r="CP52" s="403"/>
      <c r="CQ52" s="403"/>
      <c r="CR52" s="403"/>
      <c r="CS52" s="403"/>
      <c r="CT52" s="403"/>
      <c r="CU52" s="403"/>
      <c r="CV52" s="403"/>
      <c r="CW52" s="403"/>
      <c r="CX52" s="403"/>
      <c r="CY52" s="403"/>
      <c r="CZ52" s="403"/>
      <c r="DA52" s="403"/>
      <c r="DB52" s="403"/>
      <c r="DC52" s="403"/>
      <c r="DD52" s="403"/>
      <c r="DE52" s="403"/>
      <c r="DF52" s="403"/>
      <c r="DG52" s="403"/>
      <c r="DH52" s="403"/>
      <c r="DI52" s="403"/>
    </row>
    <row r="53" spans="5:113" x14ac:dyDescent="0.2">
      <c r="E53" s="177" t="s">
        <v>646</v>
      </c>
    </row>
    <row r="54" spans="5:113" x14ac:dyDescent="0.2"/>
    <row r="55" spans="5:113" x14ac:dyDescent="0.2"/>
    <row r="56" spans="5:113" x14ac:dyDescent="0.2"/>
  </sheetData>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8" scale="79"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73</v>
      </c>
      <c r="G33" s="29" t="s">
        <v>574</v>
      </c>
      <c r="H33" s="29" t="s">
        <v>575</v>
      </c>
      <c r="I33" s="29" t="s">
        <v>576</v>
      </c>
      <c r="J33" s="30" t="s">
        <v>577</v>
      </c>
      <c r="K33" s="22"/>
      <c r="L33" s="22"/>
      <c r="M33" s="22"/>
      <c r="N33" s="22"/>
      <c r="O33" s="22"/>
      <c r="P33" s="22"/>
    </row>
    <row r="34" spans="1:16" ht="39" customHeight="1" x14ac:dyDescent="0.2">
      <c r="A34" s="22"/>
      <c r="B34" s="31"/>
      <c r="C34" s="1215" t="s">
        <v>581</v>
      </c>
      <c r="D34" s="1215"/>
      <c r="E34" s="1216"/>
      <c r="F34" s="32">
        <v>3.78</v>
      </c>
      <c r="G34" s="33">
        <v>4.3099999999999996</v>
      </c>
      <c r="H34" s="33">
        <v>4.46</v>
      </c>
      <c r="I34" s="33">
        <v>4.5</v>
      </c>
      <c r="J34" s="34">
        <v>4.82</v>
      </c>
      <c r="K34" s="22"/>
      <c r="L34" s="22"/>
      <c r="M34" s="22"/>
      <c r="N34" s="22"/>
      <c r="O34" s="22"/>
      <c r="P34" s="22"/>
    </row>
    <row r="35" spans="1:16" ht="39" customHeight="1" x14ac:dyDescent="0.2">
      <c r="A35" s="22"/>
      <c r="B35" s="35"/>
      <c r="C35" s="1209" t="s">
        <v>582</v>
      </c>
      <c r="D35" s="1210"/>
      <c r="E35" s="1211"/>
      <c r="F35" s="36">
        <v>2.46</v>
      </c>
      <c r="G35" s="37">
        <v>2.34</v>
      </c>
      <c r="H35" s="37">
        <v>2.34</v>
      </c>
      <c r="I35" s="37">
        <v>2.15</v>
      </c>
      <c r="J35" s="38">
        <v>2.4500000000000002</v>
      </c>
      <c r="K35" s="22"/>
      <c r="L35" s="22"/>
      <c r="M35" s="22"/>
      <c r="N35" s="22"/>
      <c r="O35" s="22"/>
      <c r="P35" s="22"/>
    </row>
    <row r="36" spans="1:16" ht="39" customHeight="1" x14ac:dyDescent="0.2">
      <c r="A36" s="22"/>
      <c r="B36" s="35"/>
      <c r="C36" s="1209" t="s">
        <v>583</v>
      </c>
      <c r="D36" s="1210"/>
      <c r="E36" s="1211"/>
      <c r="F36" s="36">
        <v>1.4</v>
      </c>
      <c r="G36" s="37">
        <v>0.45</v>
      </c>
      <c r="H36" s="37">
        <v>0.34</v>
      </c>
      <c r="I36" s="37">
        <v>0.86</v>
      </c>
      <c r="J36" s="38">
        <v>1.38</v>
      </c>
      <c r="K36" s="22"/>
      <c r="L36" s="22"/>
      <c r="M36" s="22"/>
      <c r="N36" s="22"/>
      <c r="O36" s="22"/>
      <c r="P36" s="22"/>
    </row>
    <row r="37" spans="1:16" ht="39" customHeight="1" x14ac:dyDescent="0.2">
      <c r="A37" s="22"/>
      <c r="B37" s="35"/>
      <c r="C37" s="1209" t="s">
        <v>584</v>
      </c>
      <c r="D37" s="1210"/>
      <c r="E37" s="1211"/>
      <c r="F37" s="36">
        <v>0.28999999999999998</v>
      </c>
      <c r="G37" s="37">
        <v>0.59</v>
      </c>
      <c r="H37" s="37">
        <v>0.44</v>
      </c>
      <c r="I37" s="37">
        <v>1.21</v>
      </c>
      <c r="J37" s="38">
        <v>1.1599999999999999</v>
      </c>
      <c r="K37" s="22"/>
      <c r="L37" s="22"/>
      <c r="M37" s="22"/>
      <c r="N37" s="22"/>
      <c r="O37" s="22"/>
      <c r="P37" s="22"/>
    </row>
    <row r="38" spans="1:16" ht="39" customHeight="1" x14ac:dyDescent="0.2">
      <c r="A38" s="22"/>
      <c r="B38" s="35"/>
      <c r="C38" s="1209" t="s">
        <v>585</v>
      </c>
      <c r="D38" s="1210"/>
      <c r="E38" s="1211"/>
      <c r="F38" s="36">
        <v>0.77</v>
      </c>
      <c r="G38" s="37">
        <v>0.21</v>
      </c>
      <c r="H38" s="37">
        <v>0.44</v>
      </c>
      <c r="I38" s="37">
        <v>0.56000000000000005</v>
      </c>
      <c r="J38" s="38">
        <v>1.1200000000000001</v>
      </c>
      <c r="K38" s="22"/>
      <c r="L38" s="22"/>
      <c r="M38" s="22"/>
      <c r="N38" s="22"/>
      <c r="O38" s="22"/>
      <c r="P38" s="22"/>
    </row>
    <row r="39" spans="1:16" ht="39" customHeight="1" x14ac:dyDescent="0.2">
      <c r="A39" s="22"/>
      <c r="B39" s="35"/>
      <c r="C39" s="1209" t="s">
        <v>586</v>
      </c>
      <c r="D39" s="1210"/>
      <c r="E39" s="1211"/>
      <c r="F39" s="36">
        <v>0.27</v>
      </c>
      <c r="G39" s="37">
        <v>0.26</v>
      </c>
      <c r="H39" s="37">
        <v>0.25</v>
      </c>
      <c r="I39" s="37">
        <v>0.26</v>
      </c>
      <c r="J39" s="38">
        <v>0.57999999999999996</v>
      </c>
      <c r="K39" s="22"/>
      <c r="L39" s="22"/>
      <c r="M39" s="22"/>
      <c r="N39" s="22"/>
      <c r="O39" s="22"/>
      <c r="P39" s="22"/>
    </row>
    <row r="40" spans="1:16" ht="39" customHeight="1" x14ac:dyDescent="0.2">
      <c r="A40" s="22"/>
      <c r="B40" s="35"/>
      <c r="C40" s="1209" t="s">
        <v>587</v>
      </c>
      <c r="D40" s="1210"/>
      <c r="E40" s="1211"/>
      <c r="F40" s="36">
        <v>0.52</v>
      </c>
      <c r="G40" s="37">
        <v>0.51</v>
      </c>
      <c r="H40" s="37">
        <v>0.47</v>
      </c>
      <c r="I40" s="37">
        <v>0.48</v>
      </c>
      <c r="J40" s="38">
        <v>0.47</v>
      </c>
      <c r="K40" s="22"/>
      <c r="L40" s="22"/>
      <c r="M40" s="22"/>
      <c r="N40" s="22"/>
      <c r="O40" s="22"/>
      <c r="P40" s="22"/>
    </row>
    <row r="41" spans="1:16" ht="39" customHeight="1" x14ac:dyDescent="0.2">
      <c r="A41" s="22"/>
      <c r="B41" s="35"/>
      <c r="C41" s="1209" t="s">
        <v>588</v>
      </c>
      <c r="D41" s="1210"/>
      <c r="E41" s="1211"/>
      <c r="F41" s="36">
        <v>0.7</v>
      </c>
      <c r="G41" s="37">
        <v>0.68</v>
      </c>
      <c r="H41" s="37">
        <v>0.68</v>
      </c>
      <c r="I41" s="37">
        <v>0.44</v>
      </c>
      <c r="J41" s="38">
        <v>0.44</v>
      </c>
      <c r="K41" s="22"/>
      <c r="L41" s="22"/>
      <c r="M41" s="22"/>
      <c r="N41" s="22"/>
      <c r="O41" s="22"/>
      <c r="P41" s="22"/>
    </row>
    <row r="42" spans="1:16" ht="39" customHeight="1" x14ac:dyDescent="0.2">
      <c r="A42" s="22"/>
      <c r="B42" s="39"/>
      <c r="C42" s="1209" t="s">
        <v>589</v>
      </c>
      <c r="D42" s="1210"/>
      <c r="E42" s="1211"/>
      <c r="F42" s="36" t="s">
        <v>532</v>
      </c>
      <c r="G42" s="37" t="s">
        <v>532</v>
      </c>
      <c r="H42" s="37" t="s">
        <v>532</v>
      </c>
      <c r="I42" s="37" t="s">
        <v>532</v>
      </c>
      <c r="J42" s="38" t="s">
        <v>532</v>
      </c>
      <c r="K42" s="22"/>
      <c r="L42" s="22"/>
      <c r="M42" s="22"/>
      <c r="N42" s="22"/>
      <c r="O42" s="22"/>
      <c r="P42" s="22"/>
    </row>
    <row r="43" spans="1:16" ht="39" customHeight="1" thickBot="1" x14ac:dyDescent="0.25">
      <c r="A43" s="22"/>
      <c r="B43" s="40"/>
      <c r="C43" s="1212" t="s">
        <v>590</v>
      </c>
      <c r="D43" s="1213"/>
      <c r="E43" s="1214"/>
      <c r="F43" s="41">
        <v>1.31</v>
      </c>
      <c r="G43" s="42">
        <v>1.44</v>
      </c>
      <c r="H43" s="42">
        <v>1.73</v>
      </c>
      <c r="I43" s="42">
        <v>0.54</v>
      </c>
      <c r="J43" s="43">
        <v>0.5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nTiD7XToMNrjKlUAgLRI7ci/CfbNp3N/XqUfn6X8CwKvEG6cXszEYBayNq2hIFqK0YYbKgjFHxIacN1dCr+8YA==" saltValue="XIvyNPNFnxyqv5OWBxBTh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8" scale="87"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73</v>
      </c>
      <c r="L44" s="56" t="s">
        <v>574</v>
      </c>
      <c r="M44" s="56" t="s">
        <v>575</v>
      </c>
      <c r="N44" s="56" t="s">
        <v>576</v>
      </c>
      <c r="O44" s="57" t="s">
        <v>577</v>
      </c>
      <c r="P44" s="48"/>
      <c r="Q44" s="48"/>
      <c r="R44" s="48"/>
      <c r="S44" s="48"/>
      <c r="T44" s="48"/>
      <c r="U44" s="48"/>
    </row>
    <row r="45" spans="1:21" ht="30.75" customHeight="1" x14ac:dyDescent="0.2">
      <c r="A45" s="48"/>
      <c r="B45" s="1235" t="s">
        <v>11</v>
      </c>
      <c r="C45" s="1236"/>
      <c r="D45" s="58"/>
      <c r="E45" s="1241" t="s">
        <v>12</v>
      </c>
      <c r="F45" s="1241"/>
      <c r="G45" s="1241"/>
      <c r="H45" s="1241"/>
      <c r="I45" s="1241"/>
      <c r="J45" s="1242"/>
      <c r="K45" s="59">
        <v>102444</v>
      </c>
      <c r="L45" s="60">
        <v>105495</v>
      </c>
      <c r="M45" s="60">
        <v>119475</v>
      </c>
      <c r="N45" s="60">
        <v>122220</v>
      </c>
      <c r="O45" s="61">
        <v>114468</v>
      </c>
      <c r="P45" s="48"/>
      <c r="Q45" s="48"/>
      <c r="R45" s="48"/>
      <c r="S45" s="48"/>
      <c r="T45" s="48"/>
      <c r="U45" s="48"/>
    </row>
    <row r="46" spans="1:21" ht="30.75" customHeight="1" x14ac:dyDescent="0.2">
      <c r="A46" s="48"/>
      <c r="B46" s="1237"/>
      <c r="C46" s="1238"/>
      <c r="D46" s="62"/>
      <c r="E46" s="1219" t="s">
        <v>13</v>
      </c>
      <c r="F46" s="1219"/>
      <c r="G46" s="1219"/>
      <c r="H46" s="1219"/>
      <c r="I46" s="1219"/>
      <c r="J46" s="1220"/>
      <c r="K46" s="63">
        <v>29184</v>
      </c>
      <c r="L46" s="64">
        <v>38039</v>
      </c>
      <c r="M46" s="64">
        <v>37686</v>
      </c>
      <c r="N46" s="64">
        <v>29478</v>
      </c>
      <c r="O46" s="65">
        <v>23891</v>
      </c>
      <c r="P46" s="48"/>
      <c r="Q46" s="48"/>
      <c r="R46" s="48"/>
      <c r="S46" s="48"/>
      <c r="T46" s="48"/>
      <c r="U46" s="48"/>
    </row>
    <row r="47" spans="1:21" ht="30.75" customHeight="1" x14ac:dyDescent="0.2">
      <c r="A47" s="48"/>
      <c r="B47" s="1237"/>
      <c r="C47" s="1238"/>
      <c r="D47" s="62"/>
      <c r="E47" s="1219" t="s">
        <v>14</v>
      </c>
      <c r="F47" s="1219"/>
      <c r="G47" s="1219"/>
      <c r="H47" s="1219"/>
      <c r="I47" s="1219"/>
      <c r="J47" s="1220"/>
      <c r="K47" s="63">
        <v>69842</v>
      </c>
      <c r="L47" s="64">
        <v>66507</v>
      </c>
      <c r="M47" s="64">
        <v>61378</v>
      </c>
      <c r="N47" s="64">
        <v>60203</v>
      </c>
      <c r="O47" s="65">
        <v>61101</v>
      </c>
      <c r="P47" s="48"/>
      <c r="Q47" s="48"/>
      <c r="R47" s="48"/>
      <c r="S47" s="48"/>
      <c r="T47" s="48"/>
      <c r="U47" s="48"/>
    </row>
    <row r="48" spans="1:21" ht="30.75" customHeight="1" x14ac:dyDescent="0.2">
      <c r="A48" s="48"/>
      <c r="B48" s="1237"/>
      <c r="C48" s="1238"/>
      <c r="D48" s="62"/>
      <c r="E48" s="1219" t="s">
        <v>15</v>
      </c>
      <c r="F48" s="1219"/>
      <c r="G48" s="1219"/>
      <c r="H48" s="1219"/>
      <c r="I48" s="1219"/>
      <c r="J48" s="1220"/>
      <c r="K48" s="63">
        <v>56443</v>
      </c>
      <c r="L48" s="64">
        <v>53308</v>
      </c>
      <c r="M48" s="64">
        <v>48636</v>
      </c>
      <c r="N48" s="64">
        <v>43151</v>
      </c>
      <c r="O48" s="65">
        <v>43269</v>
      </c>
      <c r="P48" s="48"/>
      <c r="Q48" s="48"/>
      <c r="R48" s="48"/>
      <c r="S48" s="48"/>
      <c r="T48" s="48"/>
      <c r="U48" s="48"/>
    </row>
    <row r="49" spans="1:21" ht="30.75" customHeight="1" x14ac:dyDescent="0.2">
      <c r="A49" s="48"/>
      <c r="B49" s="1237"/>
      <c r="C49" s="1238"/>
      <c r="D49" s="62"/>
      <c r="E49" s="1219" t="s">
        <v>16</v>
      </c>
      <c r="F49" s="1219"/>
      <c r="G49" s="1219"/>
      <c r="H49" s="1219"/>
      <c r="I49" s="1219"/>
      <c r="J49" s="1220"/>
      <c r="K49" s="63" t="s">
        <v>532</v>
      </c>
      <c r="L49" s="64" t="s">
        <v>532</v>
      </c>
      <c r="M49" s="64" t="s">
        <v>532</v>
      </c>
      <c r="N49" s="64" t="s">
        <v>532</v>
      </c>
      <c r="O49" s="65" t="s">
        <v>532</v>
      </c>
      <c r="P49" s="48"/>
      <c r="Q49" s="48"/>
      <c r="R49" s="48"/>
      <c r="S49" s="48"/>
      <c r="T49" s="48"/>
      <c r="U49" s="48"/>
    </row>
    <row r="50" spans="1:21" ht="30.75" customHeight="1" x14ac:dyDescent="0.2">
      <c r="A50" s="48"/>
      <c r="B50" s="1237"/>
      <c r="C50" s="1238"/>
      <c r="D50" s="62"/>
      <c r="E50" s="1219" t="s">
        <v>17</v>
      </c>
      <c r="F50" s="1219"/>
      <c r="G50" s="1219"/>
      <c r="H50" s="1219"/>
      <c r="I50" s="1219"/>
      <c r="J50" s="1220"/>
      <c r="K50" s="63">
        <v>1654</v>
      </c>
      <c r="L50" s="64">
        <v>1655</v>
      </c>
      <c r="M50" s="64">
        <v>2556</v>
      </c>
      <c r="N50" s="64">
        <v>3804</v>
      </c>
      <c r="O50" s="65">
        <v>3327</v>
      </c>
      <c r="P50" s="48"/>
      <c r="Q50" s="48"/>
      <c r="R50" s="48"/>
      <c r="S50" s="48"/>
      <c r="T50" s="48"/>
      <c r="U50" s="48"/>
    </row>
    <row r="51" spans="1:21" ht="30.75" customHeight="1" x14ac:dyDescent="0.2">
      <c r="A51" s="48"/>
      <c r="B51" s="1239"/>
      <c r="C51" s="1240"/>
      <c r="D51" s="66"/>
      <c r="E51" s="1219" t="s">
        <v>18</v>
      </c>
      <c r="F51" s="1219"/>
      <c r="G51" s="1219"/>
      <c r="H51" s="1219"/>
      <c r="I51" s="1219"/>
      <c r="J51" s="1220"/>
      <c r="K51" s="63" t="s">
        <v>532</v>
      </c>
      <c r="L51" s="64" t="s">
        <v>532</v>
      </c>
      <c r="M51" s="64" t="s">
        <v>532</v>
      </c>
      <c r="N51" s="64">
        <v>3</v>
      </c>
      <c r="O51" s="65">
        <v>0</v>
      </c>
      <c r="P51" s="48"/>
      <c r="Q51" s="48"/>
      <c r="R51" s="48"/>
      <c r="S51" s="48"/>
      <c r="T51" s="48"/>
      <c r="U51" s="48"/>
    </row>
    <row r="52" spans="1:21" ht="30.75" customHeight="1" x14ac:dyDescent="0.2">
      <c r="A52" s="48"/>
      <c r="B52" s="1217" t="s">
        <v>19</v>
      </c>
      <c r="C52" s="1218"/>
      <c r="D52" s="66"/>
      <c r="E52" s="1219" t="s">
        <v>20</v>
      </c>
      <c r="F52" s="1219"/>
      <c r="G52" s="1219"/>
      <c r="H52" s="1219"/>
      <c r="I52" s="1219"/>
      <c r="J52" s="1220"/>
      <c r="K52" s="63">
        <v>179831</v>
      </c>
      <c r="L52" s="64">
        <v>183591</v>
      </c>
      <c r="M52" s="64">
        <v>175855</v>
      </c>
      <c r="N52" s="64">
        <v>166684</v>
      </c>
      <c r="O52" s="65">
        <v>156175</v>
      </c>
      <c r="P52" s="48"/>
      <c r="Q52" s="48"/>
      <c r="R52" s="48"/>
      <c r="S52" s="48"/>
      <c r="T52" s="48"/>
      <c r="U52" s="48"/>
    </row>
    <row r="53" spans="1:21" ht="30.75" customHeight="1" thickBot="1" x14ac:dyDescent="0.25">
      <c r="A53" s="48"/>
      <c r="B53" s="1221" t="s">
        <v>21</v>
      </c>
      <c r="C53" s="1222"/>
      <c r="D53" s="67"/>
      <c r="E53" s="1223" t="s">
        <v>22</v>
      </c>
      <c r="F53" s="1223"/>
      <c r="G53" s="1223"/>
      <c r="H53" s="1223"/>
      <c r="I53" s="1223"/>
      <c r="J53" s="1224"/>
      <c r="K53" s="68">
        <v>79736</v>
      </c>
      <c r="L53" s="69">
        <v>81413</v>
      </c>
      <c r="M53" s="69">
        <v>93876</v>
      </c>
      <c r="N53" s="69">
        <v>92175</v>
      </c>
      <c r="O53" s="70">
        <v>8988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91</v>
      </c>
      <c r="P55" s="48"/>
      <c r="Q55" s="48"/>
      <c r="R55" s="48"/>
      <c r="S55" s="48"/>
      <c r="T55" s="48"/>
      <c r="U55" s="48"/>
    </row>
    <row r="56" spans="1:21" ht="31.5" customHeight="1" thickBot="1" x14ac:dyDescent="0.25">
      <c r="A56" s="48"/>
      <c r="B56" s="76"/>
      <c r="C56" s="77"/>
      <c r="D56" s="77"/>
      <c r="E56" s="78"/>
      <c r="F56" s="78"/>
      <c r="G56" s="78"/>
      <c r="H56" s="78"/>
      <c r="I56" s="78"/>
      <c r="J56" s="79" t="s">
        <v>2</v>
      </c>
      <c r="K56" s="80" t="s">
        <v>592</v>
      </c>
      <c r="L56" s="81" t="s">
        <v>593</v>
      </c>
      <c r="M56" s="81" t="s">
        <v>594</v>
      </c>
      <c r="N56" s="81" t="s">
        <v>595</v>
      </c>
      <c r="O56" s="82" t="s">
        <v>596</v>
      </c>
      <c r="P56" s="48"/>
      <c r="Q56" s="48"/>
      <c r="R56" s="48"/>
      <c r="S56" s="48"/>
      <c r="T56" s="48"/>
      <c r="U56" s="48"/>
    </row>
    <row r="57" spans="1:21" ht="31.5" customHeight="1" x14ac:dyDescent="0.2">
      <c r="B57" s="1225" t="s">
        <v>25</v>
      </c>
      <c r="C57" s="1226"/>
      <c r="D57" s="1229" t="s">
        <v>26</v>
      </c>
      <c r="E57" s="1230"/>
      <c r="F57" s="1230"/>
      <c r="G57" s="1230"/>
      <c r="H57" s="1230"/>
      <c r="I57" s="1230"/>
      <c r="J57" s="1231"/>
      <c r="K57" s="83">
        <v>91390</v>
      </c>
      <c r="L57" s="84">
        <v>98140</v>
      </c>
      <c r="M57" s="84">
        <v>128350</v>
      </c>
      <c r="N57" s="84">
        <v>141795</v>
      </c>
      <c r="O57" s="85">
        <v>136484</v>
      </c>
    </row>
    <row r="58" spans="1:21" ht="31.5" customHeight="1" thickBot="1" x14ac:dyDescent="0.25">
      <c r="B58" s="1227"/>
      <c r="C58" s="1228"/>
      <c r="D58" s="1232" t="s">
        <v>27</v>
      </c>
      <c r="E58" s="1233"/>
      <c r="F58" s="1233"/>
      <c r="G58" s="1233"/>
      <c r="H58" s="1233"/>
      <c r="I58" s="1233"/>
      <c r="J58" s="1234"/>
      <c r="K58" s="86">
        <v>382960</v>
      </c>
      <c r="L58" s="87">
        <v>410840</v>
      </c>
      <c r="M58" s="87">
        <v>419943</v>
      </c>
      <c r="N58" s="87">
        <v>416891</v>
      </c>
      <c r="O58" s="88">
        <v>429806</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h4NqPHrRac3q8Y15UG/Jk/IrHFNeKxK/Tc/1Bq/x8/iR8Lw8M7dkuScwzKXfBfVMwI35m+6H6+HfpZ6pondVVg==" saltValue="tpk0Mn7rITeXlB06qMCkZ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8" scale="79"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73</v>
      </c>
      <c r="J40" s="100" t="s">
        <v>574</v>
      </c>
      <c r="K40" s="100" t="s">
        <v>575</v>
      </c>
      <c r="L40" s="100" t="s">
        <v>576</v>
      </c>
      <c r="M40" s="101" t="s">
        <v>577</v>
      </c>
    </row>
    <row r="41" spans="2:13" ht="27.75" customHeight="1" x14ac:dyDescent="0.2">
      <c r="B41" s="1255" t="s">
        <v>30</v>
      </c>
      <c r="C41" s="1256"/>
      <c r="D41" s="102"/>
      <c r="E41" s="1257" t="s">
        <v>31</v>
      </c>
      <c r="F41" s="1257"/>
      <c r="G41" s="1257"/>
      <c r="H41" s="1258"/>
      <c r="I41" s="358">
        <v>2599222</v>
      </c>
      <c r="J41" s="359">
        <v>2639495</v>
      </c>
      <c r="K41" s="359">
        <v>2671095</v>
      </c>
      <c r="L41" s="359">
        <v>2678080</v>
      </c>
      <c r="M41" s="360">
        <v>2701273</v>
      </c>
    </row>
    <row r="42" spans="2:13" ht="27.75" customHeight="1" x14ac:dyDescent="0.2">
      <c r="B42" s="1245"/>
      <c r="C42" s="1246"/>
      <c r="D42" s="103"/>
      <c r="E42" s="1249" t="s">
        <v>32</v>
      </c>
      <c r="F42" s="1249"/>
      <c r="G42" s="1249"/>
      <c r="H42" s="1250"/>
      <c r="I42" s="361">
        <v>27605</v>
      </c>
      <c r="J42" s="362">
        <v>41831</v>
      </c>
      <c r="K42" s="362">
        <v>95988</v>
      </c>
      <c r="L42" s="362">
        <v>91230</v>
      </c>
      <c r="M42" s="363">
        <v>76748</v>
      </c>
    </row>
    <row r="43" spans="2:13" ht="27.75" customHeight="1" x14ac:dyDescent="0.2">
      <c r="B43" s="1245"/>
      <c r="C43" s="1246"/>
      <c r="D43" s="103"/>
      <c r="E43" s="1249" t="s">
        <v>33</v>
      </c>
      <c r="F43" s="1249"/>
      <c r="G43" s="1249"/>
      <c r="H43" s="1250"/>
      <c r="I43" s="361">
        <v>552351</v>
      </c>
      <c r="J43" s="362">
        <v>520361</v>
      </c>
      <c r="K43" s="362">
        <v>493202</v>
      </c>
      <c r="L43" s="362">
        <v>467958</v>
      </c>
      <c r="M43" s="363">
        <v>454545</v>
      </c>
    </row>
    <row r="44" spans="2:13" ht="27.75" customHeight="1" x14ac:dyDescent="0.2">
      <c r="B44" s="1245"/>
      <c r="C44" s="1246"/>
      <c r="D44" s="103"/>
      <c r="E44" s="1249" t="s">
        <v>34</v>
      </c>
      <c r="F44" s="1249"/>
      <c r="G44" s="1249"/>
      <c r="H44" s="1250"/>
      <c r="I44" s="361">
        <v>296</v>
      </c>
      <c r="J44" s="362">
        <v>105</v>
      </c>
      <c r="K44" s="362" t="s">
        <v>532</v>
      </c>
      <c r="L44" s="362" t="s">
        <v>532</v>
      </c>
      <c r="M44" s="363" t="s">
        <v>532</v>
      </c>
    </row>
    <row r="45" spans="2:13" ht="27.75" customHeight="1" x14ac:dyDescent="0.2">
      <c r="B45" s="1245"/>
      <c r="C45" s="1246"/>
      <c r="D45" s="103"/>
      <c r="E45" s="1249" t="s">
        <v>35</v>
      </c>
      <c r="F45" s="1249"/>
      <c r="G45" s="1249"/>
      <c r="H45" s="1250"/>
      <c r="I45" s="361">
        <v>227722</v>
      </c>
      <c r="J45" s="362">
        <v>207077</v>
      </c>
      <c r="K45" s="362">
        <v>204782</v>
      </c>
      <c r="L45" s="362">
        <v>205583</v>
      </c>
      <c r="M45" s="363">
        <v>207868</v>
      </c>
    </row>
    <row r="46" spans="2:13" ht="27.75" customHeight="1" x14ac:dyDescent="0.2">
      <c r="B46" s="1245"/>
      <c r="C46" s="1246"/>
      <c r="D46" s="104"/>
      <c r="E46" s="1249" t="s">
        <v>36</v>
      </c>
      <c r="F46" s="1249"/>
      <c r="G46" s="1249"/>
      <c r="H46" s="1250"/>
      <c r="I46" s="361">
        <v>57500</v>
      </c>
      <c r="J46" s="362">
        <v>50501</v>
      </c>
      <c r="K46" s="362">
        <v>38574</v>
      </c>
      <c r="L46" s="362">
        <v>39544</v>
      </c>
      <c r="M46" s="363">
        <v>10655</v>
      </c>
    </row>
    <row r="47" spans="2:13" ht="27.75" customHeight="1" x14ac:dyDescent="0.2">
      <c r="B47" s="1245"/>
      <c r="C47" s="1246"/>
      <c r="D47" s="105"/>
      <c r="E47" s="1259" t="s">
        <v>37</v>
      </c>
      <c r="F47" s="1260"/>
      <c r="G47" s="1260"/>
      <c r="H47" s="1261"/>
      <c r="I47" s="361" t="s">
        <v>532</v>
      </c>
      <c r="J47" s="362" t="s">
        <v>532</v>
      </c>
      <c r="K47" s="362" t="s">
        <v>532</v>
      </c>
      <c r="L47" s="362" t="s">
        <v>532</v>
      </c>
      <c r="M47" s="363" t="s">
        <v>532</v>
      </c>
    </row>
    <row r="48" spans="2:13" ht="27.75" customHeight="1" x14ac:dyDescent="0.2">
      <c r="B48" s="1245"/>
      <c r="C48" s="1246"/>
      <c r="D48" s="103"/>
      <c r="E48" s="1249" t="s">
        <v>38</v>
      </c>
      <c r="F48" s="1249"/>
      <c r="G48" s="1249"/>
      <c r="H48" s="1250"/>
      <c r="I48" s="361" t="s">
        <v>532</v>
      </c>
      <c r="J48" s="362" t="s">
        <v>532</v>
      </c>
      <c r="K48" s="362" t="s">
        <v>532</v>
      </c>
      <c r="L48" s="362" t="s">
        <v>532</v>
      </c>
      <c r="M48" s="363" t="s">
        <v>532</v>
      </c>
    </row>
    <row r="49" spans="2:13" ht="27.75" customHeight="1" x14ac:dyDescent="0.2">
      <c r="B49" s="1247"/>
      <c r="C49" s="1248"/>
      <c r="D49" s="103"/>
      <c r="E49" s="1249" t="s">
        <v>39</v>
      </c>
      <c r="F49" s="1249"/>
      <c r="G49" s="1249"/>
      <c r="H49" s="1250"/>
      <c r="I49" s="361" t="s">
        <v>532</v>
      </c>
      <c r="J49" s="362" t="s">
        <v>532</v>
      </c>
      <c r="K49" s="362" t="s">
        <v>532</v>
      </c>
      <c r="L49" s="362" t="s">
        <v>532</v>
      </c>
      <c r="M49" s="363" t="s">
        <v>532</v>
      </c>
    </row>
    <row r="50" spans="2:13" ht="27.75" customHeight="1" x14ac:dyDescent="0.2">
      <c r="B50" s="1243" t="s">
        <v>40</v>
      </c>
      <c r="C50" s="1244"/>
      <c r="D50" s="106"/>
      <c r="E50" s="1249" t="s">
        <v>41</v>
      </c>
      <c r="F50" s="1249"/>
      <c r="G50" s="1249"/>
      <c r="H50" s="1250"/>
      <c r="I50" s="361">
        <v>155643</v>
      </c>
      <c r="J50" s="362">
        <v>182347</v>
      </c>
      <c r="K50" s="362">
        <v>181000</v>
      </c>
      <c r="L50" s="362">
        <v>183880</v>
      </c>
      <c r="M50" s="363">
        <v>251655</v>
      </c>
    </row>
    <row r="51" spans="2:13" ht="27.75" customHeight="1" x14ac:dyDescent="0.2">
      <c r="B51" s="1245"/>
      <c r="C51" s="1246"/>
      <c r="D51" s="103"/>
      <c r="E51" s="1249" t="s">
        <v>42</v>
      </c>
      <c r="F51" s="1249"/>
      <c r="G51" s="1249"/>
      <c r="H51" s="1250"/>
      <c r="I51" s="361">
        <v>715000</v>
      </c>
      <c r="J51" s="362">
        <v>746716</v>
      </c>
      <c r="K51" s="362">
        <v>777314</v>
      </c>
      <c r="L51" s="362">
        <v>777426</v>
      </c>
      <c r="M51" s="363">
        <v>691902</v>
      </c>
    </row>
    <row r="52" spans="2:13" ht="27.75" customHeight="1" x14ac:dyDescent="0.2">
      <c r="B52" s="1247"/>
      <c r="C52" s="1248"/>
      <c r="D52" s="103"/>
      <c r="E52" s="1249" t="s">
        <v>43</v>
      </c>
      <c r="F52" s="1249"/>
      <c r="G52" s="1249"/>
      <c r="H52" s="1250"/>
      <c r="I52" s="361">
        <v>1392552</v>
      </c>
      <c r="J52" s="362">
        <v>1377858</v>
      </c>
      <c r="K52" s="362">
        <v>1367852</v>
      </c>
      <c r="L52" s="362">
        <v>1348979</v>
      </c>
      <c r="M52" s="363">
        <v>1344210</v>
      </c>
    </row>
    <row r="53" spans="2:13" ht="27.75" customHeight="1" thickBot="1" x14ac:dyDescent="0.25">
      <c r="B53" s="1251" t="s">
        <v>44</v>
      </c>
      <c r="C53" s="1252"/>
      <c r="D53" s="107"/>
      <c r="E53" s="1253" t="s">
        <v>45</v>
      </c>
      <c r="F53" s="1253"/>
      <c r="G53" s="1253"/>
      <c r="H53" s="1254"/>
      <c r="I53" s="364">
        <v>1201501</v>
      </c>
      <c r="J53" s="365">
        <v>1152448</v>
      </c>
      <c r="K53" s="365">
        <v>1177474</v>
      </c>
      <c r="L53" s="365">
        <v>1172110</v>
      </c>
      <c r="M53" s="366">
        <v>1163322</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0XPmaZmRL+pMNNmkRQ9XX667YiU51uEQIlaea/Z9X6Whr6AeMxldmdSE3bkWlYmk6xswrzAmgZkmlRIbO3BBHQ==" saltValue="ytLLZoAeKIjr6/VyOi1Ek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8" scale="86"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75</v>
      </c>
      <c r="G54" s="116" t="s">
        <v>576</v>
      </c>
      <c r="H54" s="117" t="s">
        <v>577</v>
      </c>
    </row>
    <row r="55" spans="2:8" ht="52.5" customHeight="1" x14ac:dyDescent="0.2">
      <c r="B55" s="118"/>
      <c r="C55" s="1270" t="s">
        <v>48</v>
      </c>
      <c r="D55" s="1270"/>
      <c r="E55" s="1271"/>
      <c r="F55" s="119">
        <v>7965</v>
      </c>
      <c r="G55" s="119">
        <v>11352</v>
      </c>
      <c r="H55" s="120">
        <v>31319</v>
      </c>
    </row>
    <row r="56" spans="2:8" ht="52.5" customHeight="1" x14ac:dyDescent="0.2">
      <c r="B56" s="121"/>
      <c r="C56" s="1272" t="s">
        <v>49</v>
      </c>
      <c r="D56" s="1272"/>
      <c r="E56" s="1273"/>
      <c r="F56" s="122" t="s">
        <v>532</v>
      </c>
      <c r="G56" s="122" t="s">
        <v>532</v>
      </c>
      <c r="H56" s="123" t="s">
        <v>532</v>
      </c>
    </row>
    <row r="57" spans="2:8" ht="53.25" customHeight="1" x14ac:dyDescent="0.2">
      <c r="B57" s="121"/>
      <c r="C57" s="1274" t="s">
        <v>50</v>
      </c>
      <c r="D57" s="1274"/>
      <c r="E57" s="1275"/>
      <c r="F57" s="124">
        <v>16740</v>
      </c>
      <c r="G57" s="124">
        <v>17419</v>
      </c>
      <c r="H57" s="125">
        <v>18338</v>
      </c>
    </row>
    <row r="58" spans="2:8" ht="45.75" customHeight="1" x14ac:dyDescent="0.2">
      <c r="B58" s="126"/>
      <c r="C58" s="1262" t="s">
        <v>597</v>
      </c>
      <c r="D58" s="1263"/>
      <c r="E58" s="1264"/>
      <c r="F58" s="127">
        <v>9499</v>
      </c>
      <c r="G58" s="127">
        <v>9501</v>
      </c>
      <c r="H58" s="128">
        <v>9502</v>
      </c>
    </row>
    <row r="59" spans="2:8" ht="45.75" customHeight="1" x14ac:dyDescent="0.2">
      <c r="B59" s="126"/>
      <c r="C59" s="1262" t="s">
        <v>598</v>
      </c>
      <c r="D59" s="1263"/>
      <c r="E59" s="1264"/>
      <c r="F59" s="127">
        <v>2581</v>
      </c>
      <c r="G59" s="127">
        <v>2581</v>
      </c>
      <c r="H59" s="128">
        <v>2581</v>
      </c>
    </row>
    <row r="60" spans="2:8" ht="45.75" customHeight="1" x14ac:dyDescent="0.2">
      <c r="B60" s="126"/>
      <c r="C60" s="1262" t="s">
        <v>599</v>
      </c>
      <c r="D60" s="1263"/>
      <c r="E60" s="1264"/>
      <c r="F60" s="127">
        <v>1688</v>
      </c>
      <c r="G60" s="127">
        <v>1880</v>
      </c>
      <c r="H60" s="128">
        <v>2010</v>
      </c>
    </row>
    <row r="61" spans="2:8" ht="45.75" customHeight="1" x14ac:dyDescent="0.2">
      <c r="B61" s="126"/>
      <c r="C61" s="1262" t="s">
        <v>600</v>
      </c>
      <c r="D61" s="1263"/>
      <c r="E61" s="1264"/>
      <c r="F61" s="127">
        <v>219</v>
      </c>
      <c r="G61" s="127">
        <v>512</v>
      </c>
      <c r="H61" s="128">
        <v>966</v>
      </c>
    </row>
    <row r="62" spans="2:8" ht="45.75" customHeight="1" thickBot="1" x14ac:dyDescent="0.25">
      <c r="B62" s="129"/>
      <c r="C62" s="1265" t="s">
        <v>601</v>
      </c>
      <c r="D62" s="1266"/>
      <c r="E62" s="1267"/>
      <c r="F62" s="130">
        <v>351</v>
      </c>
      <c r="G62" s="130">
        <v>504</v>
      </c>
      <c r="H62" s="131">
        <v>683</v>
      </c>
    </row>
    <row r="63" spans="2:8" ht="52.5" customHeight="1" thickBot="1" x14ac:dyDescent="0.25">
      <c r="B63" s="132"/>
      <c r="C63" s="1268" t="s">
        <v>51</v>
      </c>
      <c r="D63" s="1268"/>
      <c r="E63" s="1269"/>
      <c r="F63" s="133">
        <v>24705</v>
      </c>
      <c r="G63" s="133">
        <v>28772</v>
      </c>
      <c r="H63" s="134">
        <v>49658</v>
      </c>
    </row>
    <row r="64" spans="2:8" ht="13.2" x14ac:dyDescent="0.2"/>
  </sheetData>
  <sheetProtection algorithmName="SHA-512" hashValue="gJuQxu2dQye62GeHB2pY/fKeTRsC/t7A1eJvmYhwsQM09bCFN3wYb5FqYvAJGHM0Hb/XSKNIBO/ZQkIkvUcqxg==" saltValue="fPeXx73ilyBKlMa8f+WQ/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3203125" style="367" customWidth="1"/>
    <col min="2" max="107" width="2.44140625" style="367" customWidth="1"/>
    <col min="108" max="108" width="6.109375" style="369" customWidth="1"/>
    <col min="109" max="109" width="5.88671875" style="368" customWidth="1"/>
    <col min="110" max="16384" width="8.6640625" style="367" hidden="1"/>
  </cols>
  <sheetData>
    <row r="1" spans="1:109" ht="42.75" customHeight="1" x14ac:dyDescent="0.2">
      <c r="A1" s="402"/>
      <c r="B1" s="401"/>
      <c r="DD1" s="367"/>
      <c r="DE1" s="367"/>
    </row>
    <row r="2" spans="1:109" ht="25.5" customHeight="1" x14ac:dyDescent="0.2">
      <c r="A2" s="400"/>
      <c r="C2" s="400"/>
      <c r="O2" s="400"/>
      <c r="P2" s="400"/>
      <c r="Q2" s="400"/>
      <c r="R2" s="400"/>
      <c r="S2" s="400"/>
      <c r="T2" s="400"/>
      <c r="U2" s="400"/>
      <c r="V2" s="400"/>
      <c r="W2" s="400"/>
      <c r="X2" s="400"/>
      <c r="Y2" s="400"/>
      <c r="Z2" s="400"/>
      <c r="AA2" s="400"/>
      <c r="AB2" s="400"/>
      <c r="AC2" s="400"/>
      <c r="AD2" s="400"/>
      <c r="AE2" s="400"/>
      <c r="AF2" s="400"/>
      <c r="AG2" s="400"/>
      <c r="AH2" s="400"/>
      <c r="AI2" s="400"/>
      <c r="AU2" s="400"/>
      <c r="BG2" s="400"/>
      <c r="BS2" s="400"/>
      <c r="CE2" s="400"/>
      <c r="CQ2" s="400"/>
      <c r="DD2" s="367"/>
      <c r="DE2" s="367"/>
    </row>
    <row r="3" spans="1:109" ht="25.5" customHeight="1" x14ac:dyDescent="0.2">
      <c r="A3" s="400"/>
      <c r="C3" s="400"/>
      <c r="O3" s="400"/>
      <c r="P3" s="400"/>
      <c r="Q3" s="400"/>
      <c r="R3" s="400"/>
      <c r="S3" s="400"/>
      <c r="T3" s="400"/>
      <c r="U3" s="400"/>
      <c r="V3" s="400"/>
      <c r="W3" s="400"/>
      <c r="X3" s="400"/>
      <c r="Y3" s="400"/>
      <c r="Z3" s="400"/>
      <c r="AA3" s="400"/>
      <c r="AB3" s="400"/>
      <c r="AC3" s="400"/>
      <c r="AD3" s="400"/>
      <c r="AE3" s="400"/>
      <c r="AF3" s="400"/>
      <c r="AG3" s="400"/>
      <c r="AH3" s="400"/>
      <c r="AI3" s="400"/>
      <c r="AU3" s="400"/>
      <c r="BG3" s="400"/>
      <c r="BS3" s="400"/>
      <c r="CE3" s="400"/>
      <c r="CQ3" s="400"/>
      <c r="DD3" s="367"/>
      <c r="DE3" s="367"/>
    </row>
    <row r="4" spans="1:109" s="262" customFormat="1" ht="13.2" x14ac:dyDescent="0.2">
      <c r="A4" s="400"/>
      <c r="B4" s="400"/>
      <c r="C4" s="400"/>
      <c r="D4" s="400"/>
      <c r="E4" s="400"/>
      <c r="F4" s="400"/>
      <c r="G4" s="400"/>
      <c r="H4" s="400"/>
      <c r="I4" s="400"/>
      <c r="J4" s="400"/>
      <c r="K4" s="400"/>
      <c r="L4" s="400"/>
      <c r="M4" s="400"/>
      <c r="N4" s="400"/>
      <c r="O4" s="400"/>
      <c r="P4" s="400"/>
      <c r="Q4" s="400"/>
      <c r="R4" s="400"/>
      <c r="S4" s="400"/>
      <c r="T4" s="400"/>
      <c r="U4" s="400"/>
      <c r="V4" s="400"/>
      <c r="W4" s="400"/>
      <c r="X4" s="400"/>
      <c r="Y4" s="400"/>
      <c r="Z4" s="400"/>
      <c r="AA4" s="400"/>
      <c r="AB4" s="400"/>
      <c r="AC4" s="400"/>
      <c r="AD4" s="400"/>
      <c r="AE4" s="400"/>
      <c r="AF4" s="400"/>
      <c r="AG4" s="400"/>
      <c r="AH4" s="400"/>
      <c r="AI4" s="400"/>
      <c r="AJ4" s="400"/>
      <c r="AK4" s="400"/>
      <c r="AL4" s="400"/>
      <c r="AM4" s="400"/>
      <c r="AN4" s="400"/>
      <c r="AO4" s="400"/>
      <c r="AP4" s="400"/>
      <c r="AQ4" s="400"/>
      <c r="AR4" s="400"/>
      <c r="AS4" s="400"/>
      <c r="AT4" s="400"/>
      <c r="AU4" s="400"/>
      <c r="AV4" s="400"/>
      <c r="AW4" s="400"/>
      <c r="AX4" s="400"/>
      <c r="AY4" s="400"/>
      <c r="AZ4" s="400"/>
      <c r="BA4" s="400"/>
      <c r="BB4" s="400"/>
      <c r="BC4" s="400"/>
      <c r="BD4" s="400"/>
      <c r="BE4" s="400"/>
      <c r="BF4" s="400"/>
      <c r="BG4" s="400"/>
      <c r="BH4" s="400"/>
      <c r="BI4" s="400"/>
      <c r="BJ4" s="400"/>
      <c r="BK4" s="400"/>
      <c r="BL4" s="400"/>
      <c r="BM4" s="400"/>
      <c r="BN4" s="400"/>
      <c r="BO4" s="400"/>
      <c r="BP4" s="400"/>
      <c r="BQ4" s="400"/>
      <c r="BR4" s="400"/>
      <c r="BS4" s="400"/>
      <c r="BT4" s="400"/>
      <c r="BU4" s="400"/>
      <c r="BV4" s="400"/>
      <c r="BW4" s="400"/>
      <c r="BX4" s="400"/>
      <c r="BY4" s="400"/>
      <c r="BZ4" s="400"/>
      <c r="CA4" s="400"/>
      <c r="CB4" s="400"/>
      <c r="CC4" s="400"/>
      <c r="CD4" s="400"/>
      <c r="CE4" s="400"/>
      <c r="CF4" s="400"/>
      <c r="CG4" s="400"/>
      <c r="CH4" s="400"/>
      <c r="CI4" s="400"/>
      <c r="CJ4" s="400"/>
      <c r="CK4" s="400"/>
      <c r="CL4" s="400"/>
      <c r="CM4" s="400"/>
      <c r="CN4" s="400"/>
      <c r="CO4" s="400"/>
      <c r="CP4" s="400"/>
      <c r="CQ4" s="400"/>
      <c r="CR4" s="400"/>
      <c r="CS4" s="400"/>
      <c r="CT4" s="400"/>
      <c r="CU4" s="400"/>
      <c r="CV4" s="400"/>
      <c r="CW4" s="400"/>
      <c r="CX4" s="400"/>
      <c r="CY4" s="400"/>
      <c r="CZ4" s="400"/>
      <c r="DA4" s="400"/>
      <c r="DB4" s="400"/>
      <c r="DC4" s="400"/>
      <c r="DD4" s="400"/>
      <c r="DE4" s="400"/>
    </row>
    <row r="5" spans="1:109" s="262" customFormat="1" ht="13.2" x14ac:dyDescent="0.2">
      <c r="A5" s="400"/>
      <c r="B5" s="400"/>
      <c r="C5" s="400"/>
      <c r="D5" s="400"/>
      <c r="E5" s="400"/>
      <c r="F5" s="400"/>
      <c r="G5" s="400"/>
      <c r="H5" s="400"/>
      <c r="I5" s="400"/>
      <c r="J5" s="400"/>
      <c r="K5" s="400"/>
      <c r="L5" s="400"/>
      <c r="M5" s="400"/>
      <c r="N5" s="400"/>
      <c r="O5" s="400"/>
      <c r="P5" s="400"/>
      <c r="Q5" s="400"/>
      <c r="R5" s="400"/>
      <c r="S5" s="400"/>
      <c r="T5" s="400"/>
      <c r="U5" s="400"/>
      <c r="V5" s="400"/>
      <c r="W5" s="400"/>
      <c r="X5" s="400"/>
      <c r="Y5" s="400"/>
      <c r="Z5" s="400"/>
      <c r="AA5" s="400"/>
      <c r="AB5" s="400"/>
      <c r="AC5" s="400"/>
      <c r="AD5" s="400"/>
      <c r="AE5" s="400"/>
      <c r="AF5" s="400"/>
      <c r="AG5" s="400"/>
      <c r="AH5" s="400"/>
      <c r="AI5" s="400"/>
      <c r="AJ5" s="400"/>
      <c r="AK5" s="400"/>
      <c r="AL5" s="400"/>
      <c r="AM5" s="400"/>
      <c r="AN5" s="400"/>
      <c r="AO5" s="400"/>
      <c r="AP5" s="400"/>
      <c r="AQ5" s="400"/>
      <c r="AR5" s="400"/>
      <c r="AS5" s="400"/>
      <c r="AT5" s="400"/>
      <c r="AU5" s="400"/>
      <c r="AV5" s="400"/>
      <c r="AW5" s="400"/>
      <c r="AX5" s="400"/>
      <c r="AY5" s="400"/>
      <c r="AZ5" s="400"/>
      <c r="BA5" s="400"/>
      <c r="BB5" s="400"/>
      <c r="BC5" s="400"/>
      <c r="BD5" s="400"/>
      <c r="BE5" s="400"/>
      <c r="BF5" s="400"/>
      <c r="BG5" s="400"/>
      <c r="BH5" s="400"/>
      <c r="BI5" s="400"/>
      <c r="BJ5" s="400"/>
      <c r="BK5" s="400"/>
      <c r="BL5" s="400"/>
      <c r="BM5" s="400"/>
      <c r="BN5" s="400"/>
      <c r="BO5" s="400"/>
      <c r="BP5" s="400"/>
      <c r="BQ5" s="400"/>
      <c r="BR5" s="400"/>
      <c r="BS5" s="400"/>
      <c r="BT5" s="400"/>
      <c r="BU5" s="400"/>
      <c r="BV5" s="400"/>
      <c r="BW5" s="400"/>
      <c r="BX5" s="400"/>
      <c r="BY5" s="400"/>
      <c r="BZ5" s="400"/>
      <c r="CA5" s="400"/>
      <c r="CB5" s="400"/>
      <c r="CC5" s="400"/>
      <c r="CD5" s="400"/>
      <c r="CE5" s="400"/>
      <c r="CF5" s="400"/>
      <c r="CG5" s="400"/>
      <c r="CH5" s="400"/>
      <c r="CI5" s="400"/>
      <c r="CJ5" s="400"/>
      <c r="CK5" s="400"/>
      <c r="CL5" s="400"/>
      <c r="CM5" s="400"/>
      <c r="CN5" s="400"/>
      <c r="CO5" s="400"/>
      <c r="CP5" s="400"/>
      <c r="CQ5" s="400"/>
      <c r="CR5" s="400"/>
      <c r="CS5" s="400"/>
      <c r="CT5" s="400"/>
      <c r="CU5" s="400"/>
      <c r="CV5" s="400"/>
      <c r="CW5" s="400"/>
      <c r="CX5" s="400"/>
      <c r="CY5" s="400"/>
      <c r="CZ5" s="400"/>
      <c r="DA5" s="400"/>
      <c r="DB5" s="400"/>
      <c r="DC5" s="400"/>
      <c r="DD5" s="400"/>
      <c r="DE5" s="400"/>
    </row>
    <row r="6" spans="1:109" s="262" customFormat="1" ht="13.2" x14ac:dyDescent="0.2">
      <c r="A6" s="400"/>
      <c r="B6" s="400"/>
      <c r="C6" s="400"/>
      <c r="D6" s="400"/>
      <c r="E6" s="400"/>
      <c r="F6" s="400"/>
      <c r="G6" s="400"/>
      <c r="H6" s="400"/>
      <c r="I6" s="400"/>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0"/>
      <c r="AM6" s="400"/>
      <c r="AN6" s="400"/>
      <c r="AO6" s="400"/>
      <c r="AP6" s="400"/>
      <c r="AQ6" s="400"/>
      <c r="AR6" s="400"/>
      <c r="AS6" s="400"/>
      <c r="AT6" s="400"/>
      <c r="AU6" s="400"/>
      <c r="AV6" s="400"/>
      <c r="AW6" s="400"/>
      <c r="AX6" s="400"/>
      <c r="AY6" s="400"/>
      <c r="AZ6" s="400"/>
      <c r="BA6" s="400"/>
      <c r="BB6" s="400"/>
      <c r="BC6" s="400"/>
      <c r="BD6" s="400"/>
      <c r="BE6" s="400"/>
      <c r="BF6" s="400"/>
      <c r="BG6" s="400"/>
      <c r="BH6" s="400"/>
      <c r="BI6" s="400"/>
      <c r="BJ6" s="400"/>
      <c r="BK6" s="400"/>
      <c r="BL6" s="400"/>
      <c r="BM6" s="400"/>
      <c r="BN6" s="400"/>
      <c r="BO6" s="400"/>
      <c r="BP6" s="400"/>
      <c r="BQ6" s="400"/>
      <c r="BR6" s="400"/>
      <c r="BS6" s="400"/>
      <c r="BT6" s="400"/>
      <c r="BU6" s="400"/>
      <c r="BV6" s="400"/>
      <c r="BW6" s="400"/>
      <c r="BX6" s="400"/>
      <c r="BY6" s="400"/>
      <c r="BZ6" s="400"/>
      <c r="CA6" s="400"/>
      <c r="CB6" s="400"/>
      <c r="CC6" s="400"/>
      <c r="CD6" s="400"/>
      <c r="CE6" s="400"/>
      <c r="CF6" s="400"/>
      <c r="CG6" s="400"/>
      <c r="CH6" s="400"/>
      <c r="CI6" s="400"/>
      <c r="CJ6" s="400"/>
      <c r="CK6" s="400"/>
      <c r="CL6" s="400"/>
      <c r="CM6" s="400"/>
      <c r="CN6" s="400"/>
      <c r="CO6" s="400"/>
      <c r="CP6" s="400"/>
      <c r="CQ6" s="400"/>
      <c r="CR6" s="400"/>
      <c r="CS6" s="400"/>
      <c r="CT6" s="400"/>
      <c r="CU6" s="400"/>
      <c r="CV6" s="400"/>
      <c r="CW6" s="400"/>
      <c r="CX6" s="400"/>
      <c r="CY6" s="400"/>
      <c r="CZ6" s="400"/>
      <c r="DA6" s="400"/>
      <c r="DB6" s="400"/>
      <c r="DC6" s="400"/>
      <c r="DD6" s="400"/>
      <c r="DE6" s="400"/>
    </row>
    <row r="7" spans="1:109" s="262" customFormat="1" ht="13.2" x14ac:dyDescent="0.2">
      <c r="A7" s="400"/>
      <c r="B7" s="400"/>
      <c r="C7" s="400"/>
      <c r="D7" s="400"/>
      <c r="E7" s="400"/>
      <c r="F7" s="400"/>
      <c r="G7" s="400"/>
      <c r="H7" s="400"/>
      <c r="I7" s="400"/>
      <c r="J7" s="400"/>
      <c r="K7" s="400"/>
      <c r="L7" s="400"/>
      <c r="M7" s="400"/>
      <c r="N7" s="400"/>
      <c r="O7" s="400"/>
      <c r="P7" s="400"/>
      <c r="Q7" s="400"/>
      <c r="R7" s="400"/>
      <c r="S7" s="400"/>
      <c r="T7" s="400"/>
      <c r="U7" s="400"/>
      <c r="V7" s="400"/>
      <c r="W7" s="400"/>
      <c r="X7" s="400"/>
      <c r="Y7" s="400"/>
      <c r="Z7" s="400"/>
      <c r="AA7" s="400"/>
      <c r="AB7" s="400"/>
      <c r="AC7" s="400"/>
      <c r="AD7" s="400"/>
      <c r="AE7" s="400"/>
      <c r="AF7" s="400"/>
      <c r="AG7" s="400"/>
      <c r="AH7" s="400"/>
      <c r="AI7" s="400"/>
      <c r="AJ7" s="400"/>
      <c r="AK7" s="400"/>
      <c r="AL7" s="400"/>
      <c r="AM7" s="400"/>
      <c r="AN7" s="400"/>
      <c r="AO7" s="400"/>
      <c r="AP7" s="400"/>
      <c r="AQ7" s="400"/>
      <c r="AR7" s="400"/>
      <c r="AS7" s="400"/>
      <c r="AT7" s="400"/>
      <c r="AU7" s="400"/>
      <c r="AV7" s="400"/>
      <c r="AW7" s="400"/>
      <c r="AX7" s="400"/>
      <c r="AY7" s="400"/>
      <c r="AZ7" s="400"/>
      <c r="BA7" s="400"/>
      <c r="BB7" s="400"/>
      <c r="BC7" s="400"/>
      <c r="BD7" s="400"/>
      <c r="BE7" s="400"/>
      <c r="BF7" s="400"/>
      <c r="BG7" s="400"/>
      <c r="BH7" s="400"/>
      <c r="BI7" s="400"/>
      <c r="BJ7" s="400"/>
      <c r="BK7" s="400"/>
      <c r="BL7" s="400"/>
      <c r="BM7" s="400"/>
      <c r="BN7" s="400"/>
      <c r="BO7" s="400"/>
      <c r="BP7" s="400"/>
      <c r="BQ7" s="400"/>
      <c r="BR7" s="400"/>
      <c r="BS7" s="400"/>
      <c r="BT7" s="400"/>
      <c r="BU7" s="400"/>
      <c r="BV7" s="400"/>
      <c r="BW7" s="400"/>
      <c r="BX7" s="400"/>
      <c r="BY7" s="400"/>
      <c r="BZ7" s="400"/>
      <c r="CA7" s="400"/>
      <c r="CB7" s="400"/>
      <c r="CC7" s="400"/>
      <c r="CD7" s="400"/>
      <c r="CE7" s="400"/>
      <c r="CF7" s="400"/>
      <c r="CG7" s="400"/>
      <c r="CH7" s="400"/>
      <c r="CI7" s="400"/>
      <c r="CJ7" s="400"/>
      <c r="CK7" s="400"/>
      <c r="CL7" s="400"/>
      <c r="CM7" s="400"/>
      <c r="CN7" s="400"/>
      <c r="CO7" s="400"/>
      <c r="CP7" s="400"/>
      <c r="CQ7" s="400"/>
      <c r="CR7" s="400"/>
      <c r="CS7" s="400"/>
      <c r="CT7" s="400"/>
      <c r="CU7" s="400"/>
      <c r="CV7" s="400"/>
      <c r="CW7" s="400"/>
      <c r="CX7" s="400"/>
      <c r="CY7" s="400"/>
      <c r="CZ7" s="400"/>
      <c r="DA7" s="400"/>
      <c r="DB7" s="400"/>
      <c r="DC7" s="400"/>
      <c r="DD7" s="400"/>
      <c r="DE7" s="400"/>
    </row>
    <row r="8" spans="1:109" s="262" customFormat="1" ht="13.2" x14ac:dyDescent="0.2">
      <c r="A8" s="400"/>
      <c r="B8" s="400"/>
      <c r="C8" s="400"/>
      <c r="D8" s="400"/>
      <c r="E8" s="400"/>
      <c r="F8" s="400"/>
      <c r="G8" s="400"/>
      <c r="H8" s="400"/>
      <c r="I8" s="400"/>
      <c r="J8" s="400"/>
      <c r="K8" s="400"/>
      <c r="L8" s="400"/>
      <c r="M8" s="400"/>
      <c r="N8" s="400"/>
      <c r="O8" s="400"/>
      <c r="P8" s="400"/>
      <c r="Q8" s="400"/>
      <c r="R8" s="400"/>
      <c r="S8" s="400"/>
      <c r="T8" s="400"/>
      <c r="U8" s="400"/>
      <c r="V8" s="400"/>
      <c r="W8" s="400"/>
      <c r="X8" s="400"/>
      <c r="Y8" s="400"/>
      <c r="Z8" s="400"/>
      <c r="AA8" s="400"/>
      <c r="AB8" s="400"/>
      <c r="AC8" s="400"/>
      <c r="AD8" s="400"/>
      <c r="AE8" s="400"/>
      <c r="AF8" s="400"/>
      <c r="AG8" s="400"/>
      <c r="AH8" s="400"/>
      <c r="AI8" s="400"/>
      <c r="AJ8" s="400"/>
      <c r="AK8" s="400"/>
      <c r="AL8" s="400"/>
      <c r="AM8" s="400"/>
      <c r="AN8" s="400"/>
      <c r="AO8" s="400"/>
      <c r="AP8" s="400"/>
      <c r="AQ8" s="400"/>
      <c r="AR8" s="400"/>
      <c r="AS8" s="400"/>
      <c r="AT8" s="400"/>
      <c r="AU8" s="400"/>
      <c r="AV8" s="400"/>
      <c r="AW8" s="400"/>
      <c r="AX8" s="400"/>
      <c r="AY8" s="400"/>
      <c r="AZ8" s="400"/>
      <c r="BA8" s="400"/>
      <c r="BB8" s="400"/>
      <c r="BC8" s="400"/>
      <c r="BD8" s="400"/>
      <c r="BE8" s="400"/>
      <c r="BF8" s="400"/>
      <c r="BG8" s="400"/>
      <c r="BH8" s="400"/>
      <c r="BI8" s="400"/>
      <c r="BJ8" s="400"/>
      <c r="BK8" s="400"/>
      <c r="BL8" s="400"/>
      <c r="BM8" s="400"/>
      <c r="BN8" s="400"/>
      <c r="BO8" s="400"/>
      <c r="BP8" s="400"/>
      <c r="BQ8" s="400"/>
      <c r="BR8" s="400"/>
      <c r="BS8" s="400"/>
      <c r="BT8" s="400"/>
      <c r="BU8" s="400"/>
      <c r="BV8" s="400"/>
      <c r="BW8" s="400"/>
      <c r="BX8" s="400"/>
      <c r="BY8" s="400"/>
      <c r="BZ8" s="400"/>
      <c r="CA8" s="400"/>
      <c r="CB8" s="400"/>
      <c r="CC8" s="400"/>
      <c r="CD8" s="400"/>
      <c r="CE8" s="400"/>
      <c r="CF8" s="400"/>
      <c r="CG8" s="400"/>
      <c r="CH8" s="400"/>
      <c r="CI8" s="400"/>
      <c r="CJ8" s="400"/>
      <c r="CK8" s="400"/>
      <c r="CL8" s="400"/>
      <c r="CM8" s="400"/>
      <c r="CN8" s="400"/>
      <c r="CO8" s="400"/>
      <c r="CP8" s="400"/>
      <c r="CQ8" s="400"/>
      <c r="CR8" s="400"/>
      <c r="CS8" s="400"/>
      <c r="CT8" s="400"/>
      <c r="CU8" s="400"/>
      <c r="CV8" s="400"/>
      <c r="CW8" s="400"/>
      <c r="CX8" s="400"/>
      <c r="CY8" s="400"/>
      <c r="CZ8" s="400"/>
      <c r="DA8" s="400"/>
      <c r="DB8" s="400"/>
      <c r="DC8" s="400"/>
      <c r="DD8" s="400"/>
      <c r="DE8" s="400"/>
    </row>
    <row r="9" spans="1:109" s="262" customFormat="1" ht="13.2" x14ac:dyDescent="0.2">
      <c r="A9" s="400"/>
      <c r="B9" s="400"/>
      <c r="C9" s="400"/>
      <c r="D9" s="400"/>
      <c r="E9" s="400"/>
      <c r="F9" s="400"/>
      <c r="G9" s="400"/>
      <c r="H9" s="400"/>
      <c r="I9" s="400"/>
      <c r="J9" s="400"/>
      <c r="K9" s="400"/>
      <c r="L9" s="400"/>
      <c r="M9" s="400"/>
      <c r="N9" s="400"/>
      <c r="O9" s="400"/>
      <c r="P9" s="400"/>
      <c r="Q9" s="400"/>
      <c r="R9" s="400"/>
      <c r="S9" s="400"/>
      <c r="T9" s="400"/>
      <c r="U9" s="400"/>
      <c r="V9" s="400"/>
      <c r="W9" s="400"/>
      <c r="X9" s="400"/>
      <c r="Y9" s="400"/>
      <c r="Z9" s="400"/>
      <c r="AA9" s="400"/>
      <c r="AB9" s="400"/>
      <c r="AC9" s="400"/>
      <c r="AD9" s="400"/>
      <c r="AE9" s="400"/>
      <c r="AF9" s="400"/>
      <c r="AG9" s="400"/>
      <c r="AH9" s="400"/>
      <c r="AI9" s="400"/>
      <c r="AJ9" s="400"/>
      <c r="AK9" s="400"/>
      <c r="AL9" s="400"/>
      <c r="AM9" s="400"/>
      <c r="AN9" s="400"/>
      <c r="AO9" s="400"/>
      <c r="AP9" s="400"/>
      <c r="AQ9" s="400"/>
      <c r="AR9" s="400"/>
      <c r="AS9" s="400"/>
      <c r="AT9" s="400"/>
      <c r="AU9" s="400"/>
      <c r="AV9" s="400"/>
      <c r="AW9" s="400"/>
      <c r="AX9" s="400"/>
      <c r="AY9" s="400"/>
      <c r="AZ9" s="400"/>
      <c r="BA9" s="400"/>
      <c r="BB9" s="400"/>
      <c r="BC9" s="400"/>
      <c r="BD9" s="400"/>
      <c r="BE9" s="400"/>
      <c r="BF9" s="400"/>
      <c r="BG9" s="400"/>
      <c r="BH9" s="400"/>
      <c r="BI9" s="400"/>
      <c r="BJ9" s="400"/>
      <c r="BK9" s="400"/>
      <c r="BL9" s="400"/>
      <c r="BM9" s="400"/>
      <c r="BN9" s="400"/>
      <c r="BO9" s="400"/>
      <c r="BP9" s="400"/>
      <c r="BQ9" s="400"/>
      <c r="BR9" s="400"/>
      <c r="BS9" s="400"/>
      <c r="BT9" s="400"/>
      <c r="BU9" s="400"/>
      <c r="BV9" s="400"/>
      <c r="BW9" s="400"/>
      <c r="BX9" s="400"/>
      <c r="BY9" s="400"/>
      <c r="BZ9" s="400"/>
      <c r="CA9" s="400"/>
      <c r="CB9" s="400"/>
      <c r="CC9" s="400"/>
      <c r="CD9" s="400"/>
      <c r="CE9" s="400"/>
      <c r="CF9" s="400"/>
      <c r="CG9" s="400"/>
      <c r="CH9" s="400"/>
      <c r="CI9" s="400"/>
      <c r="CJ9" s="400"/>
      <c r="CK9" s="400"/>
      <c r="CL9" s="400"/>
      <c r="CM9" s="400"/>
      <c r="CN9" s="400"/>
      <c r="CO9" s="400"/>
      <c r="CP9" s="400"/>
      <c r="CQ9" s="400"/>
      <c r="CR9" s="400"/>
      <c r="CS9" s="400"/>
      <c r="CT9" s="400"/>
      <c r="CU9" s="400"/>
      <c r="CV9" s="400"/>
      <c r="CW9" s="400"/>
      <c r="CX9" s="400"/>
      <c r="CY9" s="400"/>
      <c r="CZ9" s="400"/>
      <c r="DA9" s="400"/>
      <c r="DB9" s="400"/>
      <c r="DC9" s="400"/>
      <c r="DD9" s="400"/>
      <c r="DE9" s="400"/>
    </row>
    <row r="10" spans="1:109" s="262" customFormat="1" ht="13.2" x14ac:dyDescent="0.2">
      <c r="A10" s="400"/>
      <c r="B10" s="400"/>
      <c r="C10" s="400"/>
      <c r="D10" s="400"/>
      <c r="E10" s="400"/>
      <c r="F10" s="400"/>
      <c r="G10" s="400"/>
      <c r="H10" s="400"/>
      <c r="I10" s="400"/>
      <c r="J10" s="400"/>
      <c r="K10" s="400"/>
      <c r="L10" s="400"/>
      <c r="M10" s="400"/>
      <c r="N10" s="400"/>
      <c r="O10" s="400"/>
      <c r="P10" s="400"/>
      <c r="Q10" s="400"/>
      <c r="R10" s="400"/>
      <c r="S10" s="400"/>
      <c r="T10" s="400"/>
      <c r="U10" s="400"/>
      <c r="V10" s="400"/>
      <c r="W10" s="400"/>
      <c r="X10" s="400"/>
      <c r="Y10" s="400"/>
      <c r="Z10" s="400"/>
      <c r="AA10" s="400"/>
      <c r="AB10" s="400"/>
      <c r="AC10" s="400"/>
      <c r="AD10" s="400"/>
      <c r="AE10" s="400"/>
      <c r="AF10" s="400"/>
      <c r="AG10" s="400"/>
      <c r="AH10" s="400"/>
      <c r="AI10" s="400"/>
      <c r="AJ10" s="400"/>
      <c r="AK10" s="400"/>
      <c r="AL10" s="400"/>
      <c r="AM10" s="400"/>
      <c r="AN10" s="400"/>
      <c r="AO10" s="400"/>
      <c r="AP10" s="400"/>
      <c r="AQ10" s="400"/>
      <c r="AR10" s="400"/>
      <c r="AS10" s="400"/>
      <c r="AT10" s="400"/>
      <c r="AU10" s="400"/>
      <c r="AV10" s="400"/>
      <c r="AW10" s="400"/>
      <c r="AX10" s="400"/>
      <c r="AY10" s="400"/>
      <c r="AZ10" s="400"/>
      <c r="BA10" s="400"/>
      <c r="BB10" s="400"/>
      <c r="BC10" s="400"/>
      <c r="BD10" s="400"/>
      <c r="BE10" s="400"/>
      <c r="BF10" s="400"/>
      <c r="BG10" s="400"/>
      <c r="BH10" s="400"/>
      <c r="BI10" s="400"/>
      <c r="BJ10" s="400"/>
      <c r="BK10" s="400"/>
      <c r="BL10" s="400"/>
      <c r="BM10" s="400"/>
      <c r="BN10" s="400"/>
      <c r="BO10" s="400"/>
      <c r="BP10" s="400"/>
      <c r="BQ10" s="400"/>
      <c r="BR10" s="400"/>
      <c r="BS10" s="400"/>
      <c r="BT10" s="400"/>
      <c r="BU10" s="400"/>
      <c r="BV10" s="400"/>
      <c r="BW10" s="400"/>
      <c r="BX10" s="400"/>
      <c r="BY10" s="400"/>
      <c r="BZ10" s="400"/>
      <c r="CA10" s="400"/>
      <c r="CB10" s="400"/>
      <c r="CC10" s="400"/>
      <c r="CD10" s="400"/>
      <c r="CE10" s="400"/>
      <c r="CF10" s="400"/>
      <c r="CG10" s="400"/>
      <c r="CH10" s="400"/>
      <c r="CI10" s="400"/>
      <c r="CJ10" s="400"/>
      <c r="CK10" s="400"/>
      <c r="CL10" s="400"/>
      <c r="CM10" s="400"/>
      <c r="CN10" s="400"/>
      <c r="CO10" s="400"/>
      <c r="CP10" s="400"/>
      <c r="CQ10" s="400"/>
      <c r="CR10" s="400"/>
      <c r="CS10" s="400"/>
      <c r="CT10" s="400"/>
      <c r="CU10" s="400"/>
      <c r="CV10" s="400"/>
      <c r="CW10" s="400"/>
      <c r="CX10" s="400"/>
      <c r="CY10" s="400"/>
      <c r="CZ10" s="400"/>
      <c r="DA10" s="400"/>
      <c r="DB10" s="400"/>
      <c r="DC10" s="400"/>
      <c r="DD10" s="400"/>
      <c r="DE10" s="400"/>
    </row>
    <row r="11" spans="1:109" s="262" customFormat="1" ht="13.2" x14ac:dyDescent="0.2">
      <c r="A11" s="400"/>
      <c r="B11" s="400"/>
      <c r="C11" s="400"/>
      <c r="D11" s="400"/>
      <c r="E11" s="400"/>
      <c r="F11" s="400"/>
      <c r="G11" s="400"/>
      <c r="H11" s="400"/>
      <c r="I11" s="400"/>
      <c r="J11" s="400"/>
      <c r="K11" s="400"/>
      <c r="L11" s="400"/>
      <c r="M11" s="400"/>
      <c r="N11" s="400"/>
      <c r="O11" s="400"/>
      <c r="P11" s="400"/>
      <c r="Q11" s="400"/>
      <c r="R11" s="400"/>
      <c r="S11" s="400"/>
      <c r="T11" s="400"/>
      <c r="U11" s="400"/>
      <c r="V11" s="400"/>
      <c r="W11" s="400"/>
      <c r="X11" s="400"/>
      <c r="Y11" s="400"/>
      <c r="Z11" s="400"/>
      <c r="AA11" s="400"/>
      <c r="AB11" s="400"/>
      <c r="AC11" s="400"/>
      <c r="AD11" s="400"/>
      <c r="AE11" s="400"/>
      <c r="AF11" s="400"/>
      <c r="AG11" s="400"/>
      <c r="AH11" s="400"/>
      <c r="AI11" s="400"/>
      <c r="AJ11" s="400"/>
      <c r="AK11" s="400"/>
      <c r="AL11" s="400"/>
      <c r="AM11" s="400"/>
      <c r="AN11" s="400"/>
      <c r="AO11" s="400"/>
      <c r="AP11" s="400"/>
      <c r="AQ11" s="400"/>
      <c r="AR11" s="400"/>
      <c r="AS11" s="400"/>
      <c r="AT11" s="400"/>
      <c r="AU11" s="400"/>
      <c r="AV11" s="400"/>
      <c r="AW11" s="400"/>
      <c r="AX11" s="400"/>
      <c r="AY11" s="400"/>
      <c r="AZ11" s="400"/>
      <c r="BA11" s="400"/>
      <c r="BB11" s="400"/>
      <c r="BC11" s="400"/>
      <c r="BD11" s="400"/>
      <c r="BE11" s="400"/>
      <c r="BF11" s="400"/>
      <c r="BG11" s="400"/>
      <c r="BH11" s="400"/>
      <c r="BI11" s="400"/>
      <c r="BJ11" s="400"/>
      <c r="BK11" s="400"/>
      <c r="BL11" s="400"/>
      <c r="BM11" s="400"/>
      <c r="BN11" s="400"/>
      <c r="BO11" s="400"/>
      <c r="BP11" s="400"/>
      <c r="BQ11" s="400"/>
      <c r="BR11" s="400"/>
      <c r="BS11" s="400"/>
      <c r="BT11" s="400"/>
      <c r="BU11" s="400"/>
      <c r="BV11" s="400"/>
      <c r="BW11" s="400"/>
      <c r="BX11" s="400"/>
      <c r="BY11" s="400"/>
      <c r="BZ11" s="400"/>
      <c r="CA11" s="400"/>
      <c r="CB11" s="400"/>
      <c r="CC11" s="400"/>
      <c r="CD11" s="400"/>
      <c r="CE11" s="400"/>
      <c r="CF11" s="400"/>
      <c r="CG11" s="400"/>
      <c r="CH11" s="400"/>
      <c r="CI11" s="400"/>
      <c r="CJ11" s="400"/>
      <c r="CK11" s="400"/>
      <c r="CL11" s="400"/>
      <c r="CM11" s="400"/>
      <c r="CN11" s="400"/>
      <c r="CO11" s="400"/>
      <c r="CP11" s="400"/>
      <c r="CQ11" s="400"/>
      <c r="CR11" s="400"/>
      <c r="CS11" s="400"/>
      <c r="CT11" s="400"/>
      <c r="CU11" s="400"/>
      <c r="CV11" s="400"/>
      <c r="CW11" s="400"/>
      <c r="CX11" s="400"/>
      <c r="CY11" s="400"/>
      <c r="CZ11" s="400"/>
      <c r="DA11" s="400"/>
      <c r="DB11" s="400"/>
      <c r="DC11" s="400"/>
      <c r="DD11" s="400"/>
      <c r="DE11" s="400"/>
    </row>
    <row r="12" spans="1:109" s="262" customFormat="1" ht="13.2" x14ac:dyDescent="0.2">
      <c r="A12" s="400"/>
      <c r="B12" s="400"/>
      <c r="C12" s="400"/>
      <c r="D12" s="400"/>
      <c r="E12" s="400"/>
      <c r="F12" s="400"/>
      <c r="G12" s="400"/>
      <c r="H12" s="400"/>
      <c r="I12" s="400"/>
      <c r="J12" s="400"/>
      <c r="K12" s="400"/>
      <c r="L12" s="400"/>
      <c r="M12" s="400"/>
      <c r="N12" s="400"/>
      <c r="O12" s="400"/>
      <c r="P12" s="400"/>
      <c r="Q12" s="400"/>
      <c r="R12" s="400"/>
      <c r="S12" s="400"/>
      <c r="T12" s="400"/>
      <c r="U12" s="400"/>
      <c r="V12" s="400"/>
      <c r="W12" s="400"/>
      <c r="X12" s="400"/>
      <c r="Y12" s="400"/>
      <c r="Z12" s="400"/>
      <c r="AA12" s="400"/>
      <c r="AB12" s="400"/>
      <c r="AC12" s="400"/>
      <c r="AD12" s="400"/>
      <c r="AE12" s="400"/>
      <c r="AF12" s="400"/>
      <c r="AG12" s="400"/>
      <c r="AH12" s="400"/>
      <c r="AI12" s="400"/>
      <c r="AJ12" s="400"/>
      <c r="AK12" s="400"/>
      <c r="AL12" s="400"/>
      <c r="AM12" s="400"/>
      <c r="AN12" s="400"/>
      <c r="AO12" s="400"/>
      <c r="AP12" s="400"/>
      <c r="AQ12" s="400"/>
      <c r="AR12" s="400"/>
      <c r="AS12" s="400"/>
      <c r="AT12" s="400"/>
      <c r="AU12" s="400"/>
      <c r="AV12" s="400"/>
      <c r="AW12" s="400"/>
      <c r="AX12" s="400"/>
      <c r="AY12" s="400"/>
      <c r="AZ12" s="400"/>
      <c r="BA12" s="400"/>
      <c r="BB12" s="400"/>
      <c r="BC12" s="400"/>
      <c r="BD12" s="400"/>
      <c r="BE12" s="400"/>
      <c r="BF12" s="400"/>
      <c r="BG12" s="400"/>
      <c r="BH12" s="400"/>
      <c r="BI12" s="400"/>
      <c r="BJ12" s="400"/>
      <c r="BK12" s="400"/>
      <c r="BL12" s="400"/>
      <c r="BM12" s="400"/>
      <c r="BN12" s="400"/>
      <c r="BO12" s="400"/>
      <c r="BP12" s="400"/>
      <c r="BQ12" s="400"/>
      <c r="BR12" s="400"/>
      <c r="BS12" s="400"/>
      <c r="BT12" s="400"/>
      <c r="BU12" s="400"/>
      <c r="BV12" s="400"/>
      <c r="BW12" s="400"/>
      <c r="BX12" s="400"/>
      <c r="BY12" s="400"/>
      <c r="BZ12" s="400"/>
      <c r="CA12" s="400"/>
      <c r="CB12" s="400"/>
      <c r="CC12" s="400"/>
      <c r="CD12" s="400"/>
      <c r="CE12" s="400"/>
      <c r="CF12" s="400"/>
      <c r="CG12" s="400"/>
      <c r="CH12" s="400"/>
      <c r="CI12" s="400"/>
      <c r="CJ12" s="400"/>
      <c r="CK12" s="400"/>
      <c r="CL12" s="400"/>
      <c r="CM12" s="400"/>
      <c r="CN12" s="400"/>
      <c r="CO12" s="400"/>
      <c r="CP12" s="400"/>
      <c r="CQ12" s="400"/>
      <c r="CR12" s="400"/>
      <c r="CS12" s="400"/>
      <c r="CT12" s="400"/>
      <c r="CU12" s="400"/>
      <c r="CV12" s="400"/>
      <c r="CW12" s="400"/>
      <c r="CX12" s="400"/>
      <c r="CY12" s="400"/>
      <c r="CZ12" s="400"/>
      <c r="DA12" s="400"/>
      <c r="DB12" s="400"/>
      <c r="DC12" s="400"/>
      <c r="DD12" s="400"/>
      <c r="DE12" s="400"/>
    </row>
    <row r="13" spans="1:109" s="262" customFormat="1" ht="13.2" x14ac:dyDescent="0.2">
      <c r="A13" s="400"/>
      <c r="B13" s="400"/>
      <c r="C13" s="400"/>
      <c r="D13" s="400"/>
      <c r="E13" s="400"/>
      <c r="F13" s="400"/>
      <c r="G13" s="400"/>
      <c r="H13" s="400"/>
      <c r="I13" s="400"/>
      <c r="J13" s="400"/>
      <c r="K13" s="400"/>
      <c r="L13" s="400"/>
      <c r="M13" s="400"/>
      <c r="N13" s="400"/>
      <c r="O13" s="400"/>
      <c r="P13" s="400"/>
      <c r="Q13" s="400"/>
      <c r="R13" s="400"/>
      <c r="S13" s="400"/>
      <c r="T13" s="400"/>
      <c r="U13" s="400"/>
      <c r="V13" s="400"/>
      <c r="W13" s="400"/>
      <c r="X13" s="400"/>
      <c r="Y13" s="400"/>
      <c r="Z13" s="400"/>
      <c r="AA13" s="400"/>
      <c r="AB13" s="400"/>
      <c r="AC13" s="400"/>
      <c r="AD13" s="400"/>
      <c r="AE13" s="400"/>
      <c r="AF13" s="400"/>
      <c r="AG13" s="400"/>
      <c r="AH13" s="400"/>
      <c r="AI13" s="400"/>
      <c r="AJ13" s="400"/>
      <c r="AK13" s="400"/>
      <c r="AL13" s="400"/>
      <c r="AM13" s="400"/>
      <c r="AN13" s="400"/>
      <c r="AO13" s="400"/>
      <c r="AP13" s="400"/>
      <c r="AQ13" s="400"/>
      <c r="AR13" s="400"/>
      <c r="AS13" s="400"/>
      <c r="AT13" s="400"/>
      <c r="AU13" s="400"/>
      <c r="AV13" s="400"/>
      <c r="AW13" s="400"/>
      <c r="AX13" s="400"/>
      <c r="AY13" s="400"/>
      <c r="AZ13" s="400"/>
      <c r="BA13" s="400"/>
      <c r="BB13" s="400"/>
      <c r="BC13" s="400"/>
      <c r="BD13" s="400"/>
      <c r="BE13" s="400"/>
      <c r="BF13" s="400"/>
      <c r="BG13" s="400"/>
      <c r="BH13" s="400"/>
      <c r="BI13" s="400"/>
      <c r="BJ13" s="400"/>
      <c r="BK13" s="400"/>
      <c r="BL13" s="400"/>
      <c r="BM13" s="400"/>
      <c r="BN13" s="400"/>
      <c r="BO13" s="400"/>
      <c r="BP13" s="400"/>
      <c r="BQ13" s="400"/>
      <c r="BR13" s="400"/>
      <c r="BS13" s="400"/>
      <c r="BT13" s="400"/>
      <c r="BU13" s="400"/>
      <c r="BV13" s="400"/>
      <c r="BW13" s="400"/>
      <c r="BX13" s="400"/>
      <c r="BY13" s="400"/>
      <c r="BZ13" s="400"/>
      <c r="CA13" s="400"/>
      <c r="CB13" s="400"/>
      <c r="CC13" s="400"/>
      <c r="CD13" s="400"/>
      <c r="CE13" s="400"/>
      <c r="CF13" s="400"/>
      <c r="CG13" s="400"/>
      <c r="CH13" s="400"/>
      <c r="CI13" s="400"/>
      <c r="CJ13" s="400"/>
      <c r="CK13" s="400"/>
      <c r="CL13" s="400"/>
      <c r="CM13" s="400"/>
      <c r="CN13" s="400"/>
      <c r="CO13" s="400"/>
      <c r="CP13" s="400"/>
      <c r="CQ13" s="400"/>
      <c r="CR13" s="400"/>
      <c r="CS13" s="400"/>
      <c r="CT13" s="400"/>
      <c r="CU13" s="400"/>
      <c r="CV13" s="400"/>
      <c r="CW13" s="400"/>
      <c r="CX13" s="400"/>
      <c r="CY13" s="400"/>
      <c r="CZ13" s="400"/>
      <c r="DA13" s="400"/>
      <c r="DB13" s="400"/>
      <c r="DC13" s="400"/>
      <c r="DD13" s="400"/>
      <c r="DE13" s="400"/>
    </row>
    <row r="14" spans="1:109" s="262" customFormat="1" ht="13.2" x14ac:dyDescent="0.2">
      <c r="A14" s="400"/>
      <c r="B14" s="400"/>
      <c r="C14" s="400"/>
      <c r="D14" s="400"/>
      <c r="E14" s="400"/>
      <c r="F14" s="400"/>
      <c r="G14" s="400"/>
      <c r="H14" s="400"/>
      <c r="I14" s="400"/>
      <c r="J14" s="400"/>
      <c r="K14" s="400"/>
      <c r="L14" s="400"/>
      <c r="M14" s="400"/>
      <c r="N14" s="400"/>
      <c r="O14" s="400"/>
      <c r="P14" s="400"/>
      <c r="Q14" s="400"/>
      <c r="R14" s="400"/>
      <c r="S14" s="400"/>
      <c r="T14" s="400"/>
      <c r="U14" s="400"/>
      <c r="V14" s="400"/>
      <c r="W14" s="400"/>
      <c r="X14" s="400"/>
      <c r="Y14" s="400"/>
      <c r="Z14" s="400"/>
      <c r="AA14" s="400"/>
      <c r="AB14" s="400"/>
      <c r="AC14" s="400"/>
      <c r="AD14" s="400"/>
      <c r="AE14" s="400"/>
      <c r="AF14" s="400"/>
      <c r="AG14" s="400"/>
      <c r="AH14" s="400"/>
      <c r="AI14" s="400"/>
      <c r="AJ14" s="400"/>
      <c r="AK14" s="400"/>
      <c r="AL14" s="400"/>
      <c r="AM14" s="400"/>
      <c r="AN14" s="400"/>
      <c r="AO14" s="400"/>
      <c r="AP14" s="400"/>
      <c r="AQ14" s="400"/>
      <c r="AR14" s="400"/>
      <c r="AS14" s="400"/>
      <c r="AT14" s="400"/>
      <c r="AU14" s="400"/>
      <c r="AV14" s="400"/>
      <c r="AW14" s="400"/>
      <c r="AX14" s="400"/>
      <c r="AY14" s="400"/>
      <c r="AZ14" s="400"/>
      <c r="BA14" s="400"/>
      <c r="BB14" s="400"/>
      <c r="BC14" s="400"/>
      <c r="BD14" s="400"/>
      <c r="BE14" s="400"/>
      <c r="BF14" s="400"/>
      <c r="BG14" s="400"/>
      <c r="BH14" s="400"/>
      <c r="BI14" s="400"/>
      <c r="BJ14" s="400"/>
      <c r="BK14" s="400"/>
      <c r="BL14" s="400"/>
      <c r="BM14" s="400"/>
      <c r="BN14" s="400"/>
      <c r="BO14" s="400"/>
      <c r="BP14" s="400"/>
      <c r="BQ14" s="400"/>
      <c r="BR14" s="400"/>
      <c r="BS14" s="400"/>
      <c r="BT14" s="400"/>
      <c r="BU14" s="400"/>
      <c r="BV14" s="400"/>
      <c r="BW14" s="400"/>
      <c r="BX14" s="400"/>
      <c r="BY14" s="400"/>
      <c r="BZ14" s="400"/>
      <c r="CA14" s="400"/>
      <c r="CB14" s="400"/>
      <c r="CC14" s="400"/>
      <c r="CD14" s="400"/>
      <c r="CE14" s="400"/>
      <c r="CF14" s="400"/>
      <c r="CG14" s="400"/>
      <c r="CH14" s="400"/>
      <c r="CI14" s="400"/>
      <c r="CJ14" s="400"/>
      <c r="CK14" s="400"/>
      <c r="CL14" s="400"/>
      <c r="CM14" s="400"/>
      <c r="CN14" s="400"/>
      <c r="CO14" s="400"/>
      <c r="CP14" s="400"/>
      <c r="CQ14" s="400"/>
      <c r="CR14" s="400"/>
      <c r="CS14" s="400"/>
      <c r="CT14" s="400"/>
      <c r="CU14" s="400"/>
      <c r="CV14" s="400"/>
      <c r="CW14" s="400"/>
      <c r="CX14" s="400"/>
      <c r="CY14" s="400"/>
      <c r="CZ14" s="400"/>
      <c r="DA14" s="400"/>
      <c r="DB14" s="400"/>
      <c r="DC14" s="400"/>
      <c r="DD14" s="400"/>
      <c r="DE14" s="400"/>
    </row>
    <row r="15" spans="1:109" s="262" customFormat="1" ht="13.2" x14ac:dyDescent="0.2">
      <c r="A15" s="367"/>
      <c r="B15" s="400"/>
      <c r="C15" s="400"/>
      <c r="D15" s="400"/>
      <c r="E15" s="400"/>
      <c r="F15" s="400"/>
      <c r="G15" s="400"/>
      <c r="H15" s="400"/>
      <c r="I15" s="400"/>
      <c r="J15" s="400"/>
      <c r="K15" s="400"/>
      <c r="L15" s="400"/>
      <c r="M15" s="400"/>
      <c r="N15" s="400"/>
      <c r="O15" s="400"/>
      <c r="P15" s="400"/>
      <c r="Q15" s="400"/>
      <c r="R15" s="400"/>
      <c r="S15" s="400"/>
      <c r="T15" s="400"/>
      <c r="U15" s="400"/>
      <c r="V15" s="400"/>
      <c r="W15" s="400"/>
      <c r="X15" s="400"/>
      <c r="Y15" s="400"/>
      <c r="Z15" s="400"/>
      <c r="AA15" s="400"/>
      <c r="AB15" s="400"/>
      <c r="AC15" s="400"/>
      <c r="AD15" s="400"/>
      <c r="AE15" s="400"/>
      <c r="AF15" s="400"/>
      <c r="AG15" s="400"/>
      <c r="AH15" s="400"/>
      <c r="AI15" s="400"/>
      <c r="AJ15" s="400"/>
      <c r="AK15" s="400"/>
      <c r="AL15" s="400"/>
      <c r="AM15" s="400"/>
      <c r="AN15" s="400"/>
      <c r="AO15" s="400"/>
      <c r="AP15" s="400"/>
      <c r="AQ15" s="400"/>
      <c r="AR15" s="400"/>
      <c r="AS15" s="400"/>
      <c r="AT15" s="400"/>
      <c r="AU15" s="400"/>
      <c r="AV15" s="400"/>
      <c r="AW15" s="400"/>
      <c r="AX15" s="400"/>
      <c r="AY15" s="400"/>
      <c r="AZ15" s="400"/>
      <c r="BA15" s="400"/>
      <c r="BB15" s="400"/>
      <c r="BC15" s="400"/>
      <c r="BD15" s="400"/>
      <c r="BE15" s="400"/>
      <c r="BF15" s="400"/>
      <c r="BG15" s="400"/>
      <c r="BH15" s="400"/>
      <c r="BI15" s="400"/>
      <c r="BJ15" s="400"/>
      <c r="BK15" s="400"/>
      <c r="BL15" s="400"/>
      <c r="BM15" s="400"/>
      <c r="BN15" s="400"/>
      <c r="BO15" s="400"/>
      <c r="BP15" s="400"/>
      <c r="BQ15" s="400"/>
      <c r="BR15" s="400"/>
      <c r="BS15" s="400"/>
      <c r="BT15" s="400"/>
      <c r="BU15" s="400"/>
      <c r="BV15" s="400"/>
      <c r="BW15" s="400"/>
      <c r="BX15" s="400"/>
      <c r="BY15" s="400"/>
      <c r="BZ15" s="400"/>
      <c r="CA15" s="400"/>
      <c r="CB15" s="400"/>
      <c r="CC15" s="400"/>
      <c r="CD15" s="400"/>
      <c r="CE15" s="400"/>
      <c r="CF15" s="400"/>
      <c r="CG15" s="400"/>
      <c r="CH15" s="400"/>
      <c r="CI15" s="400"/>
      <c r="CJ15" s="400"/>
      <c r="CK15" s="400"/>
      <c r="CL15" s="400"/>
      <c r="CM15" s="400"/>
      <c r="CN15" s="400"/>
      <c r="CO15" s="400"/>
      <c r="CP15" s="400"/>
      <c r="CQ15" s="400"/>
      <c r="CR15" s="400"/>
      <c r="CS15" s="400"/>
      <c r="CT15" s="400"/>
      <c r="CU15" s="400"/>
      <c r="CV15" s="400"/>
      <c r="CW15" s="400"/>
      <c r="CX15" s="400"/>
      <c r="CY15" s="400"/>
      <c r="CZ15" s="400"/>
      <c r="DA15" s="400"/>
      <c r="DB15" s="400"/>
      <c r="DC15" s="400"/>
      <c r="DD15" s="400"/>
      <c r="DE15" s="400"/>
    </row>
    <row r="16" spans="1:109" s="262" customFormat="1" ht="13.2" x14ac:dyDescent="0.2">
      <c r="A16" s="367"/>
      <c r="B16" s="400"/>
      <c r="C16" s="400"/>
      <c r="D16" s="400"/>
      <c r="E16" s="400"/>
      <c r="F16" s="400"/>
      <c r="G16" s="400"/>
      <c r="H16" s="400"/>
      <c r="I16" s="400"/>
      <c r="J16" s="400"/>
      <c r="K16" s="400"/>
      <c r="L16" s="400"/>
      <c r="M16" s="400"/>
      <c r="N16" s="400"/>
      <c r="O16" s="400"/>
      <c r="P16" s="400"/>
      <c r="Q16" s="400"/>
      <c r="R16" s="400"/>
      <c r="S16" s="400"/>
      <c r="T16" s="400"/>
      <c r="U16" s="400"/>
      <c r="V16" s="400"/>
      <c r="W16" s="400"/>
      <c r="X16" s="400"/>
      <c r="Y16" s="400"/>
      <c r="Z16" s="400"/>
      <c r="AA16" s="400"/>
      <c r="AB16" s="400"/>
      <c r="AC16" s="400"/>
      <c r="AD16" s="400"/>
      <c r="AE16" s="400"/>
      <c r="AF16" s="400"/>
      <c r="AG16" s="400"/>
      <c r="AH16" s="400"/>
      <c r="AI16" s="400"/>
      <c r="AJ16" s="400"/>
      <c r="AK16" s="400"/>
      <c r="AL16" s="400"/>
      <c r="AM16" s="400"/>
      <c r="AN16" s="400"/>
      <c r="AO16" s="400"/>
      <c r="AP16" s="400"/>
      <c r="AQ16" s="400"/>
      <c r="AR16" s="400"/>
      <c r="AS16" s="400"/>
      <c r="AT16" s="400"/>
      <c r="AU16" s="400"/>
      <c r="AV16" s="400"/>
      <c r="AW16" s="400"/>
      <c r="AX16" s="400"/>
      <c r="AY16" s="400"/>
      <c r="AZ16" s="400"/>
      <c r="BA16" s="400"/>
      <c r="BB16" s="400"/>
      <c r="BC16" s="400"/>
      <c r="BD16" s="400"/>
      <c r="BE16" s="400"/>
      <c r="BF16" s="400"/>
      <c r="BG16" s="400"/>
      <c r="BH16" s="400"/>
      <c r="BI16" s="400"/>
      <c r="BJ16" s="400"/>
      <c r="BK16" s="400"/>
      <c r="BL16" s="400"/>
      <c r="BM16" s="400"/>
      <c r="BN16" s="400"/>
      <c r="BO16" s="400"/>
      <c r="BP16" s="400"/>
      <c r="BQ16" s="400"/>
      <c r="BR16" s="400"/>
      <c r="BS16" s="400"/>
      <c r="BT16" s="400"/>
      <c r="BU16" s="400"/>
      <c r="BV16" s="400"/>
      <c r="BW16" s="400"/>
      <c r="BX16" s="400"/>
      <c r="BY16" s="400"/>
      <c r="BZ16" s="400"/>
      <c r="CA16" s="400"/>
      <c r="CB16" s="400"/>
      <c r="CC16" s="400"/>
      <c r="CD16" s="400"/>
      <c r="CE16" s="400"/>
      <c r="CF16" s="400"/>
      <c r="CG16" s="400"/>
      <c r="CH16" s="400"/>
      <c r="CI16" s="400"/>
      <c r="CJ16" s="400"/>
      <c r="CK16" s="400"/>
      <c r="CL16" s="400"/>
      <c r="CM16" s="400"/>
      <c r="CN16" s="400"/>
      <c r="CO16" s="400"/>
      <c r="CP16" s="400"/>
      <c r="CQ16" s="400"/>
      <c r="CR16" s="400"/>
      <c r="CS16" s="400"/>
      <c r="CT16" s="400"/>
      <c r="CU16" s="400"/>
      <c r="CV16" s="400"/>
      <c r="CW16" s="400"/>
      <c r="CX16" s="400"/>
      <c r="CY16" s="400"/>
      <c r="CZ16" s="400"/>
      <c r="DA16" s="400"/>
      <c r="DB16" s="400"/>
      <c r="DC16" s="400"/>
      <c r="DD16" s="400"/>
      <c r="DE16" s="400"/>
    </row>
    <row r="17" spans="1:109" s="262" customFormat="1" ht="13.2" x14ac:dyDescent="0.2">
      <c r="A17" s="367"/>
      <c r="B17" s="400"/>
      <c r="C17" s="400"/>
      <c r="D17" s="400"/>
      <c r="E17" s="400"/>
      <c r="F17" s="400"/>
      <c r="G17" s="400"/>
      <c r="H17" s="400"/>
      <c r="I17" s="400"/>
      <c r="J17" s="400"/>
      <c r="K17" s="400"/>
      <c r="L17" s="400"/>
      <c r="M17" s="400"/>
      <c r="N17" s="400"/>
      <c r="O17" s="400"/>
      <c r="P17" s="400"/>
      <c r="Q17" s="400"/>
      <c r="R17" s="400"/>
      <c r="S17" s="400"/>
      <c r="T17" s="400"/>
      <c r="U17" s="400"/>
      <c r="V17" s="400"/>
      <c r="W17" s="400"/>
      <c r="X17" s="400"/>
      <c r="Y17" s="400"/>
      <c r="Z17" s="400"/>
      <c r="AA17" s="400"/>
      <c r="AB17" s="400"/>
      <c r="AC17" s="400"/>
      <c r="AD17" s="400"/>
      <c r="AE17" s="400"/>
      <c r="AF17" s="400"/>
      <c r="AG17" s="400"/>
      <c r="AH17" s="400"/>
      <c r="AI17" s="400"/>
      <c r="AJ17" s="400"/>
      <c r="AK17" s="400"/>
      <c r="AL17" s="400"/>
      <c r="AM17" s="400"/>
      <c r="AN17" s="400"/>
      <c r="AO17" s="400"/>
      <c r="AP17" s="400"/>
      <c r="AQ17" s="400"/>
      <c r="AR17" s="400"/>
      <c r="AS17" s="400"/>
      <c r="AT17" s="400"/>
      <c r="AU17" s="400"/>
      <c r="AV17" s="400"/>
      <c r="AW17" s="400"/>
      <c r="AX17" s="400"/>
      <c r="AY17" s="400"/>
      <c r="AZ17" s="400"/>
      <c r="BA17" s="400"/>
      <c r="BB17" s="400"/>
      <c r="BC17" s="400"/>
      <c r="BD17" s="400"/>
      <c r="BE17" s="400"/>
      <c r="BF17" s="400"/>
      <c r="BG17" s="400"/>
      <c r="BH17" s="400"/>
      <c r="BI17" s="400"/>
      <c r="BJ17" s="400"/>
      <c r="BK17" s="400"/>
      <c r="BL17" s="400"/>
      <c r="BM17" s="400"/>
      <c r="BN17" s="400"/>
      <c r="BO17" s="400"/>
      <c r="BP17" s="400"/>
      <c r="BQ17" s="400"/>
      <c r="BR17" s="400"/>
      <c r="BS17" s="400"/>
      <c r="BT17" s="400"/>
      <c r="BU17" s="400"/>
      <c r="BV17" s="400"/>
      <c r="BW17" s="400"/>
      <c r="BX17" s="400"/>
      <c r="BY17" s="400"/>
      <c r="BZ17" s="400"/>
      <c r="CA17" s="400"/>
      <c r="CB17" s="400"/>
      <c r="CC17" s="400"/>
      <c r="CD17" s="400"/>
      <c r="CE17" s="400"/>
      <c r="CF17" s="400"/>
      <c r="CG17" s="400"/>
      <c r="CH17" s="400"/>
      <c r="CI17" s="400"/>
      <c r="CJ17" s="400"/>
      <c r="CK17" s="400"/>
      <c r="CL17" s="400"/>
      <c r="CM17" s="400"/>
      <c r="CN17" s="400"/>
      <c r="CO17" s="400"/>
      <c r="CP17" s="400"/>
      <c r="CQ17" s="400"/>
      <c r="CR17" s="400"/>
      <c r="CS17" s="400"/>
      <c r="CT17" s="400"/>
      <c r="CU17" s="400"/>
      <c r="CV17" s="400"/>
      <c r="CW17" s="400"/>
      <c r="CX17" s="400"/>
      <c r="CY17" s="400"/>
      <c r="CZ17" s="400"/>
      <c r="DA17" s="400"/>
      <c r="DB17" s="400"/>
      <c r="DC17" s="400"/>
      <c r="DD17" s="400"/>
      <c r="DE17" s="400"/>
    </row>
    <row r="18" spans="1:109" s="262" customFormat="1" ht="13.2" x14ac:dyDescent="0.2">
      <c r="A18" s="367"/>
      <c r="B18" s="400"/>
      <c r="C18" s="400"/>
      <c r="D18" s="400"/>
      <c r="E18" s="400"/>
      <c r="F18" s="400"/>
      <c r="G18" s="400"/>
      <c r="H18" s="400"/>
      <c r="I18" s="400"/>
      <c r="J18" s="400"/>
      <c r="K18" s="400"/>
      <c r="L18" s="400"/>
      <c r="M18" s="400"/>
      <c r="N18" s="400"/>
      <c r="O18" s="400"/>
      <c r="P18" s="400"/>
      <c r="Q18" s="400"/>
      <c r="R18" s="400"/>
      <c r="S18" s="400"/>
      <c r="T18" s="400"/>
      <c r="U18" s="400"/>
      <c r="V18" s="400"/>
      <c r="W18" s="400"/>
      <c r="X18" s="400"/>
      <c r="Y18" s="400"/>
      <c r="Z18" s="400"/>
      <c r="AA18" s="400"/>
      <c r="AB18" s="400"/>
      <c r="AC18" s="400"/>
      <c r="AD18" s="400"/>
      <c r="AE18" s="400"/>
      <c r="AF18" s="400"/>
      <c r="AG18" s="400"/>
      <c r="AH18" s="400"/>
      <c r="AI18" s="400"/>
      <c r="AJ18" s="400"/>
      <c r="AK18" s="400"/>
      <c r="AL18" s="400"/>
      <c r="AM18" s="400"/>
      <c r="AN18" s="400"/>
      <c r="AO18" s="400"/>
      <c r="AP18" s="400"/>
      <c r="AQ18" s="400"/>
      <c r="AR18" s="400"/>
      <c r="AS18" s="400"/>
      <c r="AT18" s="400"/>
      <c r="AU18" s="400"/>
      <c r="AV18" s="400"/>
      <c r="AW18" s="400"/>
      <c r="AX18" s="400"/>
      <c r="AY18" s="400"/>
      <c r="AZ18" s="400"/>
      <c r="BA18" s="400"/>
      <c r="BB18" s="400"/>
      <c r="BC18" s="400"/>
      <c r="BD18" s="400"/>
      <c r="BE18" s="400"/>
      <c r="BF18" s="400"/>
      <c r="BG18" s="400"/>
      <c r="BH18" s="400"/>
      <c r="BI18" s="400"/>
      <c r="BJ18" s="400"/>
      <c r="BK18" s="400"/>
      <c r="BL18" s="400"/>
      <c r="BM18" s="400"/>
      <c r="BN18" s="400"/>
      <c r="BO18" s="400"/>
      <c r="BP18" s="400"/>
      <c r="BQ18" s="400"/>
      <c r="BR18" s="400"/>
      <c r="BS18" s="400"/>
      <c r="BT18" s="400"/>
      <c r="BU18" s="400"/>
      <c r="BV18" s="400"/>
      <c r="BW18" s="400"/>
      <c r="BX18" s="400"/>
      <c r="BY18" s="400"/>
      <c r="BZ18" s="400"/>
      <c r="CA18" s="400"/>
      <c r="CB18" s="400"/>
      <c r="CC18" s="400"/>
      <c r="CD18" s="400"/>
      <c r="CE18" s="400"/>
      <c r="CF18" s="400"/>
      <c r="CG18" s="400"/>
      <c r="CH18" s="400"/>
      <c r="CI18" s="400"/>
      <c r="CJ18" s="400"/>
      <c r="CK18" s="400"/>
      <c r="CL18" s="400"/>
      <c r="CM18" s="400"/>
      <c r="CN18" s="400"/>
      <c r="CO18" s="400"/>
      <c r="CP18" s="400"/>
      <c r="CQ18" s="400"/>
      <c r="CR18" s="400"/>
      <c r="CS18" s="400"/>
      <c r="CT18" s="400"/>
      <c r="CU18" s="400"/>
      <c r="CV18" s="400"/>
      <c r="CW18" s="400"/>
      <c r="CX18" s="400"/>
      <c r="CY18" s="400"/>
      <c r="CZ18" s="400"/>
      <c r="DA18" s="400"/>
      <c r="DB18" s="400"/>
      <c r="DC18" s="400"/>
      <c r="DD18" s="400"/>
      <c r="DE18" s="400"/>
    </row>
    <row r="19" spans="1:109" ht="13.2" x14ac:dyDescent="0.2">
      <c r="DD19" s="367"/>
      <c r="DE19" s="367"/>
    </row>
    <row r="20" spans="1:109" ht="13.2" x14ac:dyDescent="0.2">
      <c r="DD20" s="367"/>
      <c r="DE20" s="367"/>
    </row>
    <row r="21" spans="1:109" ht="17.25" customHeight="1" x14ac:dyDescent="0.2">
      <c r="B21" s="399"/>
      <c r="C21" s="396"/>
      <c r="D21" s="396"/>
      <c r="E21" s="396"/>
      <c r="F21" s="396"/>
      <c r="G21" s="396"/>
      <c r="H21" s="396"/>
      <c r="I21" s="396"/>
      <c r="J21" s="396"/>
      <c r="K21" s="396"/>
      <c r="L21" s="396"/>
      <c r="M21" s="396"/>
      <c r="N21" s="398"/>
      <c r="O21" s="396"/>
      <c r="P21" s="396"/>
      <c r="Q21" s="396"/>
      <c r="R21" s="396"/>
      <c r="S21" s="396"/>
      <c r="T21" s="396"/>
      <c r="U21" s="396"/>
      <c r="V21" s="396"/>
      <c r="W21" s="396"/>
      <c r="X21" s="396"/>
      <c r="Y21" s="396"/>
      <c r="Z21" s="396"/>
      <c r="AA21" s="396"/>
      <c r="AB21" s="396"/>
      <c r="AC21" s="396"/>
      <c r="AD21" s="396"/>
      <c r="AE21" s="396"/>
      <c r="AF21" s="396"/>
      <c r="AG21" s="396"/>
      <c r="AH21" s="396"/>
      <c r="AI21" s="396"/>
      <c r="AJ21" s="396"/>
      <c r="AK21" s="396"/>
      <c r="AL21" s="396"/>
      <c r="AM21" s="396"/>
      <c r="AN21" s="396"/>
      <c r="AO21" s="396"/>
      <c r="AP21" s="396"/>
      <c r="AQ21" s="396"/>
      <c r="AR21" s="396"/>
      <c r="AS21" s="396"/>
      <c r="AT21" s="398"/>
      <c r="AU21" s="396"/>
      <c r="AV21" s="396"/>
      <c r="AW21" s="396"/>
      <c r="AX21" s="396"/>
      <c r="AY21" s="396"/>
      <c r="AZ21" s="396"/>
      <c r="BA21" s="396"/>
      <c r="BB21" s="396"/>
      <c r="BC21" s="396"/>
      <c r="BD21" s="396"/>
      <c r="BE21" s="396"/>
      <c r="BF21" s="398"/>
      <c r="BG21" s="396"/>
      <c r="BH21" s="396"/>
      <c r="BI21" s="396"/>
      <c r="BJ21" s="396"/>
      <c r="BK21" s="396"/>
      <c r="BL21" s="396"/>
      <c r="BM21" s="396"/>
      <c r="BN21" s="396"/>
      <c r="BO21" s="396"/>
      <c r="BP21" s="396"/>
      <c r="BQ21" s="396"/>
      <c r="BR21" s="398"/>
      <c r="BS21" s="396"/>
      <c r="BT21" s="396"/>
      <c r="BU21" s="396"/>
      <c r="BV21" s="396"/>
      <c r="BW21" s="396"/>
      <c r="BX21" s="396"/>
      <c r="BY21" s="396"/>
      <c r="BZ21" s="396"/>
      <c r="CA21" s="396"/>
      <c r="CB21" s="396"/>
      <c r="CC21" s="396"/>
      <c r="CD21" s="398"/>
      <c r="CE21" s="396"/>
      <c r="CF21" s="396"/>
      <c r="CG21" s="396"/>
      <c r="CH21" s="396"/>
      <c r="CI21" s="396"/>
      <c r="CJ21" s="396"/>
      <c r="CK21" s="396"/>
      <c r="CL21" s="396"/>
      <c r="CM21" s="396"/>
      <c r="CN21" s="396"/>
      <c r="CO21" s="396"/>
      <c r="CP21" s="398"/>
      <c r="CQ21" s="396"/>
      <c r="CR21" s="396"/>
      <c r="CS21" s="396"/>
      <c r="CT21" s="396"/>
      <c r="CU21" s="396"/>
      <c r="CV21" s="396"/>
      <c r="CW21" s="396"/>
      <c r="CX21" s="396"/>
      <c r="CY21" s="396"/>
      <c r="CZ21" s="396"/>
      <c r="DA21" s="396"/>
      <c r="DB21" s="398"/>
      <c r="DC21" s="396"/>
      <c r="DD21" s="395"/>
      <c r="DE21" s="367"/>
    </row>
    <row r="22" spans="1:109" ht="17.25" customHeight="1" x14ac:dyDescent="0.2">
      <c r="B22" s="368"/>
    </row>
    <row r="23" spans="1:109" ht="13.2" x14ac:dyDescent="0.2">
      <c r="B23" s="368"/>
    </row>
    <row r="24" spans="1:109" ht="13.2" x14ac:dyDescent="0.2">
      <c r="B24" s="368"/>
    </row>
    <row r="25" spans="1:109" ht="13.2" x14ac:dyDescent="0.2">
      <c r="B25" s="368"/>
    </row>
    <row r="26" spans="1:109" ht="13.2" x14ac:dyDescent="0.2">
      <c r="B26" s="368"/>
    </row>
    <row r="27" spans="1:109" ht="13.2" x14ac:dyDescent="0.2">
      <c r="B27" s="368"/>
    </row>
    <row r="28" spans="1:109" ht="13.2" x14ac:dyDescent="0.2">
      <c r="B28" s="368"/>
    </row>
    <row r="29" spans="1:109" ht="13.2" x14ac:dyDescent="0.2">
      <c r="B29" s="368"/>
    </row>
    <row r="30" spans="1:109" ht="13.2" x14ac:dyDescent="0.2">
      <c r="B30" s="368"/>
    </row>
    <row r="31" spans="1:109" ht="13.2" x14ac:dyDescent="0.2">
      <c r="B31" s="368"/>
    </row>
    <row r="32" spans="1:109" ht="13.2" x14ac:dyDescent="0.2">
      <c r="B32" s="368"/>
    </row>
    <row r="33" spans="2:109" ht="13.2" x14ac:dyDescent="0.2">
      <c r="B33" s="368"/>
    </row>
    <row r="34" spans="2:109" ht="13.2" x14ac:dyDescent="0.2">
      <c r="B34" s="368"/>
    </row>
    <row r="35" spans="2:109" ht="13.2" x14ac:dyDescent="0.2">
      <c r="B35" s="368"/>
    </row>
    <row r="36" spans="2:109" ht="13.2" x14ac:dyDescent="0.2">
      <c r="B36" s="368"/>
    </row>
    <row r="37" spans="2:109" ht="13.2" x14ac:dyDescent="0.2">
      <c r="B37" s="368"/>
    </row>
    <row r="38" spans="2:109" ht="13.2" x14ac:dyDescent="0.2">
      <c r="B38" s="368"/>
    </row>
    <row r="39" spans="2:109" ht="13.2" x14ac:dyDescent="0.2">
      <c r="B39" s="372"/>
      <c r="C39" s="371"/>
      <c r="D39" s="371"/>
      <c r="E39" s="371"/>
      <c r="F39" s="371"/>
      <c r="G39" s="371"/>
      <c r="H39" s="371"/>
      <c r="I39" s="371"/>
      <c r="J39" s="371"/>
      <c r="K39" s="371"/>
      <c r="L39" s="371"/>
      <c r="M39" s="371"/>
      <c r="N39" s="371"/>
      <c r="O39" s="371"/>
      <c r="P39" s="371"/>
      <c r="Q39" s="371"/>
      <c r="R39" s="371"/>
      <c r="S39" s="371"/>
      <c r="T39" s="371"/>
      <c r="U39" s="371"/>
      <c r="V39" s="371"/>
      <c r="W39" s="371"/>
      <c r="X39" s="371"/>
      <c r="Y39" s="371"/>
      <c r="Z39" s="371"/>
      <c r="AA39" s="371"/>
      <c r="AB39" s="371"/>
      <c r="AC39" s="371"/>
      <c r="AD39" s="371"/>
      <c r="AE39" s="371"/>
      <c r="AF39" s="371"/>
      <c r="AG39" s="371"/>
      <c r="AH39" s="371"/>
      <c r="AI39" s="371"/>
      <c r="AJ39" s="371"/>
      <c r="AK39" s="371"/>
      <c r="AL39" s="371"/>
      <c r="AM39" s="371"/>
      <c r="AN39" s="371"/>
      <c r="AO39" s="371"/>
      <c r="AP39" s="371"/>
      <c r="AQ39" s="371"/>
      <c r="AR39" s="371"/>
      <c r="AS39" s="371"/>
      <c r="AT39" s="371"/>
      <c r="AU39" s="371"/>
      <c r="AV39" s="371"/>
      <c r="AW39" s="371"/>
      <c r="AX39" s="371"/>
      <c r="AY39" s="371"/>
      <c r="AZ39" s="371"/>
      <c r="BA39" s="371"/>
      <c r="BB39" s="371"/>
      <c r="BC39" s="371"/>
      <c r="BD39" s="371"/>
      <c r="BE39" s="371"/>
      <c r="BF39" s="371"/>
      <c r="BG39" s="371"/>
      <c r="BH39" s="371"/>
      <c r="BI39" s="371"/>
      <c r="BJ39" s="371"/>
      <c r="BK39" s="371"/>
      <c r="BL39" s="371"/>
      <c r="BM39" s="371"/>
      <c r="BN39" s="371"/>
      <c r="BO39" s="371"/>
      <c r="BP39" s="371"/>
      <c r="BQ39" s="371"/>
      <c r="BR39" s="371"/>
      <c r="BS39" s="371"/>
      <c r="BT39" s="371"/>
      <c r="BU39" s="371"/>
      <c r="BV39" s="371"/>
      <c r="BW39" s="371"/>
      <c r="BX39" s="371"/>
      <c r="BY39" s="371"/>
      <c r="BZ39" s="371"/>
      <c r="CA39" s="371"/>
      <c r="CB39" s="371"/>
      <c r="CC39" s="371"/>
      <c r="CD39" s="371"/>
      <c r="CE39" s="371"/>
      <c r="CF39" s="371"/>
      <c r="CG39" s="371"/>
      <c r="CH39" s="371"/>
      <c r="CI39" s="371"/>
      <c r="CJ39" s="371"/>
      <c r="CK39" s="371"/>
      <c r="CL39" s="371"/>
      <c r="CM39" s="371"/>
      <c r="CN39" s="371"/>
      <c r="CO39" s="371"/>
      <c r="CP39" s="371"/>
      <c r="CQ39" s="371"/>
      <c r="CR39" s="371"/>
      <c r="CS39" s="371"/>
      <c r="CT39" s="371"/>
      <c r="CU39" s="371"/>
      <c r="CV39" s="371"/>
      <c r="CW39" s="371"/>
      <c r="CX39" s="371"/>
      <c r="CY39" s="371"/>
      <c r="CZ39" s="371"/>
      <c r="DA39" s="371"/>
      <c r="DB39" s="371"/>
      <c r="DC39" s="371"/>
      <c r="DD39" s="370"/>
    </row>
    <row r="40" spans="2:109" ht="13.2" x14ac:dyDescent="0.2">
      <c r="B40" s="387"/>
      <c r="DD40" s="387"/>
      <c r="DE40" s="367"/>
    </row>
    <row r="41" spans="2:109" ht="16.2" x14ac:dyDescent="0.2">
      <c r="B41" s="397" t="s">
        <v>657</v>
      </c>
      <c r="C41" s="396"/>
      <c r="D41" s="396"/>
      <c r="E41" s="396"/>
      <c r="F41" s="396"/>
      <c r="G41" s="396"/>
      <c r="H41" s="396"/>
      <c r="I41" s="396"/>
      <c r="J41" s="396"/>
      <c r="K41" s="396"/>
      <c r="L41" s="396"/>
      <c r="M41" s="396"/>
      <c r="N41" s="396"/>
      <c r="O41" s="396"/>
      <c r="P41" s="396"/>
      <c r="Q41" s="396"/>
      <c r="R41" s="396"/>
      <c r="S41" s="396"/>
      <c r="T41" s="396"/>
      <c r="U41" s="396"/>
      <c r="V41" s="396"/>
      <c r="W41" s="396"/>
      <c r="X41" s="396"/>
      <c r="Y41" s="396"/>
      <c r="Z41" s="396"/>
      <c r="AA41" s="396"/>
      <c r="AB41" s="396"/>
      <c r="AC41" s="396"/>
      <c r="AD41" s="396"/>
      <c r="AE41" s="396"/>
      <c r="AF41" s="396"/>
      <c r="AG41" s="396"/>
      <c r="AH41" s="396"/>
      <c r="AI41" s="396"/>
      <c r="AJ41" s="396"/>
      <c r="AK41" s="396"/>
      <c r="AL41" s="396"/>
      <c r="AM41" s="396"/>
      <c r="AN41" s="396"/>
      <c r="AO41" s="396"/>
      <c r="AP41" s="396"/>
      <c r="AQ41" s="396"/>
      <c r="AR41" s="396"/>
      <c r="AS41" s="396"/>
      <c r="AT41" s="396"/>
      <c r="AU41" s="396"/>
      <c r="AV41" s="396"/>
      <c r="AW41" s="396"/>
      <c r="AX41" s="396"/>
      <c r="AY41" s="396"/>
      <c r="AZ41" s="396"/>
      <c r="BA41" s="396"/>
      <c r="BB41" s="396"/>
      <c r="BC41" s="396"/>
      <c r="BD41" s="396"/>
      <c r="BE41" s="396"/>
      <c r="BF41" s="396"/>
      <c r="BG41" s="396"/>
      <c r="BH41" s="396"/>
      <c r="BI41" s="396"/>
      <c r="BJ41" s="396"/>
      <c r="BK41" s="396"/>
      <c r="BL41" s="396"/>
      <c r="BM41" s="396"/>
      <c r="BN41" s="396"/>
      <c r="BO41" s="396"/>
      <c r="BP41" s="396"/>
      <c r="BQ41" s="396"/>
      <c r="BR41" s="396"/>
      <c r="BS41" s="396"/>
      <c r="BT41" s="396"/>
      <c r="BU41" s="396"/>
      <c r="BV41" s="396"/>
      <c r="BW41" s="396"/>
      <c r="BX41" s="396"/>
      <c r="BY41" s="396"/>
      <c r="BZ41" s="396"/>
      <c r="CA41" s="396"/>
      <c r="CB41" s="396"/>
      <c r="CC41" s="396"/>
      <c r="CD41" s="396"/>
      <c r="CE41" s="396"/>
      <c r="CF41" s="396"/>
      <c r="CG41" s="396"/>
      <c r="CH41" s="396"/>
      <c r="CI41" s="396"/>
      <c r="CJ41" s="396"/>
      <c r="CK41" s="396"/>
      <c r="CL41" s="396"/>
      <c r="CM41" s="396"/>
      <c r="CN41" s="396"/>
      <c r="CO41" s="396"/>
      <c r="CP41" s="396"/>
      <c r="CQ41" s="396"/>
      <c r="CR41" s="396"/>
      <c r="CS41" s="396"/>
      <c r="CT41" s="396"/>
      <c r="CU41" s="396"/>
      <c r="CV41" s="396"/>
      <c r="CW41" s="396"/>
      <c r="CX41" s="396"/>
      <c r="CY41" s="396"/>
      <c r="CZ41" s="396"/>
      <c r="DA41" s="396"/>
      <c r="DB41" s="396"/>
      <c r="DC41" s="396"/>
      <c r="DD41" s="395"/>
    </row>
    <row r="42" spans="2:109" ht="13.2" x14ac:dyDescent="0.2">
      <c r="B42" s="368"/>
      <c r="G42" s="383"/>
      <c r="I42" s="382"/>
      <c r="J42" s="382"/>
      <c r="K42" s="382"/>
      <c r="AM42" s="383"/>
      <c r="AN42" s="383" t="s">
        <v>653</v>
      </c>
      <c r="AP42" s="382"/>
      <c r="AQ42" s="382"/>
      <c r="AR42" s="382"/>
      <c r="AY42" s="383"/>
      <c r="BA42" s="382"/>
      <c r="BB42" s="382"/>
      <c r="BC42" s="382"/>
      <c r="BK42" s="383"/>
      <c r="BM42" s="382"/>
      <c r="BN42" s="382"/>
      <c r="BO42" s="382"/>
      <c r="BW42" s="383"/>
      <c r="BY42" s="382"/>
      <c r="BZ42" s="382"/>
      <c r="CA42" s="382"/>
      <c r="CI42" s="383"/>
      <c r="CK42" s="382"/>
      <c r="CL42" s="382"/>
      <c r="CM42" s="382"/>
      <c r="CU42" s="383"/>
      <c r="CW42" s="382"/>
      <c r="CX42" s="382"/>
      <c r="CY42" s="382"/>
    </row>
    <row r="43" spans="2:109" ht="13.5" customHeight="1" x14ac:dyDescent="0.2">
      <c r="B43" s="368"/>
      <c r="AN43" s="1298" t="s">
        <v>656</v>
      </c>
      <c r="AO43" s="1299"/>
      <c r="AP43" s="1299"/>
      <c r="AQ43" s="1299"/>
      <c r="AR43" s="1299"/>
      <c r="AS43" s="1299"/>
      <c r="AT43" s="1299"/>
      <c r="AU43" s="1299"/>
      <c r="AV43" s="1299"/>
      <c r="AW43" s="1299"/>
      <c r="AX43" s="1299"/>
      <c r="AY43" s="1299"/>
      <c r="AZ43" s="1299"/>
      <c r="BA43" s="1299"/>
      <c r="BB43" s="1299"/>
      <c r="BC43" s="1299"/>
      <c r="BD43" s="1299"/>
      <c r="BE43" s="1299"/>
      <c r="BF43" s="1299"/>
      <c r="BG43" s="1299"/>
      <c r="BH43" s="1299"/>
      <c r="BI43" s="1299"/>
      <c r="BJ43" s="1299"/>
      <c r="BK43" s="1299"/>
      <c r="BL43" s="1299"/>
      <c r="BM43" s="1299"/>
      <c r="BN43" s="1299"/>
      <c r="BO43" s="1299"/>
      <c r="BP43" s="1299"/>
      <c r="BQ43" s="1299"/>
      <c r="BR43" s="1299"/>
      <c r="BS43" s="1299"/>
      <c r="BT43" s="1299"/>
      <c r="BU43" s="1299"/>
      <c r="BV43" s="1299"/>
      <c r="BW43" s="1299"/>
      <c r="BX43" s="1299"/>
      <c r="BY43" s="1299"/>
      <c r="BZ43" s="1299"/>
      <c r="CA43" s="1299"/>
      <c r="CB43" s="1299"/>
      <c r="CC43" s="1299"/>
      <c r="CD43" s="1299"/>
      <c r="CE43" s="1299"/>
      <c r="CF43" s="1299"/>
      <c r="CG43" s="1299"/>
      <c r="CH43" s="1299"/>
      <c r="CI43" s="1299"/>
      <c r="CJ43" s="1299"/>
      <c r="CK43" s="1299"/>
      <c r="CL43" s="1299"/>
      <c r="CM43" s="1299"/>
      <c r="CN43" s="1299"/>
      <c r="CO43" s="1299"/>
      <c r="CP43" s="1299"/>
      <c r="CQ43" s="1299"/>
      <c r="CR43" s="1299"/>
      <c r="CS43" s="1299"/>
      <c r="CT43" s="1299"/>
      <c r="CU43" s="1299"/>
      <c r="CV43" s="1299"/>
      <c r="CW43" s="1299"/>
      <c r="CX43" s="1299"/>
      <c r="CY43" s="1299"/>
      <c r="CZ43" s="1299"/>
      <c r="DA43" s="1299"/>
      <c r="DB43" s="1299"/>
      <c r="DC43" s="1300"/>
    </row>
    <row r="44" spans="2:109" ht="13.2" x14ac:dyDescent="0.2">
      <c r="B44" s="368"/>
      <c r="AN44" s="1301"/>
      <c r="AO44" s="1302"/>
      <c r="AP44" s="1302"/>
      <c r="AQ44" s="1302"/>
      <c r="AR44" s="1302"/>
      <c r="AS44" s="1302"/>
      <c r="AT44" s="1302"/>
      <c r="AU44" s="1302"/>
      <c r="AV44" s="1302"/>
      <c r="AW44" s="1302"/>
      <c r="AX44" s="1302"/>
      <c r="AY44" s="1302"/>
      <c r="AZ44" s="1302"/>
      <c r="BA44" s="1302"/>
      <c r="BB44" s="1302"/>
      <c r="BC44" s="1302"/>
      <c r="BD44" s="1302"/>
      <c r="BE44" s="1302"/>
      <c r="BF44" s="1302"/>
      <c r="BG44" s="1302"/>
      <c r="BH44" s="1302"/>
      <c r="BI44" s="1302"/>
      <c r="BJ44" s="1302"/>
      <c r="BK44" s="1302"/>
      <c r="BL44" s="1302"/>
      <c r="BM44" s="1302"/>
      <c r="BN44" s="1302"/>
      <c r="BO44" s="1302"/>
      <c r="BP44" s="1302"/>
      <c r="BQ44" s="1302"/>
      <c r="BR44" s="1302"/>
      <c r="BS44" s="1302"/>
      <c r="BT44" s="1302"/>
      <c r="BU44" s="1302"/>
      <c r="BV44" s="1302"/>
      <c r="BW44" s="1302"/>
      <c r="BX44" s="1302"/>
      <c r="BY44" s="1302"/>
      <c r="BZ44" s="1302"/>
      <c r="CA44" s="1302"/>
      <c r="CB44" s="1302"/>
      <c r="CC44" s="1302"/>
      <c r="CD44" s="1302"/>
      <c r="CE44" s="1302"/>
      <c r="CF44" s="1302"/>
      <c r="CG44" s="1302"/>
      <c r="CH44" s="1302"/>
      <c r="CI44" s="1302"/>
      <c r="CJ44" s="1302"/>
      <c r="CK44" s="1302"/>
      <c r="CL44" s="1302"/>
      <c r="CM44" s="1302"/>
      <c r="CN44" s="1302"/>
      <c r="CO44" s="1302"/>
      <c r="CP44" s="1302"/>
      <c r="CQ44" s="1302"/>
      <c r="CR44" s="1302"/>
      <c r="CS44" s="1302"/>
      <c r="CT44" s="1302"/>
      <c r="CU44" s="1302"/>
      <c r="CV44" s="1302"/>
      <c r="CW44" s="1302"/>
      <c r="CX44" s="1302"/>
      <c r="CY44" s="1302"/>
      <c r="CZ44" s="1302"/>
      <c r="DA44" s="1302"/>
      <c r="DB44" s="1302"/>
      <c r="DC44" s="1303"/>
    </row>
    <row r="45" spans="2:109" ht="13.2" x14ac:dyDescent="0.2">
      <c r="B45" s="368"/>
      <c r="AN45" s="1301"/>
      <c r="AO45" s="1302"/>
      <c r="AP45" s="1302"/>
      <c r="AQ45" s="1302"/>
      <c r="AR45" s="1302"/>
      <c r="AS45" s="1302"/>
      <c r="AT45" s="1302"/>
      <c r="AU45" s="1302"/>
      <c r="AV45" s="1302"/>
      <c r="AW45" s="1302"/>
      <c r="AX45" s="1302"/>
      <c r="AY45" s="1302"/>
      <c r="AZ45" s="1302"/>
      <c r="BA45" s="1302"/>
      <c r="BB45" s="1302"/>
      <c r="BC45" s="1302"/>
      <c r="BD45" s="1302"/>
      <c r="BE45" s="1302"/>
      <c r="BF45" s="1302"/>
      <c r="BG45" s="1302"/>
      <c r="BH45" s="1302"/>
      <c r="BI45" s="1302"/>
      <c r="BJ45" s="1302"/>
      <c r="BK45" s="1302"/>
      <c r="BL45" s="1302"/>
      <c r="BM45" s="1302"/>
      <c r="BN45" s="1302"/>
      <c r="BO45" s="1302"/>
      <c r="BP45" s="1302"/>
      <c r="BQ45" s="1302"/>
      <c r="BR45" s="1302"/>
      <c r="BS45" s="1302"/>
      <c r="BT45" s="1302"/>
      <c r="BU45" s="1302"/>
      <c r="BV45" s="1302"/>
      <c r="BW45" s="1302"/>
      <c r="BX45" s="1302"/>
      <c r="BY45" s="1302"/>
      <c r="BZ45" s="1302"/>
      <c r="CA45" s="1302"/>
      <c r="CB45" s="1302"/>
      <c r="CC45" s="1302"/>
      <c r="CD45" s="1302"/>
      <c r="CE45" s="1302"/>
      <c r="CF45" s="1302"/>
      <c r="CG45" s="1302"/>
      <c r="CH45" s="1302"/>
      <c r="CI45" s="1302"/>
      <c r="CJ45" s="1302"/>
      <c r="CK45" s="1302"/>
      <c r="CL45" s="1302"/>
      <c r="CM45" s="1302"/>
      <c r="CN45" s="1302"/>
      <c r="CO45" s="1302"/>
      <c r="CP45" s="1302"/>
      <c r="CQ45" s="1302"/>
      <c r="CR45" s="1302"/>
      <c r="CS45" s="1302"/>
      <c r="CT45" s="1302"/>
      <c r="CU45" s="1302"/>
      <c r="CV45" s="1302"/>
      <c r="CW45" s="1302"/>
      <c r="CX45" s="1302"/>
      <c r="CY45" s="1302"/>
      <c r="CZ45" s="1302"/>
      <c r="DA45" s="1302"/>
      <c r="DB45" s="1302"/>
      <c r="DC45" s="1303"/>
    </row>
    <row r="46" spans="2:109" ht="13.2" x14ac:dyDescent="0.2">
      <c r="B46" s="368"/>
      <c r="AN46" s="1301"/>
      <c r="AO46" s="1302"/>
      <c r="AP46" s="1302"/>
      <c r="AQ46" s="1302"/>
      <c r="AR46" s="1302"/>
      <c r="AS46" s="1302"/>
      <c r="AT46" s="1302"/>
      <c r="AU46" s="1302"/>
      <c r="AV46" s="1302"/>
      <c r="AW46" s="1302"/>
      <c r="AX46" s="1302"/>
      <c r="AY46" s="1302"/>
      <c r="AZ46" s="1302"/>
      <c r="BA46" s="1302"/>
      <c r="BB46" s="1302"/>
      <c r="BC46" s="1302"/>
      <c r="BD46" s="1302"/>
      <c r="BE46" s="1302"/>
      <c r="BF46" s="1302"/>
      <c r="BG46" s="1302"/>
      <c r="BH46" s="1302"/>
      <c r="BI46" s="1302"/>
      <c r="BJ46" s="1302"/>
      <c r="BK46" s="1302"/>
      <c r="BL46" s="1302"/>
      <c r="BM46" s="1302"/>
      <c r="BN46" s="1302"/>
      <c r="BO46" s="1302"/>
      <c r="BP46" s="1302"/>
      <c r="BQ46" s="1302"/>
      <c r="BR46" s="1302"/>
      <c r="BS46" s="1302"/>
      <c r="BT46" s="1302"/>
      <c r="BU46" s="1302"/>
      <c r="BV46" s="1302"/>
      <c r="BW46" s="1302"/>
      <c r="BX46" s="1302"/>
      <c r="BY46" s="1302"/>
      <c r="BZ46" s="1302"/>
      <c r="CA46" s="1302"/>
      <c r="CB46" s="1302"/>
      <c r="CC46" s="1302"/>
      <c r="CD46" s="1302"/>
      <c r="CE46" s="1302"/>
      <c r="CF46" s="1302"/>
      <c r="CG46" s="1302"/>
      <c r="CH46" s="1302"/>
      <c r="CI46" s="1302"/>
      <c r="CJ46" s="1302"/>
      <c r="CK46" s="1302"/>
      <c r="CL46" s="1302"/>
      <c r="CM46" s="1302"/>
      <c r="CN46" s="1302"/>
      <c r="CO46" s="1302"/>
      <c r="CP46" s="1302"/>
      <c r="CQ46" s="1302"/>
      <c r="CR46" s="1302"/>
      <c r="CS46" s="1302"/>
      <c r="CT46" s="1302"/>
      <c r="CU46" s="1302"/>
      <c r="CV46" s="1302"/>
      <c r="CW46" s="1302"/>
      <c r="CX46" s="1302"/>
      <c r="CY46" s="1302"/>
      <c r="CZ46" s="1302"/>
      <c r="DA46" s="1302"/>
      <c r="DB46" s="1302"/>
      <c r="DC46" s="1303"/>
    </row>
    <row r="47" spans="2:109" ht="13.2" x14ac:dyDescent="0.2">
      <c r="B47" s="368"/>
      <c r="AN47" s="1304"/>
      <c r="AO47" s="1305"/>
      <c r="AP47" s="1305"/>
      <c r="AQ47" s="1305"/>
      <c r="AR47" s="1305"/>
      <c r="AS47" s="1305"/>
      <c r="AT47" s="1305"/>
      <c r="AU47" s="1305"/>
      <c r="AV47" s="1305"/>
      <c r="AW47" s="1305"/>
      <c r="AX47" s="1305"/>
      <c r="AY47" s="1305"/>
      <c r="AZ47" s="1305"/>
      <c r="BA47" s="1305"/>
      <c r="BB47" s="1305"/>
      <c r="BC47" s="1305"/>
      <c r="BD47" s="1305"/>
      <c r="BE47" s="1305"/>
      <c r="BF47" s="1305"/>
      <c r="BG47" s="1305"/>
      <c r="BH47" s="1305"/>
      <c r="BI47" s="1305"/>
      <c r="BJ47" s="1305"/>
      <c r="BK47" s="1305"/>
      <c r="BL47" s="1305"/>
      <c r="BM47" s="1305"/>
      <c r="BN47" s="1305"/>
      <c r="BO47" s="1305"/>
      <c r="BP47" s="1305"/>
      <c r="BQ47" s="1305"/>
      <c r="BR47" s="1305"/>
      <c r="BS47" s="1305"/>
      <c r="BT47" s="1305"/>
      <c r="BU47" s="1305"/>
      <c r="BV47" s="1305"/>
      <c r="BW47" s="1305"/>
      <c r="BX47" s="1305"/>
      <c r="BY47" s="1305"/>
      <c r="BZ47" s="1305"/>
      <c r="CA47" s="1305"/>
      <c r="CB47" s="1305"/>
      <c r="CC47" s="1305"/>
      <c r="CD47" s="1305"/>
      <c r="CE47" s="1305"/>
      <c r="CF47" s="1305"/>
      <c r="CG47" s="1305"/>
      <c r="CH47" s="1305"/>
      <c r="CI47" s="1305"/>
      <c r="CJ47" s="1305"/>
      <c r="CK47" s="1305"/>
      <c r="CL47" s="1305"/>
      <c r="CM47" s="1305"/>
      <c r="CN47" s="1305"/>
      <c r="CO47" s="1305"/>
      <c r="CP47" s="1305"/>
      <c r="CQ47" s="1305"/>
      <c r="CR47" s="1305"/>
      <c r="CS47" s="1305"/>
      <c r="CT47" s="1305"/>
      <c r="CU47" s="1305"/>
      <c r="CV47" s="1305"/>
      <c r="CW47" s="1305"/>
      <c r="CX47" s="1305"/>
      <c r="CY47" s="1305"/>
      <c r="CZ47" s="1305"/>
      <c r="DA47" s="1305"/>
      <c r="DB47" s="1305"/>
      <c r="DC47" s="1306"/>
    </row>
    <row r="48" spans="2:109" ht="13.2" x14ac:dyDescent="0.2">
      <c r="B48" s="368"/>
      <c r="H48" s="374"/>
      <c r="I48" s="374"/>
      <c r="J48" s="374"/>
      <c r="AN48" s="374"/>
      <c r="AO48" s="374"/>
      <c r="AP48" s="374"/>
      <c r="AZ48" s="374"/>
      <c r="BA48" s="374"/>
      <c r="BB48" s="374"/>
      <c r="BL48" s="374"/>
      <c r="BM48" s="374"/>
      <c r="BN48" s="374"/>
      <c r="BX48" s="374"/>
      <c r="BY48" s="374"/>
      <c r="BZ48" s="374"/>
      <c r="CJ48" s="374"/>
      <c r="CK48" s="374"/>
      <c r="CL48" s="374"/>
      <c r="CV48" s="374"/>
      <c r="CW48" s="374"/>
      <c r="CX48" s="374"/>
    </row>
    <row r="49" spans="1:109" ht="13.2" x14ac:dyDescent="0.2">
      <c r="B49" s="368"/>
      <c r="AN49" s="367" t="s">
        <v>651</v>
      </c>
    </row>
    <row r="50" spans="1:109" ht="13.2" x14ac:dyDescent="0.2">
      <c r="B50" s="368"/>
      <c r="G50" s="1276"/>
      <c r="H50" s="1276"/>
      <c r="I50" s="1276"/>
      <c r="J50" s="1276"/>
      <c r="K50" s="376"/>
      <c r="L50" s="376"/>
      <c r="M50" s="375"/>
      <c r="N50" s="375"/>
      <c r="AN50" s="1284"/>
      <c r="AO50" s="1285"/>
      <c r="AP50" s="1285"/>
      <c r="AQ50" s="1285"/>
      <c r="AR50" s="1285"/>
      <c r="AS50" s="1285"/>
      <c r="AT50" s="1285"/>
      <c r="AU50" s="1285"/>
      <c r="AV50" s="1285"/>
      <c r="AW50" s="1285"/>
      <c r="AX50" s="1285"/>
      <c r="AY50" s="1285"/>
      <c r="AZ50" s="1285"/>
      <c r="BA50" s="1285"/>
      <c r="BB50" s="1285"/>
      <c r="BC50" s="1285"/>
      <c r="BD50" s="1285"/>
      <c r="BE50" s="1285"/>
      <c r="BF50" s="1285"/>
      <c r="BG50" s="1285"/>
      <c r="BH50" s="1285"/>
      <c r="BI50" s="1285"/>
      <c r="BJ50" s="1285"/>
      <c r="BK50" s="1285"/>
      <c r="BL50" s="1285"/>
      <c r="BM50" s="1285"/>
      <c r="BN50" s="1285"/>
      <c r="BO50" s="1286"/>
      <c r="BP50" s="1279" t="s">
        <v>573</v>
      </c>
      <c r="BQ50" s="1279"/>
      <c r="BR50" s="1279"/>
      <c r="BS50" s="1279"/>
      <c r="BT50" s="1279"/>
      <c r="BU50" s="1279"/>
      <c r="BV50" s="1279"/>
      <c r="BW50" s="1279"/>
      <c r="BX50" s="1279" t="s">
        <v>574</v>
      </c>
      <c r="BY50" s="1279"/>
      <c r="BZ50" s="1279"/>
      <c r="CA50" s="1279"/>
      <c r="CB50" s="1279"/>
      <c r="CC50" s="1279"/>
      <c r="CD50" s="1279"/>
      <c r="CE50" s="1279"/>
      <c r="CF50" s="1279" t="s">
        <v>575</v>
      </c>
      <c r="CG50" s="1279"/>
      <c r="CH50" s="1279"/>
      <c r="CI50" s="1279"/>
      <c r="CJ50" s="1279"/>
      <c r="CK50" s="1279"/>
      <c r="CL50" s="1279"/>
      <c r="CM50" s="1279"/>
      <c r="CN50" s="1279" t="s">
        <v>576</v>
      </c>
      <c r="CO50" s="1279"/>
      <c r="CP50" s="1279"/>
      <c r="CQ50" s="1279"/>
      <c r="CR50" s="1279"/>
      <c r="CS50" s="1279"/>
      <c r="CT50" s="1279"/>
      <c r="CU50" s="1279"/>
      <c r="CV50" s="1279" t="s">
        <v>577</v>
      </c>
      <c r="CW50" s="1279"/>
      <c r="CX50" s="1279"/>
      <c r="CY50" s="1279"/>
      <c r="CZ50" s="1279"/>
      <c r="DA50" s="1279"/>
      <c r="DB50" s="1279"/>
      <c r="DC50" s="1279"/>
    </row>
    <row r="51" spans="1:109" ht="13.5" customHeight="1" x14ac:dyDescent="0.2">
      <c r="B51" s="368"/>
      <c r="G51" s="1287"/>
      <c r="H51" s="1287"/>
      <c r="I51" s="1297"/>
      <c r="J51" s="1297"/>
      <c r="K51" s="1281"/>
      <c r="L51" s="1281"/>
      <c r="M51" s="1281"/>
      <c r="N51" s="1281"/>
      <c r="AM51" s="374"/>
      <c r="AN51" s="1280" t="s">
        <v>650</v>
      </c>
      <c r="AO51" s="1280"/>
      <c r="AP51" s="1280"/>
      <c r="AQ51" s="1280"/>
      <c r="AR51" s="1280"/>
      <c r="AS51" s="1280"/>
      <c r="AT51" s="1280"/>
      <c r="AU51" s="1280"/>
      <c r="AV51" s="1280"/>
      <c r="AW51" s="1280"/>
      <c r="AX51" s="1280"/>
      <c r="AY51" s="1280"/>
      <c r="AZ51" s="1280"/>
      <c r="BA51" s="1280"/>
      <c r="BB51" s="1280" t="s">
        <v>648</v>
      </c>
      <c r="BC51" s="1280"/>
      <c r="BD51" s="1280"/>
      <c r="BE51" s="1280"/>
      <c r="BF51" s="1280"/>
      <c r="BG51" s="1280"/>
      <c r="BH51" s="1280"/>
      <c r="BI51" s="1280"/>
      <c r="BJ51" s="1280"/>
      <c r="BK51" s="1280"/>
      <c r="BL51" s="1280"/>
      <c r="BM51" s="1280"/>
      <c r="BN51" s="1280"/>
      <c r="BO51" s="1280"/>
      <c r="BP51" s="1278">
        <v>145.6</v>
      </c>
      <c r="BQ51" s="1278"/>
      <c r="BR51" s="1278"/>
      <c r="BS51" s="1278"/>
      <c r="BT51" s="1278"/>
      <c r="BU51" s="1278"/>
      <c r="BV51" s="1278"/>
      <c r="BW51" s="1278"/>
      <c r="BX51" s="1278">
        <v>138.5</v>
      </c>
      <c r="BY51" s="1278"/>
      <c r="BZ51" s="1278"/>
      <c r="CA51" s="1278"/>
      <c r="CB51" s="1278"/>
      <c r="CC51" s="1278"/>
      <c r="CD51" s="1278"/>
      <c r="CE51" s="1278"/>
      <c r="CF51" s="1278">
        <v>140.4</v>
      </c>
      <c r="CG51" s="1278"/>
      <c r="CH51" s="1278"/>
      <c r="CI51" s="1278"/>
      <c r="CJ51" s="1278"/>
      <c r="CK51" s="1278"/>
      <c r="CL51" s="1278"/>
      <c r="CM51" s="1278"/>
      <c r="CN51" s="1278">
        <v>137.4</v>
      </c>
      <c r="CO51" s="1278"/>
      <c r="CP51" s="1278"/>
      <c r="CQ51" s="1278"/>
      <c r="CR51" s="1278"/>
      <c r="CS51" s="1278"/>
      <c r="CT51" s="1278"/>
      <c r="CU51" s="1278"/>
      <c r="CV51" s="1278">
        <v>129.9</v>
      </c>
      <c r="CW51" s="1278"/>
      <c r="CX51" s="1278"/>
      <c r="CY51" s="1278"/>
      <c r="CZ51" s="1278"/>
      <c r="DA51" s="1278"/>
      <c r="DB51" s="1278"/>
      <c r="DC51" s="1278"/>
    </row>
    <row r="52" spans="1:109" ht="13.2" x14ac:dyDescent="0.2">
      <c r="B52" s="368"/>
      <c r="G52" s="1287"/>
      <c r="H52" s="1287"/>
      <c r="I52" s="1297"/>
      <c r="J52" s="1297"/>
      <c r="K52" s="1281"/>
      <c r="L52" s="1281"/>
      <c r="M52" s="1281"/>
      <c r="N52" s="1281"/>
      <c r="AM52" s="374"/>
      <c r="AN52" s="1280"/>
      <c r="AO52" s="1280"/>
      <c r="AP52" s="1280"/>
      <c r="AQ52" s="1280"/>
      <c r="AR52" s="1280"/>
      <c r="AS52" s="1280"/>
      <c r="AT52" s="1280"/>
      <c r="AU52" s="1280"/>
      <c r="AV52" s="1280"/>
      <c r="AW52" s="1280"/>
      <c r="AX52" s="1280"/>
      <c r="AY52" s="1280"/>
      <c r="AZ52" s="1280"/>
      <c r="BA52" s="1280"/>
      <c r="BB52" s="1280"/>
      <c r="BC52" s="1280"/>
      <c r="BD52" s="1280"/>
      <c r="BE52" s="1280"/>
      <c r="BF52" s="1280"/>
      <c r="BG52" s="1280"/>
      <c r="BH52" s="1280"/>
      <c r="BI52" s="1280"/>
      <c r="BJ52" s="1280"/>
      <c r="BK52" s="1280"/>
      <c r="BL52" s="1280"/>
      <c r="BM52" s="1280"/>
      <c r="BN52" s="1280"/>
      <c r="BO52" s="1280"/>
      <c r="BP52" s="1278"/>
      <c r="BQ52" s="1278"/>
      <c r="BR52" s="1278"/>
      <c r="BS52" s="1278"/>
      <c r="BT52" s="1278"/>
      <c r="BU52" s="1278"/>
      <c r="BV52" s="1278"/>
      <c r="BW52" s="1278"/>
      <c r="BX52" s="1278"/>
      <c r="BY52" s="1278"/>
      <c r="BZ52" s="1278"/>
      <c r="CA52" s="1278"/>
      <c r="CB52" s="1278"/>
      <c r="CC52" s="1278"/>
      <c r="CD52" s="1278"/>
      <c r="CE52" s="1278"/>
      <c r="CF52" s="1278"/>
      <c r="CG52" s="1278"/>
      <c r="CH52" s="1278"/>
      <c r="CI52" s="1278"/>
      <c r="CJ52" s="1278"/>
      <c r="CK52" s="1278"/>
      <c r="CL52" s="1278"/>
      <c r="CM52" s="1278"/>
      <c r="CN52" s="1278"/>
      <c r="CO52" s="1278"/>
      <c r="CP52" s="1278"/>
      <c r="CQ52" s="1278"/>
      <c r="CR52" s="1278"/>
      <c r="CS52" s="1278"/>
      <c r="CT52" s="1278"/>
      <c r="CU52" s="1278"/>
      <c r="CV52" s="1278"/>
      <c r="CW52" s="1278"/>
      <c r="CX52" s="1278"/>
      <c r="CY52" s="1278"/>
      <c r="CZ52" s="1278"/>
      <c r="DA52" s="1278"/>
      <c r="DB52" s="1278"/>
      <c r="DC52" s="1278"/>
    </row>
    <row r="53" spans="1:109" ht="13.2" x14ac:dyDescent="0.2">
      <c r="A53" s="382"/>
      <c r="B53" s="368"/>
      <c r="G53" s="1287"/>
      <c r="H53" s="1287"/>
      <c r="I53" s="1276"/>
      <c r="J53" s="1276"/>
      <c r="K53" s="1281"/>
      <c r="L53" s="1281"/>
      <c r="M53" s="1281"/>
      <c r="N53" s="1281"/>
      <c r="AM53" s="374"/>
      <c r="AN53" s="1280"/>
      <c r="AO53" s="1280"/>
      <c r="AP53" s="1280"/>
      <c r="AQ53" s="1280"/>
      <c r="AR53" s="1280"/>
      <c r="AS53" s="1280"/>
      <c r="AT53" s="1280"/>
      <c r="AU53" s="1280"/>
      <c r="AV53" s="1280"/>
      <c r="AW53" s="1280"/>
      <c r="AX53" s="1280"/>
      <c r="AY53" s="1280"/>
      <c r="AZ53" s="1280"/>
      <c r="BA53" s="1280"/>
      <c r="BB53" s="1280" t="s">
        <v>655</v>
      </c>
      <c r="BC53" s="1280"/>
      <c r="BD53" s="1280"/>
      <c r="BE53" s="1280"/>
      <c r="BF53" s="1280"/>
      <c r="BG53" s="1280"/>
      <c r="BH53" s="1280"/>
      <c r="BI53" s="1280"/>
      <c r="BJ53" s="1280"/>
      <c r="BK53" s="1280"/>
      <c r="BL53" s="1280"/>
      <c r="BM53" s="1280"/>
      <c r="BN53" s="1280"/>
      <c r="BO53" s="1280"/>
      <c r="BP53" s="1278">
        <v>55.2</v>
      </c>
      <c r="BQ53" s="1278"/>
      <c r="BR53" s="1278"/>
      <c r="BS53" s="1278"/>
      <c r="BT53" s="1278"/>
      <c r="BU53" s="1278"/>
      <c r="BV53" s="1278"/>
      <c r="BW53" s="1278"/>
      <c r="BX53" s="1278">
        <v>56.4</v>
      </c>
      <c r="BY53" s="1278"/>
      <c r="BZ53" s="1278"/>
      <c r="CA53" s="1278"/>
      <c r="CB53" s="1278"/>
      <c r="CC53" s="1278"/>
      <c r="CD53" s="1278"/>
      <c r="CE53" s="1278"/>
      <c r="CF53" s="1278">
        <v>55.4</v>
      </c>
      <c r="CG53" s="1278"/>
      <c r="CH53" s="1278"/>
      <c r="CI53" s="1278"/>
      <c r="CJ53" s="1278"/>
      <c r="CK53" s="1278"/>
      <c r="CL53" s="1278"/>
      <c r="CM53" s="1278"/>
      <c r="CN53" s="1278">
        <v>55.3</v>
      </c>
      <c r="CO53" s="1278"/>
      <c r="CP53" s="1278"/>
      <c r="CQ53" s="1278"/>
      <c r="CR53" s="1278"/>
      <c r="CS53" s="1278"/>
      <c r="CT53" s="1278"/>
      <c r="CU53" s="1278"/>
      <c r="CV53" s="1278">
        <v>57.1</v>
      </c>
      <c r="CW53" s="1278"/>
      <c r="CX53" s="1278"/>
      <c r="CY53" s="1278"/>
      <c r="CZ53" s="1278"/>
      <c r="DA53" s="1278"/>
      <c r="DB53" s="1278"/>
      <c r="DC53" s="1278"/>
    </row>
    <row r="54" spans="1:109" ht="13.2" x14ac:dyDescent="0.2">
      <c r="A54" s="382"/>
      <c r="B54" s="368"/>
      <c r="G54" s="1287"/>
      <c r="H54" s="1287"/>
      <c r="I54" s="1276"/>
      <c r="J54" s="1276"/>
      <c r="K54" s="1281"/>
      <c r="L54" s="1281"/>
      <c r="M54" s="1281"/>
      <c r="N54" s="1281"/>
      <c r="AM54" s="374"/>
      <c r="AN54" s="1280"/>
      <c r="AO54" s="1280"/>
      <c r="AP54" s="1280"/>
      <c r="AQ54" s="1280"/>
      <c r="AR54" s="1280"/>
      <c r="AS54" s="1280"/>
      <c r="AT54" s="1280"/>
      <c r="AU54" s="1280"/>
      <c r="AV54" s="1280"/>
      <c r="AW54" s="1280"/>
      <c r="AX54" s="1280"/>
      <c r="AY54" s="1280"/>
      <c r="AZ54" s="1280"/>
      <c r="BA54" s="1280"/>
      <c r="BB54" s="1280"/>
      <c r="BC54" s="1280"/>
      <c r="BD54" s="1280"/>
      <c r="BE54" s="1280"/>
      <c r="BF54" s="1280"/>
      <c r="BG54" s="1280"/>
      <c r="BH54" s="1280"/>
      <c r="BI54" s="1280"/>
      <c r="BJ54" s="1280"/>
      <c r="BK54" s="1280"/>
      <c r="BL54" s="1280"/>
      <c r="BM54" s="1280"/>
      <c r="BN54" s="1280"/>
      <c r="BO54" s="1280"/>
      <c r="BP54" s="1278"/>
      <c r="BQ54" s="1278"/>
      <c r="BR54" s="1278"/>
      <c r="BS54" s="1278"/>
      <c r="BT54" s="1278"/>
      <c r="BU54" s="1278"/>
      <c r="BV54" s="1278"/>
      <c r="BW54" s="1278"/>
      <c r="BX54" s="1278"/>
      <c r="BY54" s="1278"/>
      <c r="BZ54" s="1278"/>
      <c r="CA54" s="1278"/>
      <c r="CB54" s="1278"/>
      <c r="CC54" s="1278"/>
      <c r="CD54" s="1278"/>
      <c r="CE54" s="1278"/>
      <c r="CF54" s="1278"/>
      <c r="CG54" s="1278"/>
      <c r="CH54" s="1278"/>
      <c r="CI54" s="1278"/>
      <c r="CJ54" s="1278"/>
      <c r="CK54" s="1278"/>
      <c r="CL54" s="1278"/>
      <c r="CM54" s="1278"/>
      <c r="CN54" s="1278"/>
      <c r="CO54" s="1278"/>
      <c r="CP54" s="1278"/>
      <c r="CQ54" s="1278"/>
      <c r="CR54" s="1278"/>
      <c r="CS54" s="1278"/>
      <c r="CT54" s="1278"/>
      <c r="CU54" s="1278"/>
      <c r="CV54" s="1278"/>
      <c r="CW54" s="1278"/>
      <c r="CX54" s="1278"/>
      <c r="CY54" s="1278"/>
      <c r="CZ54" s="1278"/>
      <c r="DA54" s="1278"/>
      <c r="DB54" s="1278"/>
      <c r="DC54" s="1278"/>
    </row>
    <row r="55" spans="1:109" ht="13.2" x14ac:dyDescent="0.2">
      <c r="A55" s="382"/>
      <c r="B55" s="368"/>
      <c r="G55" s="1276"/>
      <c r="H55" s="1276"/>
      <c r="I55" s="1276"/>
      <c r="J55" s="1276"/>
      <c r="K55" s="1281"/>
      <c r="L55" s="1281"/>
      <c r="M55" s="1281"/>
      <c r="N55" s="1281"/>
      <c r="AN55" s="1279" t="s">
        <v>649</v>
      </c>
      <c r="AO55" s="1279"/>
      <c r="AP55" s="1279"/>
      <c r="AQ55" s="1279"/>
      <c r="AR55" s="1279"/>
      <c r="AS55" s="1279"/>
      <c r="AT55" s="1279"/>
      <c r="AU55" s="1279"/>
      <c r="AV55" s="1279"/>
      <c r="AW55" s="1279"/>
      <c r="AX55" s="1279"/>
      <c r="AY55" s="1279"/>
      <c r="AZ55" s="1279"/>
      <c r="BA55" s="1279"/>
      <c r="BB55" s="1280" t="s">
        <v>648</v>
      </c>
      <c r="BC55" s="1280"/>
      <c r="BD55" s="1280"/>
      <c r="BE55" s="1280"/>
      <c r="BF55" s="1280"/>
      <c r="BG55" s="1280"/>
      <c r="BH55" s="1280"/>
      <c r="BI55" s="1280"/>
      <c r="BJ55" s="1280"/>
      <c r="BK55" s="1280"/>
      <c r="BL55" s="1280"/>
      <c r="BM55" s="1280"/>
      <c r="BN55" s="1280"/>
      <c r="BO55" s="1280"/>
      <c r="BP55" s="1278">
        <v>106</v>
      </c>
      <c r="BQ55" s="1278"/>
      <c r="BR55" s="1278"/>
      <c r="BS55" s="1278"/>
      <c r="BT55" s="1278"/>
      <c r="BU55" s="1278"/>
      <c r="BV55" s="1278"/>
      <c r="BW55" s="1278"/>
      <c r="BX55" s="1278">
        <v>97.6</v>
      </c>
      <c r="BY55" s="1278"/>
      <c r="BZ55" s="1278"/>
      <c r="CA55" s="1278"/>
      <c r="CB55" s="1278"/>
      <c r="CC55" s="1278"/>
      <c r="CD55" s="1278"/>
      <c r="CE55" s="1278"/>
      <c r="CF55" s="1278">
        <v>91.9</v>
      </c>
      <c r="CG55" s="1278"/>
      <c r="CH55" s="1278"/>
      <c r="CI55" s="1278"/>
      <c r="CJ55" s="1278"/>
      <c r="CK55" s="1278"/>
      <c r="CL55" s="1278"/>
      <c r="CM55" s="1278"/>
      <c r="CN55" s="1278">
        <v>86</v>
      </c>
      <c r="CO55" s="1278"/>
      <c r="CP55" s="1278"/>
      <c r="CQ55" s="1278"/>
      <c r="CR55" s="1278"/>
      <c r="CS55" s="1278"/>
      <c r="CT55" s="1278"/>
      <c r="CU55" s="1278"/>
      <c r="CV55" s="1278">
        <v>72.8</v>
      </c>
      <c r="CW55" s="1278"/>
      <c r="CX55" s="1278"/>
      <c r="CY55" s="1278"/>
      <c r="CZ55" s="1278"/>
      <c r="DA55" s="1278"/>
      <c r="DB55" s="1278"/>
      <c r="DC55" s="1278"/>
    </row>
    <row r="56" spans="1:109" ht="13.2" x14ac:dyDescent="0.2">
      <c r="A56" s="382"/>
      <c r="B56" s="368"/>
      <c r="G56" s="1276"/>
      <c r="H56" s="1276"/>
      <c r="I56" s="1276"/>
      <c r="J56" s="1276"/>
      <c r="K56" s="1281"/>
      <c r="L56" s="1281"/>
      <c r="M56" s="1281"/>
      <c r="N56" s="1281"/>
      <c r="AN56" s="1279"/>
      <c r="AO56" s="1279"/>
      <c r="AP56" s="1279"/>
      <c r="AQ56" s="1279"/>
      <c r="AR56" s="1279"/>
      <c r="AS56" s="1279"/>
      <c r="AT56" s="1279"/>
      <c r="AU56" s="1279"/>
      <c r="AV56" s="1279"/>
      <c r="AW56" s="1279"/>
      <c r="AX56" s="1279"/>
      <c r="AY56" s="1279"/>
      <c r="AZ56" s="1279"/>
      <c r="BA56" s="1279"/>
      <c r="BB56" s="1280"/>
      <c r="BC56" s="1280"/>
      <c r="BD56" s="1280"/>
      <c r="BE56" s="1280"/>
      <c r="BF56" s="1280"/>
      <c r="BG56" s="1280"/>
      <c r="BH56" s="1280"/>
      <c r="BI56" s="1280"/>
      <c r="BJ56" s="1280"/>
      <c r="BK56" s="1280"/>
      <c r="BL56" s="1280"/>
      <c r="BM56" s="1280"/>
      <c r="BN56" s="1280"/>
      <c r="BO56" s="1280"/>
      <c r="BP56" s="1278"/>
      <c r="BQ56" s="1278"/>
      <c r="BR56" s="1278"/>
      <c r="BS56" s="1278"/>
      <c r="BT56" s="1278"/>
      <c r="BU56" s="1278"/>
      <c r="BV56" s="1278"/>
      <c r="BW56" s="1278"/>
      <c r="BX56" s="1278"/>
      <c r="BY56" s="1278"/>
      <c r="BZ56" s="1278"/>
      <c r="CA56" s="1278"/>
      <c r="CB56" s="1278"/>
      <c r="CC56" s="1278"/>
      <c r="CD56" s="1278"/>
      <c r="CE56" s="1278"/>
      <c r="CF56" s="1278"/>
      <c r="CG56" s="1278"/>
      <c r="CH56" s="1278"/>
      <c r="CI56" s="1278"/>
      <c r="CJ56" s="1278"/>
      <c r="CK56" s="1278"/>
      <c r="CL56" s="1278"/>
      <c r="CM56" s="1278"/>
      <c r="CN56" s="1278"/>
      <c r="CO56" s="1278"/>
      <c r="CP56" s="1278"/>
      <c r="CQ56" s="1278"/>
      <c r="CR56" s="1278"/>
      <c r="CS56" s="1278"/>
      <c r="CT56" s="1278"/>
      <c r="CU56" s="1278"/>
      <c r="CV56" s="1278"/>
      <c r="CW56" s="1278"/>
      <c r="CX56" s="1278"/>
      <c r="CY56" s="1278"/>
      <c r="CZ56" s="1278"/>
      <c r="DA56" s="1278"/>
      <c r="DB56" s="1278"/>
      <c r="DC56" s="1278"/>
    </row>
    <row r="57" spans="1:109" s="382" customFormat="1" ht="13.2" x14ac:dyDescent="0.2">
      <c r="B57" s="388"/>
      <c r="G57" s="1276"/>
      <c r="H57" s="1276"/>
      <c r="I57" s="1282"/>
      <c r="J57" s="1282"/>
      <c r="K57" s="1281"/>
      <c r="L57" s="1281"/>
      <c r="M57" s="1281"/>
      <c r="N57" s="1281"/>
      <c r="AM57" s="367"/>
      <c r="AN57" s="1279"/>
      <c r="AO57" s="1279"/>
      <c r="AP57" s="1279"/>
      <c r="AQ57" s="1279"/>
      <c r="AR57" s="1279"/>
      <c r="AS57" s="1279"/>
      <c r="AT57" s="1279"/>
      <c r="AU57" s="1279"/>
      <c r="AV57" s="1279"/>
      <c r="AW57" s="1279"/>
      <c r="AX57" s="1279"/>
      <c r="AY57" s="1279"/>
      <c r="AZ57" s="1279"/>
      <c r="BA57" s="1279"/>
      <c r="BB57" s="1280" t="s">
        <v>655</v>
      </c>
      <c r="BC57" s="1280"/>
      <c r="BD57" s="1280"/>
      <c r="BE57" s="1280"/>
      <c r="BF57" s="1280"/>
      <c r="BG57" s="1280"/>
      <c r="BH57" s="1280"/>
      <c r="BI57" s="1280"/>
      <c r="BJ57" s="1280"/>
      <c r="BK57" s="1280"/>
      <c r="BL57" s="1280"/>
      <c r="BM57" s="1280"/>
      <c r="BN57" s="1280"/>
      <c r="BO57" s="1280"/>
      <c r="BP57" s="1278">
        <v>62</v>
      </c>
      <c r="BQ57" s="1278"/>
      <c r="BR57" s="1278"/>
      <c r="BS57" s="1278"/>
      <c r="BT57" s="1278"/>
      <c r="BU57" s="1278"/>
      <c r="BV57" s="1278"/>
      <c r="BW57" s="1278"/>
      <c r="BX57" s="1278">
        <v>62.9</v>
      </c>
      <c r="BY57" s="1278"/>
      <c r="BZ57" s="1278"/>
      <c r="CA57" s="1278"/>
      <c r="CB57" s="1278"/>
      <c r="CC57" s="1278"/>
      <c r="CD57" s="1278"/>
      <c r="CE57" s="1278"/>
      <c r="CF57" s="1278">
        <v>63.4</v>
      </c>
      <c r="CG57" s="1278"/>
      <c r="CH57" s="1278"/>
      <c r="CI57" s="1278"/>
      <c r="CJ57" s="1278"/>
      <c r="CK57" s="1278"/>
      <c r="CL57" s="1278"/>
      <c r="CM57" s="1278"/>
      <c r="CN57" s="1278">
        <v>64.3</v>
      </c>
      <c r="CO57" s="1278"/>
      <c r="CP57" s="1278"/>
      <c r="CQ57" s="1278"/>
      <c r="CR57" s="1278"/>
      <c r="CS57" s="1278"/>
      <c r="CT57" s="1278"/>
      <c r="CU57" s="1278"/>
      <c r="CV57" s="1278">
        <v>65.2</v>
      </c>
      <c r="CW57" s="1278"/>
      <c r="CX57" s="1278"/>
      <c r="CY57" s="1278"/>
      <c r="CZ57" s="1278"/>
      <c r="DA57" s="1278"/>
      <c r="DB57" s="1278"/>
      <c r="DC57" s="1278"/>
      <c r="DD57" s="393"/>
      <c r="DE57" s="388"/>
    </row>
    <row r="58" spans="1:109" s="382" customFormat="1" ht="13.2" x14ac:dyDescent="0.2">
      <c r="A58" s="367"/>
      <c r="B58" s="388"/>
      <c r="G58" s="1276"/>
      <c r="H58" s="1276"/>
      <c r="I58" s="1282"/>
      <c r="J58" s="1282"/>
      <c r="K58" s="1281"/>
      <c r="L58" s="1281"/>
      <c r="M58" s="1281"/>
      <c r="N58" s="1281"/>
      <c r="AM58" s="367"/>
      <c r="AN58" s="1279"/>
      <c r="AO58" s="1279"/>
      <c r="AP58" s="1279"/>
      <c r="AQ58" s="1279"/>
      <c r="AR58" s="1279"/>
      <c r="AS58" s="1279"/>
      <c r="AT58" s="1279"/>
      <c r="AU58" s="1279"/>
      <c r="AV58" s="1279"/>
      <c r="AW58" s="1279"/>
      <c r="AX58" s="1279"/>
      <c r="AY58" s="1279"/>
      <c r="AZ58" s="1279"/>
      <c r="BA58" s="1279"/>
      <c r="BB58" s="1280"/>
      <c r="BC58" s="1280"/>
      <c r="BD58" s="1280"/>
      <c r="BE58" s="1280"/>
      <c r="BF58" s="1280"/>
      <c r="BG58" s="1280"/>
      <c r="BH58" s="1280"/>
      <c r="BI58" s="1280"/>
      <c r="BJ58" s="1280"/>
      <c r="BK58" s="1280"/>
      <c r="BL58" s="1280"/>
      <c r="BM58" s="1280"/>
      <c r="BN58" s="1280"/>
      <c r="BO58" s="1280"/>
      <c r="BP58" s="1278"/>
      <c r="BQ58" s="1278"/>
      <c r="BR58" s="1278"/>
      <c r="BS58" s="1278"/>
      <c r="BT58" s="1278"/>
      <c r="BU58" s="1278"/>
      <c r="BV58" s="1278"/>
      <c r="BW58" s="1278"/>
      <c r="BX58" s="1278"/>
      <c r="BY58" s="1278"/>
      <c r="BZ58" s="1278"/>
      <c r="CA58" s="1278"/>
      <c r="CB58" s="1278"/>
      <c r="CC58" s="1278"/>
      <c r="CD58" s="1278"/>
      <c r="CE58" s="1278"/>
      <c r="CF58" s="1278"/>
      <c r="CG58" s="1278"/>
      <c r="CH58" s="1278"/>
      <c r="CI58" s="1278"/>
      <c r="CJ58" s="1278"/>
      <c r="CK58" s="1278"/>
      <c r="CL58" s="1278"/>
      <c r="CM58" s="1278"/>
      <c r="CN58" s="1278"/>
      <c r="CO58" s="1278"/>
      <c r="CP58" s="1278"/>
      <c r="CQ58" s="1278"/>
      <c r="CR58" s="1278"/>
      <c r="CS58" s="1278"/>
      <c r="CT58" s="1278"/>
      <c r="CU58" s="1278"/>
      <c r="CV58" s="1278"/>
      <c r="CW58" s="1278"/>
      <c r="CX58" s="1278"/>
      <c r="CY58" s="1278"/>
      <c r="CZ58" s="1278"/>
      <c r="DA58" s="1278"/>
      <c r="DB58" s="1278"/>
      <c r="DC58" s="1278"/>
      <c r="DD58" s="393"/>
      <c r="DE58" s="388"/>
    </row>
    <row r="59" spans="1:109" s="382" customFormat="1" ht="13.2" x14ac:dyDescent="0.2">
      <c r="A59" s="367"/>
      <c r="B59" s="388"/>
      <c r="K59" s="394"/>
      <c r="L59" s="394"/>
      <c r="M59" s="394"/>
      <c r="N59" s="394"/>
      <c r="AQ59" s="394"/>
      <c r="AR59" s="394"/>
      <c r="AS59" s="394"/>
      <c r="AT59" s="394"/>
      <c r="BC59" s="394"/>
      <c r="BD59" s="394"/>
      <c r="BE59" s="394"/>
      <c r="BF59" s="394"/>
      <c r="BO59" s="394"/>
      <c r="BP59" s="394"/>
      <c r="BQ59" s="394"/>
      <c r="BR59" s="394"/>
      <c r="CA59" s="394"/>
      <c r="CB59" s="394"/>
      <c r="CC59" s="394"/>
      <c r="CD59" s="394"/>
      <c r="CM59" s="394"/>
      <c r="CN59" s="394"/>
      <c r="CO59" s="394"/>
      <c r="CP59" s="394"/>
      <c r="CY59" s="394"/>
      <c r="CZ59" s="394"/>
      <c r="DA59" s="394"/>
      <c r="DB59" s="394"/>
      <c r="DC59" s="394"/>
      <c r="DD59" s="393"/>
      <c r="DE59" s="388"/>
    </row>
    <row r="60" spans="1:109" s="382" customFormat="1" ht="13.2" x14ac:dyDescent="0.2">
      <c r="A60" s="367"/>
      <c r="B60" s="388"/>
      <c r="K60" s="394"/>
      <c r="L60" s="394"/>
      <c r="M60" s="394"/>
      <c r="N60" s="394"/>
      <c r="AQ60" s="394"/>
      <c r="AR60" s="394"/>
      <c r="AS60" s="394"/>
      <c r="AT60" s="394"/>
      <c r="BC60" s="394"/>
      <c r="BD60" s="394"/>
      <c r="BE60" s="394"/>
      <c r="BF60" s="394"/>
      <c r="BO60" s="394"/>
      <c r="BP60" s="394"/>
      <c r="BQ60" s="394"/>
      <c r="BR60" s="394"/>
      <c r="CA60" s="394"/>
      <c r="CB60" s="394"/>
      <c r="CC60" s="394"/>
      <c r="CD60" s="394"/>
      <c r="CM60" s="394"/>
      <c r="CN60" s="394"/>
      <c r="CO60" s="394"/>
      <c r="CP60" s="394"/>
      <c r="CY60" s="394"/>
      <c r="CZ60" s="394"/>
      <c r="DA60" s="394"/>
      <c r="DB60" s="394"/>
      <c r="DC60" s="394"/>
      <c r="DD60" s="393"/>
      <c r="DE60" s="388"/>
    </row>
    <row r="61" spans="1:109" s="382" customFormat="1" ht="13.2" x14ac:dyDescent="0.2">
      <c r="A61" s="367"/>
      <c r="B61" s="392"/>
      <c r="C61" s="391"/>
      <c r="D61" s="391"/>
      <c r="E61" s="391"/>
      <c r="F61" s="391"/>
      <c r="G61" s="391"/>
      <c r="H61" s="391"/>
      <c r="I61" s="391"/>
      <c r="J61" s="391"/>
      <c r="K61" s="391"/>
      <c r="L61" s="391"/>
      <c r="M61" s="390"/>
      <c r="N61" s="390"/>
      <c r="O61" s="391"/>
      <c r="P61" s="391"/>
      <c r="Q61" s="391"/>
      <c r="R61" s="391"/>
      <c r="S61" s="391"/>
      <c r="T61" s="391"/>
      <c r="U61" s="391"/>
      <c r="V61" s="391"/>
      <c r="W61" s="391"/>
      <c r="X61" s="391"/>
      <c r="Y61" s="391"/>
      <c r="Z61" s="391"/>
      <c r="AA61" s="391"/>
      <c r="AB61" s="391"/>
      <c r="AC61" s="391"/>
      <c r="AD61" s="391"/>
      <c r="AE61" s="391"/>
      <c r="AF61" s="391"/>
      <c r="AG61" s="391"/>
      <c r="AH61" s="391"/>
      <c r="AI61" s="391"/>
      <c r="AJ61" s="391"/>
      <c r="AK61" s="391"/>
      <c r="AL61" s="391"/>
      <c r="AM61" s="391"/>
      <c r="AN61" s="391"/>
      <c r="AO61" s="391"/>
      <c r="AP61" s="391"/>
      <c r="AQ61" s="391"/>
      <c r="AR61" s="391"/>
      <c r="AS61" s="390"/>
      <c r="AT61" s="390"/>
      <c r="AU61" s="391"/>
      <c r="AV61" s="391"/>
      <c r="AW61" s="391"/>
      <c r="AX61" s="391"/>
      <c r="AY61" s="391"/>
      <c r="AZ61" s="391"/>
      <c r="BA61" s="391"/>
      <c r="BB61" s="391"/>
      <c r="BC61" s="391"/>
      <c r="BD61" s="391"/>
      <c r="BE61" s="390"/>
      <c r="BF61" s="390"/>
      <c r="BG61" s="391"/>
      <c r="BH61" s="391"/>
      <c r="BI61" s="391"/>
      <c r="BJ61" s="391"/>
      <c r="BK61" s="391"/>
      <c r="BL61" s="391"/>
      <c r="BM61" s="391"/>
      <c r="BN61" s="391"/>
      <c r="BO61" s="391"/>
      <c r="BP61" s="391"/>
      <c r="BQ61" s="390"/>
      <c r="BR61" s="390"/>
      <c r="BS61" s="391"/>
      <c r="BT61" s="391"/>
      <c r="BU61" s="391"/>
      <c r="BV61" s="391"/>
      <c r="BW61" s="391"/>
      <c r="BX61" s="391"/>
      <c r="BY61" s="391"/>
      <c r="BZ61" s="391"/>
      <c r="CA61" s="391"/>
      <c r="CB61" s="391"/>
      <c r="CC61" s="390"/>
      <c r="CD61" s="390"/>
      <c r="CE61" s="391"/>
      <c r="CF61" s="391"/>
      <c r="CG61" s="391"/>
      <c r="CH61" s="391"/>
      <c r="CI61" s="391"/>
      <c r="CJ61" s="391"/>
      <c r="CK61" s="391"/>
      <c r="CL61" s="391"/>
      <c r="CM61" s="391"/>
      <c r="CN61" s="391"/>
      <c r="CO61" s="390"/>
      <c r="CP61" s="390"/>
      <c r="CQ61" s="391"/>
      <c r="CR61" s="391"/>
      <c r="CS61" s="391"/>
      <c r="CT61" s="391"/>
      <c r="CU61" s="391"/>
      <c r="CV61" s="391"/>
      <c r="CW61" s="391"/>
      <c r="CX61" s="391"/>
      <c r="CY61" s="391"/>
      <c r="CZ61" s="391"/>
      <c r="DA61" s="390"/>
      <c r="DB61" s="390"/>
      <c r="DC61" s="390"/>
      <c r="DD61" s="389"/>
      <c r="DE61" s="388"/>
    </row>
    <row r="62" spans="1:109" ht="13.2" x14ac:dyDescent="0.2">
      <c r="B62" s="387"/>
      <c r="C62" s="387"/>
      <c r="D62" s="387"/>
      <c r="E62" s="387"/>
      <c r="F62" s="387"/>
      <c r="G62" s="387"/>
      <c r="H62" s="387"/>
      <c r="I62" s="387"/>
      <c r="J62" s="387"/>
      <c r="K62" s="387"/>
      <c r="L62" s="387"/>
      <c r="M62" s="387"/>
      <c r="N62" s="387"/>
      <c r="O62" s="387"/>
      <c r="P62" s="387"/>
      <c r="Q62" s="387"/>
      <c r="R62" s="387"/>
      <c r="S62" s="387"/>
      <c r="T62" s="387"/>
      <c r="U62" s="387"/>
      <c r="V62" s="387"/>
      <c r="W62" s="387"/>
      <c r="X62" s="387"/>
      <c r="Y62" s="387"/>
      <c r="Z62" s="387"/>
      <c r="AA62" s="387"/>
      <c r="AB62" s="387"/>
      <c r="AC62" s="387"/>
      <c r="AD62" s="387"/>
      <c r="AE62" s="387"/>
      <c r="AF62" s="387"/>
      <c r="AG62" s="387"/>
      <c r="AH62" s="387"/>
      <c r="AI62" s="387"/>
      <c r="AJ62" s="387"/>
      <c r="AK62" s="387"/>
      <c r="AL62" s="387"/>
      <c r="AM62" s="387"/>
      <c r="AN62" s="387"/>
      <c r="AO62" s="387"/>
      <c r="AP62" s="387"/>
      <c r="AQ62" s="387"/>
      <c r="AR62" s="387"/>
      <c r="AS62" s="387"/>
      <c r="AT62" s="387"/>
      <c r="AU62" s="387"/>
      <c r="AV62" s="387"/>
      <c r="AW62" s="387"/>
      <c r="AX62" s="387"/>
      <c r="AY62" s="387"/>
      <c r="AZ62" s="387"/>
      <c r="BA62" s="387"/>
      <c r="BB62" s="387"/>
      <c r="BC62" s="387"/>
      <c r="BD62" s="387"/>
      <c r="BE62" s="387"/>
      <c r="BF62" s="387"/>
      <c r="BG62" s="387"/>
      <c r="BH62" s="387"/>
      <c r="BI62" s="387"/>
      <c r="BJ62" s="387"/>
      <c r="BK62" s="387"/>
      <c r="BL62" s="387"/>
      <c r="BM62" s="387"/>
      <c r="BN62" s="387"/>
      <c r="BO62" s="387"/>
      <c r="BP62" s="387"/>
      <c r="BQ62" s="387"/>
      <c r="BR62" s="387"/>
      <c r="BS62" s="387"/>
      <c r="BT62" s="387"/>
      <c r="BU62" s="387"/>
      <c r="BV62" s="387"/>
      <c r="BW62" s="387"/>
      <c r="BX62" s="387"/>
      <c r="BY62" s="387"/>
      <c r="BZ62" s="387"/>
      <c r="CA62" s="387"/>
      <c r="CB62" s="387"/>
      <c r="CC62" s="387"/>
      <c r="CD62" s="387"/>
      <c r="CE62" s="387"/>
      <c r="CF62" s="387"/>
      <c r="CG62" s="387"/>
      <c r="CH62" s="387"/>
      <c r="CI62" s="387"/>
      <c r="CJ62" s="387"/>
      <c r="CK62" s="387"/>
      <c r="CL62" s="387"/>
      <c r="CM62" s="387"/>
      <c r="CN62" s="387"/>
      <c r="CO62" s="387"/>
      <c r="CP62" s="387"/>
      <c r="CQ62" s="387"/>
      <c r="CR62" s="387"/>
      <c r="CS62" s="387"/>
      <c r="CT62" s="387"/>
      <c r="CU62" s="387"/>
      <c r="CV62" s="387"/>
      <c r="CW62" s="387"/>
      <c r="CX62" s="387"/>
      <c r="CY62" s="387"/>
      <c r="CZ62" s="387"/>
      <c r="DA62" s="387"/>
      <c r="DB62" s="387"/>
      <c r="DC62" s="387"/>
      <c r="DD62" s="387"/>
      <c r="DE62" s="367"/>
    </row>
    <row r="63" spans="1:109" ht="16.2" x14ac:dyDescent="0.2">
      <c r="B63" s="386" t="s">
        <v>654</v>
      </c>
    </row>
    <row r="64" spans="1:109" ht="13.2" x14ac:dyDescent="0.2">
      <c r="B64" s="368"/>
      <c r="G64" s="383"/>
      <c r="I64" s="385"/>
      <c r="J64" s="385"/>
      <c r="K64" s="385"/>
      <c r="L64" s="385"/>
      <c r="M64" s="385"/>
      <c r="N64" s="384"/>
      <c r="AM64" s="383"/>
      <c r="AN64" s="383" t="s">
        <v>653</v>
      </c>
      <c r="AP64" s="382"/>
      <c r="AQ64" s="382"/>
      <c r="AR64" s="382"/>
      <c r="AY64" s="383"/>
      <c r="BA64" s="382"/>
      <c r="BB64" s="382"/>
      <c r="BC64" s="382"/>
      <c r="BK64" s="383"/>
      <c r="BM64" s="382"/>
      <c r="BN64" s="382"/>
      <c r="BO64" s="382"/>
      <c r="BW64" s="383"/>
      <c r="BY64" s="382"/>
      <c r="BZ64" s="382"/>
      <c r="CA64" s="382"/>
      <c r="CI64" s="383"/>
      <c r="CK64" s="382"/>
      <c r="CL64" s="382"/>
      <c r="CM64" s="382"/>
      <c r="CU64" s="383"/>
      <c r="CW64" s="382"/>
      <c r="CX64" s="382"/>
      <c r="CY64" s="382"/>
    </row>
    <row r="65" spans="2:107" ht="13.2" x14ac:dyDescent="0.2">
      <c r="B65" s="368"/>
      <c r="AN65" s="1288" t="s">
        <v>652</v>
      </c>
      <c r="AO65" s="1289"/>
      <c r="AP65" s="1289"/>
      <c r="AQ65" s="1289"/>
      <c r="AR65" s="1289"/>
      <c r="AS65" s="1289"/>
      <c r="AT65" s="1289"/>
      <c r="AU65" s="1289"/>
      <c r="AV65" s="1289"/>
      <c r="AW65" s="1289"/>
      <c r="AX65" s="1289"/>
      <c r="AY65" s="1289"/>
      <c r="AZ65" s="1289"/>
      <c r="BA65" s="1289"/>
      <c r="BB65" s="1289"/>
      <c r="BC65" s="1289"/>
      <c r="BD65" s="1289"/>
      <c r="BE65" s="1289"/>
      <c r="BF65" s="1289"/>
      <c r="BG65" s="1289"/>
      <c r="BH65" s="1289"/>
      <c r="BI65" s="1289"/>
      <c r="BJ65" s="1289"/>
      <c r="BK65" s="1289"/>
      <c r="BL65" s="1289"/>
      <c r="BM65" s="1289"/>
      <c r="BN65" s="1289"/>
      <c r="BO65" s="1289"/>
      <c r="BP65" s="1289"/>
      <c r="BQ65" s="1289"/>
      <c r="BR65" s="1289"/>
      <c r="BS65" s="1289"/>
      <c r="BT65" s="1289"/>
      <c r="BU65" s="1289"/>
      <c r="BV65" s="1289"/>
      <c r="BW65" s="1289"/>
      <c r="BX65" s="1289"/>
      <c r="BY65" s="1289"/>
      <c r="BZ65" s="1289"/>
      <c r="CA65" s="1289"/>
      <c r="CB65" s="1289"/>
      <c r="CC65" s="1289"/>
      <c r="CD65" s="1289"/>
      <c r="CE65" s="1289"/>
      <c r="CF65" s="1289"/>
      <c r="CG65" s="1289"/>
      <c r="CH65" s="1289"/>
      <c r="CI65" s="1289"/>
      <c r="CJ65" s="1289"/>
      <c r="CK65" s="1289"/>
      <c r="CL65" s="1289"/>
      <c r="CM65" s="1289"/>
      <c r="CN65" s="1289"/>
      <c r="CO65" s="1289"/>
      <c r="CP65" s="1289"/>
      <c r="CQ65" s="1289"/>
      <c r="CR65" s="1289"/>
      <c r="CS65" s="1289"/>
      <c r="CT65" s="1289"/>
      <c r="CU65" s="1289"/>
      <c r="CV65" s="1289"/>
      <c r="CW65" s="1289"/>
      <c r="CX65" s="1289"/>
      <c r="CY65" s="1289"/>
      <c r="CZ65" s="1289"/>
      <c r="DA65" s="1289"/>
      <c r="DB65" s="1289"/>
      <c r="DC65" s="1290"/>
    </row>
    <row r="66" spans="2:107" ht="13.2" x14ac:dyDescent="0.2">
      <c r="B66" s="368"/>
      <c r="AN66" s="1291"/>
      <c r="AO66" s="1292"/>
      <c r="AP66" s="1292"/>
      <c r="AQ66" s="1292"/>
      <c r="AR66" s="1292"/>
      <c r="AS66" s="1292"/>
      <c r="AT66" s="1292"/>
      <c r="AU66" s="1292"/>
      <c r="AV66" s="1292"/>
      <c r="AW66" s="1292"/>
      <c r="AX66" s="1292"/>
      <c r="AY66" s="1292"/>
      <c r="AZ66" s="1292"/>
      <c r="BA66" s="1292"/>
      <c r="BB66" s="1292"/>
      <c r="BC66" s="1292"/>
      <c r="BD66" s="1292"/>
      <c r="BE66" s="1292"/>
      <c r="BF66" s="1292"/>
      <c r="BG66" s="1292"/>
      <c r="BH66" s="1292"/>
      <c r="BI66" s="1292"/>
      <c r="BJ66" s="1292"/>
      <c r="BK66" s="1292"/>
      <c r="BL66" s="1292"/>
      <c r="BM66" s="1292"/>
      <c r="BN66" s="1292"/>
      <c r="BO66" s="1292"/>
      <c r="BP66" s="1292"/>
      <c r="BQ66" s="1292"/>
      <c r="BR66" s="1292"/>
      <c r="BS66" s="1292"/>
      <c r="BT66" s="1292"/>
      <c r="BU66" s="1292"/>
      <c r="BV66" s="1292"/>
      <c r="BW66" s="1292"/>
      <c r="BX66" s="1292"/>
      <c r="BY66" s="1292"/>
      <c r="BZ66" s="1292"/>
      <c r="CA66" s="1292"/>
      <c r="CB66" s="1292"/>
      <c r="CC66" s="1292"/>
      <c r="CD66" s="1292"/>
      <c r="CE66" s="1292"/>
      <c r="CF66" s="1292"/>
      <c r="CG66" s="1292"/>
      <c r="CH66" s="1292"/>
      <c r="CI66" s="1292"/>
      <c r="CJ66" s="1292"/>
      <c r="CK66" s="1292"/>
      <c r="CL66" s="1292"/>
      <c r="CM66" s="1292"/>
      <c r="CN66" s="1292"/>
      <c r="CO66" s="1292"/>
      <c r="CP66" s="1292"/>
      <c r="CQ66" s="1292"/>
      <c r="CR66" s="1292"/>
      <c r="CS66" s="1292"/>
      <c r="CT66" s="1292"/>
      <c r="CU66" s="1292"/>
      <c r="CV66" s="1292"/>
      <c r="CW66" s="1292"/>
      <c r="CX66" s="1292"/>
      <c r="CY66" s="1292"/>
      <c r="CZ66" s="1292"/>
      <c r="DA66" s="1292"/>
      <c r="DB66" s="1292"/>
      <c r="DC66" s="1293"/>
    </row>
    <row r="67" spans="2:107" ht="13.2" x14ac:dyDescent="0.2">
      <c r="B67" s="368"/>
      <c r="AN67" s="1291"/>
      <c r="AO67" s="1292"/>
      <c r="AP67" s="1292"/>
      <c r="AQ67" s="1292"/>
      <c r="AR67" s="1292"/>
      <c r="AS67" s="1292"/>
      <c r="AT67" s="1292"/>
      <c r="AU67" s="1292"/>
      <c r="AV67" s="1292"/>
      <c r="AW67" s="1292"/>
      <c r="AX67" s="1292"/>
      <c r="AY67" s="1292"/>
      <c r="AZ67" s="1292"/>
      <c r="BA67" s="1292"/>
      <c r="BB67" s="1292"/>
      <c r="BC67" s="1292"/>
      <c r="BD67" s="1292"/>
      <c r="BE67" s="1292"/>
      <c r="BF67" s="1292"/>
      <c r="BG67" s="1292"/>
      <c r="BH67" s="1292"/>
      <c r="BI67" s="1292"/>
      <c r="BJ67" s="1292"/>
      <c r="BK67" s="1292"/>
      <c r="BL67" s="1292"/>
      <c r="BM67" s="1292"/>
      <c r="BN67" s="1292"/>
      <c r="BO67" s="1292"/>
      <c r="BP67" s="1292"/>
      <c r="BQ67" s="1292"/>
      <c r="BR67" s="1292"/>
      <c r="BS67" s="1292"/>
      <c r="BT67" s="1292"/>
      <c r="BU67" s="1292"/>
      <c r="BV67" s="1292"/>
      <c r="BW67" s="1292"/>
      <c r="BX67" s="1292"/>
      <c r="BY67" s="1292"/>
      <c r="BZ67" s="1292"/>
      <c r="CA67" s="1292"/>
      <c r="CB67" s="1292"/>
      <c r="CC67" s="1292"/>
      <c r="CD67" s="1292"/>
      <c r="CE67" s="1292"/>
      <c r="CF67" s="1292"/>
      <c r="CG67" s="1292"/>
      <c r="CH67" s="1292"/>
      <c r="CI67" s="1292"/>
      <c r="CJ67" s="1292"/>
      <c r="CK67" s="1292"/>
      <c r="CL67" s="1292"/>
      <c r="CM67" s="1292"/>
      <c r="CN67" s="1292"/>
      <c r="CO67" s="1292"/>
      <c r="CP67" s="1292"/>
      <c r="CQ67" s="1292"/>
      <c r="CR67" s="1292"/>
      <c r="CS67" s="1292"/>
      <c r="CT67" s="1292"/>
      <c r="CU67" s="1292"/>
      <c r="CV67" s="1292"/>
      <c r="CW67" s="1292"/>
      <c r="CX67" s="1292"/>
      <c r="CY67" s="1292"/>
      <c r="CZ67" s="1292"/>
      <c r="DA67" s="1292"/>
      <c r="DB67" s="1292"/>
      <c r="DC67" s="1293"/>
    </row>
    <row r="68" spans="2:107" ht="13.2" x14ac:dyDescent="0.2">
      <c r="B68" s="368"/>
      <c r="AN68" s="1291"/>
      <c r="AO68" s="1292"/>
      <c r="AP68" s="1292"/>
      <c r="AQ68" s="1292"/>
      <c r="AR68" s="1292"/>
      <c r="AS68" s="1292"/>
      <c r="AT68" s="1292"/>
      <c r="AU68" s="1292"/>
      <c r="AV68" s="1292"/>
      <c r="AW68" s="1292"/>
      <c r="AX68" s="1292"/>
      <c r="AY68" s="1292"/>
      <c r="AZ68" s="1292"/>
      <c r="BA68" s="1292"/>
      <c r="BB68" s="1292"/>
      <c r="BC68" s="1292"/>
      <c r="BD68" s="1292"/>
      <c r="BE68" s="1292"/>
      <c r="BF68" s="1292"/>
      <c r="BG68" s="1292"/>
      <c r="BH68" s="1292"/>
      <c r="BI68" s="1292"/>
      <c r="BJ68" s="1292"/>
      <c r="BK68" s="1292"/>
      <c r="BL68" s="1292"/>
      <c r="BM68" s="1292"/>
      <c r="BN68" s="1292"/>
      <c r="BO68" s="1292"/>
      <c r="BP68" s="1292"/>
      <c r="BQ68" s="1292"/>
      <c r="BR68" s="1292"/>
      <c r="BS68" s="1292"/>
      <c r="BT68" s="1292"/>
      <c r="BU68" s="1292"/>
      <c r="BV68" s="1292"/>
      <c r="BW68" s="1292"/>
      <c r="BX68" s="1292"/>
      <c r="BY68" s="1292"/>
      <c r="BZ68" s="1292"/>
      <c r="CA68" s="1292"/>
      <c r="CB68" s="1292"/>
      <c r="CC68" s="1292"/>
      <c r="CD68" s="1292"/>
      <c r="CE68" s="1292"/>
      <c r="CF68" s="1292"/>
      <c r="CG68" s="1292"/>
      <c r="CH68" s="1292"/>
      <c r="CI68" s="1292"/>
      <c r="CJ68" s="1292"/>
      <c r="CK68" s="1292"/>
      <c r="CL68" s="1292"/>
      <c r="CM68" s="1292"/>
      <c r="CN68" s="1292"/>
      <c r="CO68" s="1292"/>
      <c r="CP68" s="1292"/>
      <c r="CQ68" s="1292"/>
      <c r="CR68" s="1292"/>
      <c r="CS68" s="1292"/>
      <c r="CT68" s="1292"/>
      <c r="CU68" s="1292"/>
      <c r="CV68" s="1292"/>
      <c r="CW68" s="1292"/>
      <c r="CX68" s="1292"/>
      <c r="CY68" s="1292"/>
      <c r="CZ68" s="1292"/>
      <c r="DA68" s="1292"/>
      <c r="DB68" s="1292"/>
      <c r="DC68" s="1293"/>
    </row>
    <row r="69" spans="2:107" ht="13.2" x14ac:dyDescent="0.2">
      <c r="B69" s="368"/>
      <c r="AN69" s="1294"/>
      <c r="AO69" s="1295"/>
      <c r="AP69" s="1295"/>
      <c r="AQ69" s="1295"/>
      <c r="AR69" s="1295"/>
      <c r="AS69" s="1295"/>
      <c r="AT69" s="1295"/>
      <c r="AU69" s="1295"/>
      <c r="AV69" s="1295"/>
      <c r="AW69" s="1295"/>
      <c r="AX69" s="1295"/>
      <c r="AY69" s="1295"/>
      <c r="AZ69" s="1295"/>
      <c r="BA69" s="1295"/>
      <c r="BB69" s="1295"/>
      <c r="BC69" s="1295"/>
      <c r="BD69" s="1295"/>
      <c r="BE69" s="1295"/>
      <c r="BF69" s="1295"/>
      <c r="BG69" s="1295"/>
      <c r="BH69" s="1295"/>
      <c r="BI69" s="1295"/>
      <c r="BJ69" s="1295"/>
      <c r="BK69" s="1295"/>
      <c r="BL69" s="1295"/>
      <c r="BM69" s="1295"/>
      <c r="BN69" s="1295"/>
      <c r="BO69" s="1295"/>
      <c r="BP69" s="1295"/>
      <c r="BQ69" s="1295"/>
      <c r="BR69" s="1295"/>
      <c r="BS69" s="1295"/>
      <c r="BT69" s="1295"/>
      <c r="BU69" s="1295"/>
      <c r="BV69" s="1295"/>
      <c r="BW69" s="1295"/>
      <c r="BX69" s="1295"/>
      <c r="BY69" s="1295"/>
      <c r="BZ69" s="1295"/>
      <c r="CA69" s="1295"/>
      <c r="CB69" s="1295"/>
      <c r="CC69" s="1295"/>
      <c r="CD69" s="1295"/>
      <c r="CE69" s="1295"/>
      <c r="CF69" s="1295"/>
      <c r="CG69" s="1295"/>
      <c r="CH69" s="1295"/>
      <c r="CI69" s="1295"/>
      <c r="CJ69" s="1295"/>
      <c r="CK69" s="1295"/>
      <c r="CL69" s="1295"/>
      <c r="CM69" s="1295"/>
      <c r="CN69" s="1295"/>
      <c r="CO69" s="1295"/>
      <c r="CP69" s="1295"/>
      <c r="CQ69" s="1295"/>
      <c r="CR69" s="1295"/>
      <c r="CS69" s="1295"/>
      <c r="CT69" s="1295"/>
      <c r="CU69" s="1295"/>
      <c r="CV69" s="1295"/>
      <c r="CW69" s="1295"/>
      <c r="CX69" s="1295"/>
      <c r="CY69" s="1295"/>
      <c r="CZ69" s="1295"/>
      <c r="DA69" s="1295"/>
      <c r="DB69" s="1295"/>
      <c r="DC69" s="1296"/>
    </row>
    <row r="70" spans="2:107" ht="13.2" x14ac:dyDescent="0.2">
      <c r="B70" s="368"/>
      <c r="H70" s="381"/>
      <c r="I70" s="381"/>
      <c r="J70" s="379"/>
      <c r="K70" s="379"/>
      <c r="L70" s="378"/>
      <c r="M70" s="379"/>
      <c r="N70" s="378"/>
      <c r="AN70" s="374"/>
      <c r="AO70" s="374"/>
      <c r="AP70" s="374"/>
      <c r="AZ70" s="374"/>
      <c r="BA70" s="374"/>
      <c r="BB70" s="374"/>
      <c r="BL70" s="374"/>
      <c r="BM70" s="374"/>
      <c r="BN70" s="374"/>
      <c r="BX70" s="374"/>
      <c r="BY70" s="374"/>
      <c r="BZ70" s="374"/>
      <c r="CJ70" s="374"/>
      <c r="CK70" s="374"/>
      <c r="CL70" s="374"/>
      <c r="CV70" s="374"/>
      <c r="CW70" s="374"/>
      <c r="CX70" s="374"/>
    </row>
    <row r="71" spans="2:107" ht="13.2" x14ac:dyDescent="0.2">
      <c r="B71" s="368"/>
      <c r="G71" s="377"/>
      <c r="I71" s="380"/>
      <c r="J71" s="379"/>
      <c r="K71" s="379"/>
      <c r="L71" s="378"/>
      <c r="M71" s="379"/>
      <c r="N71" s="378"/>
      <c r="AM71" s="377"/>
      <c r="AN71" s="367" t="s">
        <v>651</v>
      </c>
    </row>
    <row r="72" spans="2:107" ht="13.2" x14ac:dyDescent="0.2">
      <c r="B72" s="368"/>
      <c r="G72" s="1276"/>
      <c r="H72" s="1276"/>
      <c r="I72" s="1276"/>
      <c r="J72" s="1276"/>
      <c r="K72" s="376"/>
      <c r="L72" s="376"/>
      <c r="M72" s="375"/>
      <c r="N72" s="375"/>
      <c r="AN72" s="1284"/>
      <c r="AO72" s="1285"/>
      <c r="AP72" s="1285"/>
      <c r="AQ72" s="1285"/>
      <c r="AR72" s="1285"/>
      <c r="AS72" s="1285"/>
      <c r="AT72" s="1285"/>
      <c r="AU72" s="1285"/>
      <c r="AV72" s="1285"/>
      <c r="AW72" s="1285"/>
      <c r="AX72" s="1285"/>
      <c r="AY72" s="1285"/>
      <c r="AZ72" s="1285"/>
      <c r="BA72" s="1285"/>
      <c r="BB72" s="1285"/>
      <c r="BC72" s="1285"/>
      <c r="BD72" s="1285"/>
      <c r="BE72" s="1285"/>
      <c r="BF72" s="1285"/>
      <c r="BG72" s="1285"/>
      <c r="BH72" s="1285"/>
      <c r="BI72" s="1285"/>
      <c r="BJ72" s="1285"/>
      <c r="BK72" s="1285"/>
      <c r="BL72" s="1285"/>
      <c r="BM72" s="1285"/>
      <c r="BN72" s="1285"/>
      <c r="BO72" s="1286"/>
      <c r="BP72" s="1279" t="s">
        <v>573</v>
      </c>
      <c r="BQ72" s="1279"/>
      <c r="BR72" s="1279"/>
      <c r="BS72" s="1279"/>
      <c r="BT72" s="1279"/>
      <c r="BU72" s="1279"/>
      <c r="BV72" s="1279"/>
      <c r="BW72" s="1279"/>
      <c r="BX72" s="1279" t="s">
        <v>574</v>
      </c>
      <c r="BY72" s="1279"/>
      <c r="BZ72" s="1279"/>
      <c r="CA72" s="1279"/>
      <c r="CB72" s="1279"/>
      <c r="CC72" s="1279"/>
      <c r="CD72" s="1279"/>
      <c r="CE72" s="1279"/>
      <c r="CF72" s="1279" t="s">
        <v>575</v>
      </c>
      <c r="CG72" s="1279"/>
      <c r="CH72" s="1279"/>
      <c r="CI72" s="1279"/>
      <c r="CJ72" s="1279"/>
      <c r="CK72" s="1279"/>
      <c r="CL72" s="1279"/>
      <c r="CM72" s="1279"/>
      <c r="CN72" s="1279" t="s">
        <v>576</v>
      </c>
      <c r="CO72" s="1279"/>
      <c r="CP72" s="1279"/>
      <c r="CQ72" s="1279"/>
      <c r="CR72" s="1279"/>
      <c r="CS72" s="1279"/>
      <c r="CT72" s="1279"/>
      <c r="CU72" s="1279"/>
      <c r="CV72" s="1279" t="s">
        <v>577</v>
      </c>
      <c r="CW72" s="1279"/>
      <c r="CX72" s="1279"/>
      <c r="CY72" s="1279"/>
      <c r="CZ72" s="1279"/>
      <c r="DA72" s="1279"/>
      <c r="DB72" s="1279"/>
      <c r="DC72" s="1279"/>
    </row>
    <row r="73" spans="2:107" ht="13.2" x14ac:dyDescent="0.2">
      <c r="B73" s="368"/>
      <c r="G73" s="1287"/>
      <c r="H73" s="1287"/>
      <c r="I73" s="1287"/>
      <c r="J73" s="1287"/>
      <c r="K73" s="1277"/>
      <c r="L73" s="1277"/>
      <c r="M73" s="1277"/>
      <c r="N73" s="1277"/>
      <c r="AM73" s="374"/>
      <c r="AN73" s="1280" t="s">
        <v>650</v>
      </c>
      <c r="AO73" s="1280"/>
      <c r="AP73" s="1280"/>
      <c r="AQ73" s="1280"/>
      <c r="AR73" s="1280"/>
      <c r="AS73" s="1280"/>
      <c r="AT73" s="1280"/>
      <c r="AU73" s="1280"/>
      <c r="AV73" s="1280"/>
      <c r="AW73" s="1280"/>
      <c r="AX73" s="1280"/>
      <c r="AY73" s="1280"/>
      <c r="AZ73" s="1280"/>
      <c r="BA73" s="1280"/>
      <c r="BB73" s="1280" t="s">
        <v>648</v>
      </c>
      <c r="BC73" s="1280"/>
      <c r="BD73" s="1280"/>
      <c r="BE73" s="1280"/>
      <c r="BF73" s="1280"/>
      <c r="BG73" s="1280"/>
      <c r="BH73" s="1280"/>
      <c r="BI73" s="1280"/>
      <c r="BJ73" s="1280"/>
      <c r="BK73" s="1280"/>
      <c r="BL73" s="1280"/>
      <c r="BM73" s="1280"/>
      <c r="BN73" s="1280"/>
      <c r="BO73" s="1280"/>
      <c r="BP73" s="1278">
        <v>145.6</v>
      </c>
      <c r="BQ73" s="1278"/>
      <c r="BR73" s="1278"/>
      <c r="BS73" s="1278"/>
      <c r="BT73" s="1278"/>
      <c r="BU73" s="1278"/>
      <c r="BV73" s="1278"/>
      <c r="BW73" s="1278"/>
      <c r="BX73" s="1278">
        <v>138.5</v>
      </c>
      <c r="BY73" s="1278"/>
      <c r="BZ73" s="1278"/>
      <c r="CA73" s="1278"/>
      <c r="CB73" s="1278"/>
      <c r="CC73" s="1278"/>
      <c r="CD73" s="1278"/>
      <c r="CE73" s="1278"/>
      <c r="CF73" s="1278">
        <v>140.4</v>
      </c>
      <c r="CG73" s="1278"/>
      <c r="CH73" s="1278"/>
      <c r="CI73" s="1278"/>
      <c r="CJ73" s="1278"/>
      <c r="CK73" s="1278"/>
      <c r="CL73" s="1278"/>
      <c r="CM73" s="1278"/>
      <c r="CN73" s="1278">
        <v>137.4</v>
      </c>
      <c r="CO73" s="1278"/>
      <c r="CP73" s="1278"/>
      <c r="CQ73" s="1278"/>
      <c r="CR73" s="1278"/>
      <c r="CS73" s="1278"/>
      <c r="CT73" s="1278"/>
      <c r="CU73" s="1278"/>
      <c r="CV73" s="1278">
        <v>129.9</v>
      </c>
      <c r="CW73" s="1278"/>
      <c r="CX73" s="1278"/>
      <c r="CY73" s="1278"/>
      <c r="CZ73" s="1278"/>
      <c r="DA73" s="1278"/>
      <c r="DB73" s="1278"/>
      <c r="DC73" s="1278"/>
    </row>
    <row r="74" spans="2:107" ht="13.2" x14ac:dyDescent="0.2">
      <c r="B74" s="368"/>
      <c r="G74" s="1287"/>
      <c r="H74" s="1287"/>
      <c r="I74" s="1287"/>
      <c r="J74" s="1287"/>
      <c r="K74" s="1277"/>
      <c r="L74" s="1277"/>
      <c r="M74" s="1277"/>
      <c r="N74" s="1277"/>
      <c r="AM74" s="374"/>
      <c r="AN74" s="1280"/>
      <c r="AO74" s="1280"/>
      <c r="AP74" s="1280"/>
      <c r="AQ74" s="1280"/>
      <c r="AR74" s="1280"/>
      <c r="AS74" s="1280"/>
      <c r="AT74" s="1280"/>
      <c r="AU74" s="1280"/>
      <c r="AV74" s="1280"/>
      <c r="AW74" s="1280"/>
      <c r="AX74" s="1280"/>
      <c r="AY74" s="1280"/>
      <c r="AZ74" s="1280"/>
      <c r="BA74" s="1280"/>
      <c r="BB74" s="1280"/>
      <c r="BC74" s="1280"/>
      <c r="BD74" s="1280"/>
      <c r="BE74" s="1280"/>
      <c r="BF74" s="1280"/>
      <c r="BG74" s="1280"/>
      <c r="BH74" s="1280"/>
      <c r="BI74" s="1280"/>
      <c r="BJ74" s="1280"/>
      <c r="BK74" s="1280"/>
      <c r="BL74" s="1280"/>
      <c r="BM74" s="1280"/>
      <c r="BN74" s="1280"/>
      <c r="BO74" s="1280"/>
      <c r="BP74" s="1278"/>
      <c r="BQ74" s="1278"/>
      <c r="BR74" s="1278"/>
      <c r="BS74" s="1278"/>
      <c r="BT74" s="1278"/>
      <c r="BU74" s="1278"/>
      <c r="BV74" s="1278"/>
      <c r="BW74" s="1278"/>
      <c r="BX74" s="1278"/>
      <c r="BY74" s="1278"/>
      <c r="BZ74" s="1278"/>
      <c r="CA74" s="1278"/>
      <c r="CB74" s="1278"/>
      <c r="CC74" s="1278"/>
      <c r="CD74" s="1278"/>
      <c r="CE74" s="1278"/>
      <c r="CF74" s="1278"/>
      <c r="CG74" s="1278"/>
      <c r="CH74" s="1278"/>
      <c r="CI74" s="1278"/>
      <c r="CJ74" s="1278"/>
      <c r="CK74" s="1278"/>
      <c r="CL74" s="1278"/>
      <c r="CM74" s="1278"/>
      <c r="CN74" s="1278"/>
      <c r="CO74" s="1278"/>
      <c r="CP74" s="1278"/>
      <c r="CQ74" s="1278"/>
      <c r="CR74" s="1278"/>
      <c r="CS74" s="1278"/>
      <c r="CT74" s="1278"/>
      <c r="CU74" s="1278"/>
      <c r="CV74" s="1278"/>
      <c r="CW74" s="1278"/>
      <c r="CX74" s="1278"/>
      <c r="CY74" s="1278"/>
      <c r="CZ74" s="1278"/>
      <c r="DA74" s="1278"/>
      <c r="DB74" s="1278"/>
      <c r="DC74" s="1278"/>
    </row>
    <row r="75" spans="2:107" ht="13.2" x14ac:dyDescent="0.2">
      <c r="B75" s="368"/>
      <c r="G75" s="1287"/>
      <c r="H75" s="1287"/>
      <c r="I75" s="1276"/>
      <c r="J75" s="1276"/>
      <c r="K75" s="1281"/>
      <c r="L75" s="1281"/>
      <c r="M75" s="1281"/>
      <c r="N75" s="1281"/>
      <c r="AM75" s="374"/>
      <c r="AN75" s="1280"/>
      <c r="AO75" s="1280"/>
      <c r="AP75" s="1280"/>
      <c r="AQ75" s="1280"/>
      <c r="AR75" s="1280"/>
      <c r="AS75" s="1280"/>
      <c r="AT75" s="1280"/>
      <c r="AU75" s="1280"/>
      <c r="AV75" s="1280"/>
      <c r="AW75" s="1280"/>
      <c r="AX75" s="1280"/>
      <c r="AY75" s="1280"/>
      <c r="AZ75" s="1280"/>
      <c r="BA75" s="1280"/>
      <c r="BB75" s="1280" t="s">
        <v>647</v>
      </c>
      <c r="BC75" s="1280"/>
      <c r="BD75" s="1280"/>
      <c r="BE75" s="1280"/>
      <c r="BF75" s="1280"/>
      <c r="BG75" s="1280"/>
      <c r="BH75" s="1280"/>
      <c r="BI75" s="1280"/>
      <c r="BJ75" s="1280"/>
      <c r="BK75" s="1280"/>
      <c r="BL75" s="1280"/>
      <c r="BM75" s="1280"/>
      <c r="BN75" s="1280"/>
      <c r="BO75" s="1280"/>
      <c r="BP75" s="1278">
        <v>13.3</v>
      </c>
      <c r="BQ75" s="1278"/>
      <c r="BR75" s="1278"/>
      <c r="BS75" s="1278"/>
      <c r="BT75" s="1278"/>
      <c r="BU75" s="1278"/>
      <c r="BV75" s="1278"/>
      <c r="BW75" s="1278"/>
      <c r="BX75" s="1278">
        <v>11.2</v>
      </c>
      <c r="BY75" s="1278"/>
      <c r="BZ75" s="1278"/>
      <c r="CA75" s="1278"/>
      <c r="CB75" s="1278"/>
      <c r="CC75" s="1278"/>
      <c r="CD75" s="1278"/>
      <c r="CE75" s="1278"/>
      <c r="CF75" s="1278">
        <v>10.199999999999999</v>
      </c>
      <c r="CG75" s="1278"/>
      <c r="CH75" s="1278"/>
      <c r="CI75" s="1278"/>
      <c r="CJ75" s="1278"/>
      <c r="CK75" s="1278"/>
      <c r="CL75" s="1278"/>
      <c r="CM75" s="1278"/>
      <c r="CN75" s="1278">
        <v>10.5</v>
      </c>
      <c r="CO75" s="1278"/>
      <c r="CP75" s="1278"/>
      <c r="CQ75" s="1278"/>
      <c r="CR75" s="1278"/>
      <c r="CS75" s="1278"/>
      <c r="CT75" s="1278"/>
      <c r="CU75" s="1278"/>
      <c r="CV75" s="1278">
        <v>10.6</v>
      </c>
      <c r="CW75" s="1278"/>
      <c r="CX75" s="1278"/>
      <c r="CY75" s="1278"/>
      <c r="CZ75" s="1278"/>
      <c r="DA75" s="1278"/>
      <c r="DB75" s="1278"/>
      <c r="DC75" s="1278"/>
    </row>
    <row r="76" spans="2:107" ht="13.2" x14ac:dyDescent="0.2">
      <c r="B76" s="368"/>
      <c r="G76" s="1287"/>
      <c r="H76" s="1287"/>
      <c r="I76" s="1276"/>
      <c r="J76" s="1276"/>
      <c r="K76" s="1281"/>
      <c r="L76" s="1281"/>
      <c r="M76" s="1281"/>
      <c r="N76" s="1281"/>
      <c r="AM76" s="374"/>
      <c r="AN76" s="1280"/>
      <c r="AO76" s="1280"/>
      <c r="AP76" s="1280"/>
      <c r="AQ76" s="1280"/>
      <c r="AR76" s="1280"/>
      <c r="AS76" s="1280"/>
      <c r="AT76" s="1280"/>
      <c r="AU76" s="1280"/>
      <c r="AV76" s="1280"/>
      <c r="AW76" s="1280"/>
      <c r="AX76" s="1280"/>
      <c r="AY76" s="1280"/>
      <c r="AZ76" s="1280"/>
      <c r="BA76" s="1280"/>
      <c r="BB76" s="1280"/>
      <c r="BC76" s="1280"/>
      <c r="BD76" s="1280"/>
      <c r="BE76" s="1280"/>
      <c r="BF76" s="1280"/>
      <c r="BG76" s="1280"/>
      <c r="BH76" s="1280"/>
      <c r="BI76" s="1280"/>
      <c r="BJ76" s="1280"/>
      <c r="BK76" s="1280"/>
      <c r="BL76" s="1280"/>
      <c r="BM76" s="1280"/>
      <c r="BN76" s="1280"/>
      <c r="BO76" s="1280"/>
      <c r="BP76" s="1278"/>
      <c r="BQ76" s="1278"/>
      <c r="BR76" s="1278"/>
      <c r="BS76" s="1278"/>
      <c r="BT76" s="1278"/>
      <c r="BU76" s="1278"/>
      <c r="BV76" s="1278"/>
      <c r="BW76" s="1278"/>
      <c r="BX76" s="1278"/>
      <c r="BY76" s="1278"/>
      <c r="BZ76" s="1278"/>
      <c r="CA76" s="1278"/>
      <c r="CB76" s="1278"/>
      <c r="CC76" s="1278"/>
      <c r="CD76" s="1278"/>
      <c r="CE76" s="1278"/>
      <c r="CF76" s="1278"/>
      <c r="CG76" s="1278"/>
      <c r="CH76" s="1278"/>
      <c r="CI76" s="1278"/>
      <c r="CJ76" s="1278"/>
      <c r="CK76" s="1278"/>
      <c r="CL76" s="1278"/>
      <c r="CM76" s="1278"/>
      <c r="CN76" s="1278"/>
      <c r="CO76" s="1278"/>
      <c r="CP76" s="1278"/>
      <c r="CQ76" s="1278"/>
      <c r="CR76" s="1278"/>
      <c r="CS76" s="1278"/>
      <c r="CT76" s="1278"/>
      <c r="CU76" s="1278"/>
      <c r="CV76" s="1278"/>
      <c r="CW76" s="1278"/>
      <c r="CX76" s="1278"/>
      <c r="CY76" s="1278"/>
      <c r="CZ76" s="1278"/>
      <c r="DA76" s="1278"/>
      <c r="DB76" s="1278"/>
      <c r="DC76" s="1278"/>
    </row>
    <row r="77" spans="2:107" ht="13.2" x14ac:dyDescent="0.2">
      <c r="B77" s="368"/>
      <c r="G77" s="1276"/>
      <c r="H77" s="1276"/>
      <c r="I77" s="1276"/>
      <c r="J77" s="1276"/>
      <c r="K77" s="1277"/>
      <c r="L77" s="1277"/>
      <c r="M77" s="1277"/>
      <c r="N77" s="1277"/>
      <c r="AN77" s="1279" t="s">
        <v>649</v>
      </c>
      <c r="AO77" s="1279"/>
      <c r="AP77" s="1279"/>
      <c r="AQ77" s="1279"/>
      <c r="AR77" s="1279"/>
      <c r="AS77" s="1279"/>
      <c r="AT77" s="1279"/>
      <c r="AU77" s="1279"/>
      <c r="AV77" s="1279"/>
      <c r="AW77" s="1279"/>
      <c r="AX77" s="1279"/>
      <c r="AY77" s="1279"/>
      <c r="AZ77" s="1279"/>
      <c r="BA77" s="1279"/>
      <c r="BB77" s="1280" t="s">
        <v>648</v>
      </c>
      <c r="BC77" s="1280"/>
      <c r="BD77" s="1280"/>
      <c r="BE77" s="1280"/>
      <c r="BF77" s="1280"/>
      <c r="BG77" s="1280"/>
      <c r="BH77" s="1280"/>
      <c r="BI77" s="1280"/>
      <c r="BJ77" s="1280"/>
      <c r="BK77" s="1280"/>
      <c r="BL77" s="1280"/>
      <c r="BM77" s="1280"/>
      <c r="BN77" s="1280"/>
      <c r="BO77" s="1280"/>
      <c r="BP77" s="1278">
        <v>106</v>
      </c>
      <c r="BQ77" s="1278"/>
      <c r="BR77" s="1278"/>
      <c r="BS77" s="1278"/>
      <c r="BT77" s="1278"/>
      <c r="BU77" s="1278"/>
      <c r="BV77" s="1278"/>
      <c r="BW77" s="1278"/>
      <c r="BX77" s="1278">
        <v>97.6</v>
      </c>
      <c r="BY77" s="1278"/>
      <c r="BZ77" s="1278"/>
      <c r="CA77" s="1278"/>
      <c r="CB77" s="1278"/>
      <c r="CC77" s="1278"/>
      <c r="CD77" s="1278"/>
      <c r="CE77" s="1278"/>
      <c r="CF77" s="1278">
        <v>91.9</v>
      </c>
      <c r="CG77" s="1278"/>
      <c r="CH77" s="1278"/>
      <c r="CI77" s="1278"/>
      <c r="CJ77" s="1278"/>
      <c r="CK77" s="1278"/>
      <c r="CL77" s="1278"/>
      <c r="CM77" s="1278"/>
      <c r="CN77" s="1278">
        <v>86</v>
      </c>
      <c r="CO77" s="1278"/>
      <c r="CP77" s="1278"/>
      <c r="CQ77" s="1278"/>
      <c r="CR77" s="1278"/>
      <c r="CS77" s="1278"/>
      <c r="CT77" s="1278"/>
      <c r="CU77" s="1278"/>
      <c r="CV77" s="1278">
        <v>72.8</v>
      </c>
      <c r="CW77" s="1278"/>
      <c r="CX77" s="1278"/>
      <c r="CY77" s="1278"/>
      <c r="CZ77" s="1278"/>
      <c r="DA77" s="1278"/>
      <c r="DB77" s="1278"/>
      <c r="DC77" s="1278"/>
    </row>
    <row r="78" spans="2:107" ht="13.2" x14ac:dyDescent="0.2">
      <c r="B78" s="368"/>
      <c r="G78" s="1276"/>
      <c r="H78" s="1276"/>
      <c r="I78" s="1276"/>
      <c r="J78" s="1276"/>
      <c r="K78" s="1277"/>
      <c r="L78" s="1277"/>
      <c r="M78" s="1277"/>
      <c r="N78" s="1277"/>
      <c r="AN78" s="1279"/>
      <c r="AO78" s="1279"/>
      <c r="AP78" s="1279"/>
      <c r="AQ78" s="1279"/>
      <c r="AR78" s="1279"/>
      <c r="AS78" s="1279"/>
      <c r="AT78" s="1279"/>
      <c r="AU78" s="1279"/>
      <c r="AV78" s="1279"/>
      <c r="AW78" s="1279"/>
      <c r="AX78" s="1279"/>
      <c r="AY78" s="1279"/>
      <c r="AZ78" s="1279"/>
      <c r="BA78" s="1279"/>
      <c r="BB78" s="1280"/>
      <c r="BC78" s="1280"/>
      <c r="BD78" s="1280"/>
      <c r="BE78" s="1280"/>
      <c r="BF78" s="1280"/>
      <c r="BG78" s="1280"/>
      <c r="BH78" s="1280"/>
      <c r="BI78" s="1280"/>
      <c r="BJ78" s="1280"/>
      <c r="BK78" s="1280"/>
      <c r="BL78" s="1280"/>
      <c r="BM78" s="1280"/>
      <c r="BN78" s="1280"/>
      <c r="BO78" s="1280"/>
      <c r="BP78" s="1278"/>
      <c r="BQ78" s="1278"/>
      <c r="BR78" s="1278"/>
      <c r="BS78" s="1278"/>
      <c r="BT78" s="1278"/>
      <c r="BU78" s="1278"/>
      <c r="BV78" s="1278"/>
      <c r="BW78" s="1278"/>
      <c r="BX78" s="1278"/>
      <c r="BY78" s="1278"/>
      <c r="BZ78" s="1278"/>
      <c r="CA78" s="1278"/>
      <c r="CB78" s="1278"/>
      <c r="CC78" s="1278"/>
      <c r="CD78" s="1278"/>
      <c r="CE78" s="1278"/>
      <c r="CF78" s="1278"/>
      <c r="CG78" s="1278"/>
      <c r="CH78" s="1278"/>
      <c r="CI78" s="1278"/>
      <c r="CJ78" s="1278"/>
      <c r="CK78" s="1278"/>
      <c r="CL78" s="1278"/>
      <c r="CM78" s="1278"/>
      <c r="CN78" s="1278"/>
      <c r="CO78" s="1278"/>
      <c r="CP78" s="1278"/>
      <c r="CQ78" s="1278"/>
      <c r="CR78" s="1278"/>
      <c r="CS78" s="1278"/>
      <c r="CT78" s="1278"/>
      <c r="CU78" s="1278"/>
      <c r="CV78" s="1278"/>
      <c r="CW78" s="1278"/>
      <c r="CX78" s="1278"/>
      <c r="CY78" s="1278"/>
      <c r="CZ78" s="1278"/>
      <c r="DA78" s="1278"/>
      <c r="DB78" s="1278"/>
      <c r="DC78" s="1278"/>
    </row>
    <row r="79" spans="2:107" ht="13.2" x14ac:dyDescent="0.2">
      <c r="B79" s="368"/>
      <c r="G79" s="1276"/>
      <c r="H79" s="1276"/>
      <c r="I79" s="1282"/>
      <c r="J79" s="1282"/>
      <c r="K79" s="1283"/>
      <c r="L79" s="1283"/>
      <c r="M79" s="1283"/>
      <c r="N79" s="1283"/>
      <c r="AN79" s="1279"/>
      <c r="AO79" s="1279"/>
      <c r="AP79" s="1279"/>
      <c r="AQ79" s="1279"/>
      <c r="AR79" s="1279"/>
      <c r="AS79" s="1279"/>
      <c r="AT79" s="1279"/>
      <c r="AU79" s="1279"/>
      <c r="AV79" s="1279"/>
      <c r="AW79" s="1279"/>
      <c r="AX79" s="1279"/>
      <c r="AY79" s="1279"/>
      <c r="AZ79" s="1279"/>
      <c r="BA79" s="1279"/>
      <c r="BB79" s="1280" t="s">
        <v>647</v>
      </c>
      <c r="BC79" s="1280"/>
      <c r="BD79" s="1280"/>
      <c r="BE79" s="1280"/>
      <c r="BF79" s="1280"/>
      <c r="BG79" s="1280"/>
      <c r="BH79" s="1280"/>
      <c r="BI79" s="1280"/>
      <c r="BJ79" s="1280"/>
      <c r="BK79" s="1280"/>
      <c r="BL79" s="1280"/>
      <c r="BM79" s="1280"/>
      <c r="BN79" s="1280"/>
      <c r="BO79" s="1280"/>
      <c r="BP79" s="1278">
        <v>9</v>
      </c>
      <c r="BQ79" s="1278"/>
      <c r="BR79" s="1278"/>
      <c r="BS79" s="1278"/>
      <c r="BT79" s="1278"/>
      <c r="BU79" s="1278"/>
      <c r="BV79" s="1278"/>
      <c r="BW79" s="1278"/>
      <c r="BX79" s="1278">
        <v>8</v>
      </c>
      <c r="BY79" s="1278"/>
      <c r="BZ79" s="1278"/>
      <c r="CA79" s="1278"/>
      <c r="CB79" s="1278"/>
      <c r="CC79" s="1278"/>
      <c r="CD79" s="1278"/>
      <c r="CE79" s="1278"/>
      <c r="CF79" s="1278">
        <v>7.3</v>
      </c>
      <c r="CG79" s="1278"/>
      <c r="CH79" s="1278"/>
      <c r="CI79" s="1278"/>
      <c r="CJ79" s="1278"/>
      <c r="CK79" s="1278"/>
      <c r="CL79" s="1278"/>
      <c r="CM79" s="1278"/>
      <c r="CN79" s="1278">
        <v>7.3</v>
      </c>
      <c r="CO79" s="1278"/>
      <c r="CP79" s="1278"/>
      <c r="CQ79" s="1278"/>
      <c r="CR79" s="1278"/>
      <c r="CS79" s="1278"/>
      <c r="CT79" s="1278"/>
      <c r="CU79" s="1278"/>
      <c r="CV79" s="1278">
        <v>7.1</v>
      </c>
      <c r="CW79" s="1278"/>
      <c r="CX79" s="1278"/>
      <c r="CY79" s="1278"/>
      <c r="CZ79" s="1278"/>
      <c r="DA79" s="1278"/>
      <c r="DB79" s="1278"/>
      <c r="DC79" s="1278"/>
    </row>
    <row r="80" spans="2:107" ht="13.2" x14ac:dyDescent="0.2">
      <c r="B80" s="368"/>
      <c r="G80" s="1276"/>
      <c r="H80" s="1276"/>
      <c r="I80" s="1282"/>
      <c r="J80" s="1282"/>
      <c r="K80" s="1283"/>
      <c r="L80" s="1283"/>
      <c r="M80" s="1283"/>
      <c r="N80" s="1283"/>
      <c r="AN80" s="1279"/>
      <c r="AO80" s="1279"/>
      <c r="AP80" s="1279"/>
      <c r="AQ80" s="1279"/>
      <c r="AR80" s="1279"/>
      <c r="AS80" s="1279"/>
      <c r="AT80" s="1279"/>
      <c r="AU80" s="1279"/>
      <c r="AV80" s="1279"/>
      <c r="AW80" s="1279"/>
      <c r="AX80" s="1279"/>
      <c r="AY80" s="1279"/>
      <c r="AZ80" s="1279"/>
      <c r="BA80" s="1279"/>
      <c r="BB80" s="1280"/>
      <c r="BC80" s="1280"/>
      <c r="BD80" s="1280"/>
      <c r="BE80" s="1280"/>
      <c r="BF80" s="1280"/>
      <c r="BG80" s="1280"/>
      <c r="BH80" s="1280"/>
      <c r="BI80" s="1280"/>
      <c r="BJ80" s="1280"/>
      <c r="BK80" s="1280"/>
      <c r="BL80" s="1280"/>
      <c r="BM80" s="1280"/>
      <c r="BN80" s="1280"/>
      <c r="BO80" s="1280"/>
      <c r="BP80" s="1278"/>
      <c r="BQ80" s="1278"/>
      <c r="BR80" s="1278"/>
      <c r="BS80" s="1278"/>
      <c r="BT80" s="1278"/>
      <c r="BU80" s="1278"/>
      <c r="BV80" s="1278"/>
      <c r="BW80" s="1278"/>
      <c r="BX80" s="1278"/>
      <c r="BY80" s="1278"/>
      <c r="BZ80" s="1278"/>
      <c r="CA80" s="1278"/>
      <c r="CB80" s="1278"/>
      <c r="CC80" s="1278"/>
      <c r="CD80" s="1278"/>
      <c r="CE80" s="1278"/>
      <c r="CF80" s="1278"/>
      <c r="CG80" s="1278"/>
      <c r="CH80" s="1278"/>
      <c r="CI80" s="1278"/>
      <c r="CJ80" s="1278"/>
      <c r="CK80" s="1278"/>
      <c r="CL80" s="1278"/>
      <c r="CM80" s="1278"/>
      <c r="CN80" s="1278"/>
      <c r="CO80" s="1278"/>
      <c r="CP80" s="1278"/>
      <c r="CQ80" s="1278"/>
      <c r="CR80" s="1278"/>
      <c r="CS80" s="1278"/>
      <c r="CT80" s="1278"/>
      <c r="CU80" s="1278"/>
      <c r="CV80" s="1278"/>
      <c r="CW80" s="1278"/>
      <c r="CX80" s="1278"/>
      <c r="CY80" s="1278"/>
      <c r="CZ80" s="1278"/>
      <c r="DA80" s="1278"/>
      <c r="DB80" s="1278"/>
      <c r="DC80" s="1278"/>
    </row>
    <row r="81" spans="2:109" ht="13.2" x14ac:dyDescent="0.2">
      <c r="B81" s="368"/>
    </row>
    <row r="82" spans="2:109" ht="16.2" x14ac:dyDescent="0.2">
      <c r="B82" s="368"/>
      <c r="K82" s="373"/>
      <c r="L82" s="373"/>
      <c r="M82" s="373"/>
      <c r="N82" s="373"/>
      <c r="AQ82" s="373"/>
      <c r="AR82" s="373"/>
      <c r="AS82" s="373"/>
      <c r="AT82" s="373"/>
      <c r="BC82" s="373"/>
      <c r="BD82" s="373"/>
      <c r="BE82" s="373"/>
      <c r="BF82" s="373"/>
      <c r="BO82" s="373"/>
      <c r="BP82" s="373"/>
      <c r="BQ82" s="373"/>
      <c r="BR82" s="373"/>
      <c r="CA82" s="373"/>
      <c r="CB82" s="373"/>
      <c r="CC82" s="373"/>
      <c r="CD82" s="373"/>
      <c r="CM82" s="373"/>
      <c r="CN82" s="373"/>
      <c r="CO82" s="373"/>
      <c r="CP82" s="373"/>
      <c r="CY82" s="373"/>
      <c r="CZ82" s="373"/>
      <c r="DA82" s="373"/>
      <c r="DB82" s="373"/>
      <c r="DC82" s="373"/>
    </row>
    <row r="83" spans="2:109" ht="13.2" x14ac:dyDescent="0.2">
      <c r="B83" s="372"/>
      <c r="C83" s="371"/>
      <c r="D83" s="371"/>
      <c r="E83" s="371"/>
      <c r="F83" s="371"/>
      <c r="G83" s="371"/>
      <c r="H83" s="371"/>
      <c r="I83" s="371"/>
      <c r="J83" s="371"/>
      <c r="K83" s="371"/>
      <c r="L83" s="371"/>
      <c r="M83" s="371"/>
      <c r="N83" s="371"/>
      <c r="O83" s="371"/>
      <c r="P83" s="371"/>
      <c r="Q83" s="371"/>
      <c r="R83" s="371"/>
      <c r="S83" s="371"/>
      <c r="T83" s="371"/>
      <c r="U83" s="371"/>
      <c r="V83" s="371"/>
      <c r="W83" s="371"/>
      <c r="X83" s="371"/>
      <c r="Y83" s="371"/>
      <c r="Z83" s="371"/>
      <c r="AA83" s="371"/>
      <c r="AB83" s="371"/>
      <c r="AC83" s="371"/>
      <c r="AD83" s="371"/>
      <c r="AE83" s="371"/>
      <c r="AF83" s="371"/>
      <c r="AG83" s="371"/>
      <c r="AH83" s="371"/>
      <c r="AI83" s="371"/>
      <c r="AJ83" s="371"/>
      <c r="AK83" s="371"/>
      <c r="AL83" s="371"/>
      <c r="AM83" s="371"/>
      <c r="AN83" s="371"/>
      <c r="AO83" s="371"/>
      <c r="AP83" s="371"/>
      <c r="AQ83" s="371"/>
      <c r="AR83" s="371"/>
      <c r="AS83" s="371"/>
      <c r="AT83" s="371"/>
      <c r="AU83" s="371"/>
      <c r="AV83" s="371"/>
      <c r="AW83" s="371"/>
      <c r="AX83" s="371"/>
      <c r="AY83" s="371"/>
      <c r="AZ83" s="371"/>
      <c r="BA83" s="371"/>
      <c r="BB83" s="371"/>
      <c r="BC83" s="371"/>
      <c r="BD83" s="371"/>
      <c r="BE83" s="371"/>
      <c r="BF83" s="371"/>
      <c r="BG83" s="371"/>
      <c r="BH83" s="371"/>
      <c r="BI83" s="371"/>
      <c r="BJ83" s="371"/>
      <c r="BK83" s="371"/>
      <c r="BL83" s="371"/>
      <c r="BM83" s="371"/>
      <c r="BN83" s="371"/>
      <c r="BO83" s="371"/>
      <c r="BP83" s="371"/>
      <c r="BQ83" s="371"/>
      <c r="BR83" s="371"/>
      <c r="BS83" s="371"/>
      <c r="BT83" s="371"/>
      <c r="BU83" s="371"/>
      <c r="BV83" s="371"/>
      <c r="BW83" s="371"/>
      <c r="BX83" s="371"/>
      <c r="BY83" s="371"/>
      <c r="BZ83" s="371"/>
      <c r="CA83" s="371"/>
      <c r="CB83" s="371"/>
      <c r="CC83" s="371"/>
      <c r="CD83" s="371"/>
      <c r="CE83" s="371"/>
      <c r="CF83" s="371"/>
      <c r="CG83" s="371"/>
      <c r="CH83" s="371"/>
      <c r="CI83" s="371"/>
      <c r="CJ83" s="371"/>
      <c r="CK83" s="371"/>
      <c r="CL83" s="371"/>
      <c r="CM83" s="371"/>
      <c r="CN83" s="371"/>
      <c r="CO83" s="371"/>
      <c r="CP83" s="371"/>
      <c r="CQ83" s="371"/>
      <c r="CR83" s="371"/>
      <c r="CS83" s="371"/>
      <c r="CT83" s="371"/>
      <c r="CU83" s="371"/>
      <c r="CV83" s="371"/>
      <c r="CW83" s="371"/>
      <c r="CX83" s="371"/>
      <c r="CY83" s="371"/>
      <c r="CZ83" s="371"/>
      <c r="DA83" s="371"/>
      <c r="DB83" s="371"/>
      <c r="DC83" s="371"/>
      <c r="DD83" s="370"/>
    </row>
    <row r="84" spans="2:109" ht="13.2" x14ac:dyDescent="0.2">
      <c r="DD84" s="367"/>
      <c r="DE84" s="367"/>
    </row>
    <row r="85" spans="2:109" ht="13.2" x14ac:dyDescent="0.2">
      <c r="DD85" s="367"/>
      <c r="DE85" s="367"/>
    </row>
  </sheetData>
  <sheetProtection algorithmName="SHA-512" hashValue="/310qCotvJbWNqDTEtrvzmFcXwaHwGBjlPqfUHtGn1smCeEjC03CFqkKmdCUMFYtk+9nX+lmunzxLr+JibiBkw==" saltValue="yuhtrq/RKbOuvorIA5L1tw==" spinCount="100000" sheet="1" objects="1" scenarios="1" formatCells="0"/>
  <dataConsolidate/>
  <mergeCells count="112">
    <mergeCell ref="CV51:DC52"/>
    <mergeCell ref="CN51:CU52"/>
    <mergeCell ref="AN43:DC47"/>
    <mergeCell ref="G50:J50"/>
    <mergeCell ref="AN50:BO50"/>
    <mergeCell ref="BP50:BW50"/>
    <mergeCell ref="BX50:CE50"/>
    <mergeCell ref="CF50:CM50"/>
    <mergeCell ref="CN50:CU50"/>
    <mergeCell ref="CV50:DC50"/>
    <mergeCell ref="G51:H54"/>
    <mergeCell ref="BX53:CE54"/>
    <mergeCell ref="CF53:CM54"/>
    <mergeCell ref="AN51:BA54"/>
    <mergeCell ref="BB51:BO52"/>
    <mergeCell ref="BP51:BW52"/>
    <mergeCell ref="BX51:CE52"/>
    <mergeCell ref="CF51:CM52"/>
    <mergeCell ref="I53:J54"/>
    <mergeCell ref="K53:K54"/>
    <mergeCell ref="L53:L54"/>
    <mergeCell ref="M53:M54"/>
    <mergeCell ref="N53:N54"/>
    <mergeCell ref="BB53:BO54"/>
    <mergeCell ref="I51:J52"/>
    <mergeCell ref="K51:K52"/>
    <mergeCell ref="L51:L52"/>
    <mergeCell ref="M51:M52"/>
    <mergeCell ref="N51:N52"/>
    <mergeCell ref="I57:J58"/>
    <mergeCell ref="K57:K58"/>
    <mergeCell ref="BB55:BO56"/>
    <mergeCell ref="BP55:BW56"/>
    <mergeCell ref="BP57:BW58"/>
    <mergeCell ref="L57:L58"/>
    <mergeCell ref="M57:M58"/>
    <mergeCell ref="N57:N58"/>
    <mergeCell ref="BB57:BO58"/>
    <mergeCell ref="BP53:BW54"/>
    <mergeCell ref="CV53:DC54"/>
    <mergeCell ref="G55:H58"/>
    <mergeCell ref="I55:J56"/>
    <mergeCell ref="K55:K56"/>
    <mergeCell ref="L55:L56"/>
    <mergeCell ref="M55:M56"/>
    <mergeCell ref="N55:N56"/>
    <mergeCell ref="AN73:BA76"/>
    <mergeCell ref="BB73:BO74"/>
    <mergeCell ref="BP73:BW74"/>
    <mergeCell ref="G72:J72"/>
    <mergeCell ref="AN72:BO72"/>
    <mergeCell ref="BP72:BW72"/>
    <mergeCell ref="G73:H76"/>
    <mergeCell ref="I73:J74"/>
    <mergeCell ref="K73:K74"/>
    <mergeCell ref="L73:L74"/>
    <mergeCell ref="M73:M74"/>
    <mergeCell ref="N73:N74"/>
    <mergeCell ref="AN65:DC69"/>
    <mergeCell ref="BX55:CE56"/>
    <mergeCell ref="CN57:CU58"/>
    <mergeCell ref="CV57:DC58"/>
    <mergeCell ref="CN53:CU54"/>
    <mergeCell ref="CV72:DC72"/>
    <mergeCell ref="BX72:CE72"/>
    <mergeCell ref="CF72:CM72"/>
    <mergeCell ref="CN72:CU72"/>
    <mergeCell ref="AN55:BA58"/>
    <mergeCell ref="BB75:BO76"/>
    <mergeCell ref="BP75:BW76"/>
    <mergeCell ref="BX75:CE76"/>
    <mergeCell ref="CF75:CM76"/>
    <mergeCell ref="CN75:CU76"/>
    <mergeCell ref="CV75:DC76"/>
    <mergeCell ref="BX73:CE74"/>
    <mergeCell ref="CF73:CM74"/>
    <mergeCell ref="CN73:CU74"/>
    <mergeCell ref="BX57:CE58"/>
    <mergeCell ref="CF57:CM58"/>
    <mergeCell ref="CF55:CM56"/>
    <mergeCell ref="CN55:CU56"/>
    <mergeCell ref="CV55:DC56"/>
    <mergeCell ref="CV73:DC74"/>
    <mergeCell ref="I75:J76"/>
    <mergeCell ref="K75:K76"/>
    <mergeCell ref="L75:L76"/>
    <mergeCell ref="M75:M76"/>
    <mergeCell ref="N75:N76"/>
    <mergeCell ref="CV79:DC80"/>
    <mergeCell ref="CN77:CU78"/>
    <mergeCell ref="CV77:DC78"/>
    <mergeCell ref="I79:J80"/>
    <mergeCell ref="K79:K80"/>
    <mergeCell ref="L79:L80"/>
    <mergeCell ref="M79:M80"/>
    <mergeCell ref="N79:N80"/>
    <mergeCell ref="BB79:BO80"/>
    <mergeCell ref="BP79:BW80"/>
    <mergeCell ref="G77:H80"/>
    <mergeCell ref="I77:J78"/>
    <mergeCell ref="K77:K78"/>
    <mergeCell ref="L77:L78"/>
    <mergeCell ref="M77:M78"/>
    <mergeCell ref="CN79:CU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headerFooter alignWithMargins="0">
    <oddFooter>&amp;C&amp;P/&amp;N</oddFooter>
  </headerFooter>
  <drawing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1:34"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1:34" ht="13.2" x14ac:dyDescent="0.2">
      <c r="S2" s="262"/>
      <c r="AH2" s="262"/>
    </row>
    <row r="3" spans="1: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1:34" ht="13.2" x14ac:dyDescent="0.2"/>
    <row r="5" spans="1:34" ht="13.2" x14ac:dyDescent="0.2"/>
    <row r="6" spans="1:34" ht="13.2" x14ac:dyDescent="0.2"/>
    <row r="7" spans="1:34" ht="13.2" x14ac:dyDescent="0.2"/>
    <row r="8" spans="1:34" ht="13.2" x14ac:dyDescent="0.2"/>
    <row r="9" spans="1:34" ht="13.2" x14ac:dyDescent="0.2">
      <c r="AH9" s="26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520</v>
      </c>
    </row>
  </sheetData>
  <sheetProtection algorithmName="SHA-512" hashValue="Gg53X+Ai/fOl+w59/adagvWbGTL7ExuL0Jo44A8RioQRXATJLPNLD66POqr73bKoJVDMioDlvhIDNUYwhVwBvQ==" saltValue="s2/zT4EO/xJ6q68OJzikB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headerFooter alignWithMargins="0">
    <oddFooter>&amp;C&amp;P/&amp;N</oddFooter>
  </headerFooter>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2:34"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2:34" ht="13.2" x14ac:dyDescent="0.2">
      <c r="S2" s="262"/>
      <c r="AH2" s="262"/>
    </row>
    <row r="3" spans="2: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2:34" ht="13.2" x14ac:dyDescent="0.2"/>
    <row r="5" spans="2:34" ht="13.2" x14ac:dyDescent="0.2"/>
    <row r="6" spans="2:34" ht="13.2" x14ac:dyDescent="0.2"/>
    <row r="7" spans="2:34" ht="13.2" x14ac:dyDescent="0.2"/>
    <row r="8" spans="2:34" ht="13.2" x14ac:dyDescent="0.2"/>
    <row r="9" spans="2:34" ht="13.2" x14ac:dyDescent="0.2">
      <c r="AH9" s="26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c r="AG59" s="262"/>
      <c r="AH59" s="262"/>
    </row>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520</v>
      </c>
    </row>
  </sheetData>
  <sheetProtection algorithmName="SHA-512" hashValue="p8CDW7jY1auaB60EsqxuAFctGxkPwtvYHbuMO/0w4wrfiSw9Fvo2bws9JsFE7zk4Um19BzIHEzYSPVK8uP+nJQ==" saltValue="IDhHn3NQuoHJVRhd9l0Fe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headerFooter alignWithMargins="0">
    <oddFooter>&amp;C&amp;P/&amp;N</oddFooter>
  </headerFooter>
  <drawing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70</v>
      </c>
      <c r="G2" s="148"/>
      <c r="H2" s="149"/>
    </row>
    <row r="3" spans="1:8" x14ac:dyDescent="0.2">
      <c r="A3" s="145" t="s">
        <v>563</v>
      </c>
      <c r="B3" s="150"/>
      <c r="C3" s="151"/>
      <c r="D3" s="152">
        <v>54167</v>
      </c>
      <c r="E3" s="153"/>
      <c r="F3" s="154">
        <v>52897</v>
      </c>
      <c r="G3" s="155"/>
      <c r="H3" s="156"/>
    </row>
    <row r="4" spans="1:8" x14ac:dyDescent="0.2">
      <c r="A4" s="157"/>
      <c r="B4" s="158"/>
      <c r="C4" s="159"/>
      <c r="D4" s="160">
        <v>30902</v>
      </c>
      <c r="E4" s="161"/>
      <c r="F4" s="162">
        <v>27013</v>
      </c>
      <c r="G4" s="163"/>
      <c r="H4" s="164"/>
    </row>
    <row r="5" spans="1:8" x14ac:dyDescent="0.2">
      <c r="A5" s="145" t="s">
        <v>565</v>
      </c>
      <c r="B5" s="150"/>
      <c r="C5" s="151"/>
      <c r="D5" s="152">
        <v>62800</v>
      </c>
      <c r="E5" s="153"/>
      <c r="F5" s="154">
        <v>54945</v>
      </c>
      <c r="G5" s="155"/>
      <c r="H5" s="156"/>
    </row>
    <row r="6" spans="1:8" x14ac:dyDescent="0.2">
      <c r="A6" s="157"/>
      <c r="B6" s="158"/>
      <c r="C6" s="159"/>
      <c r="D6" s="160">
        <v>41663</v>
      </c>
      <c r="E6" s="161"/>
      <c r="F6" s="162">
        <v>29293</v>
      </c>
      <c r="G6" s="163"/>
      <c r="H6" s="164"/>
    </row>
    <row r="7" spans="1:8" x14ac:dyDescent="0.2">
      <c r="A7" s="145" t="s">
        <v>566</v>
      </c>
      <c r="B7" s="150"/>
      <c r="C7" s="151"/>
      <c r="D7" s="152">
        <v>62653</v>
      </c>
      <c r="E7" s="153"/>
      <c r="F7" s="154">
        <v>57132</v>
      </c>
      <c r="G7" s="155"/>
      <c r="H7" s="156"/>
    </row>
    <row r="8" spans="1:8" x14ac:dyDescent="0.2">
      <c r="A8" s="157"/>
      <c r="B8" s="158"/>
      <c r="C8" s="159"/>
      <c r="D8" s="160">
        <v>39911</v>
      </c>
      <c r="E8" s="161"/>
      <c r="F8" s="162">
        <v>30126</v>
      </c>
      <c r="G8" s="163"/>
      <c r="H8" s="164"/>
    </row>
    <row r="9" spans="1:8" x14ac:dyDescent="0.2">
      <c r="A9" s="145" t="s">
        <v>567</v>
      </c>
      <c r="B9" s="150"/>
      <c r="C9" s="151"/>
      <c r="D9" s="152">
        <v>60904</v>
      </c>
      <c r="E9" s="153"/>
      <c r="F9" s="154">
        <v>58766</v>
      </c>
      <c r="G9" s="155"/>
      <c r="H9" s="156"/>
    </row>
    <row r="10" spans="1:8" x14ac:dyDescent="0.2">
      <c r="A10" s="157"/>
      <c r="B10" s="158"/>
      <c r="C10" s="159"/>
      <c r="D10" s="160">
        <v>32766</v>
      </c>
      <c r="E10" s="161"/>
      <c r="F10" s="162">
        <v>29363</v>
      </c>
      <c r="G10" s="163"/>
      <c r="H10" s="164"/>
    </row>
    <row r="11" spans="1:8" x14ac:dyDescent="0.2">
      <c r="A11" s="145" t="s">
        <v>568</v>
      </c>
      <c r="B11" s="150"/>
      <c r="C11" s="151"/>
      <c r="D11" s="152">
        <v>84110</v>
      </c>
      <c r="E11" s="153"/>
      <c r="F11" s="154">
        <v>62482</v>
      </c>
      <c r="G11" s="155"/>
      <c r="H11" s="156"/>
    </row>
    <row r="12" spans="1:8" x14ac:dyDescent="0.2">
      <c r="A12" s="157"/>
      <c r="B12" s="158"/>
      <c r="C12" s="165"/>
      <c r="D12" s="160">
        <v>60884</v>
      </c>
      <c r="E12" s="161"/>
      <c r="F12" s="162">
        <v>34626</v>
      </c>
      <c r="G12" s="163"/>
      <c r="H12" s="164"/>
    </row>
    <row r="13" spans="1:8" x14ac:dyDescent="0.2">
      <c r="A13" s="145"/>
      <c r="B13" s="150"/>
      <c r="C13" s="166"/>
      <c r="D13" s="167">
        <v>64927</v>
      </c>
      <c r="E13" s="168"/>
      <c r="F13" s="169">
        <v>57244</v>
      </c>
      <c r="G13" s="170"/>
      <c r="H13" s="156"/>
    </row>
    <row r="14" spans="1:8" x14ac:dyDescent="0.2">
      <c r="A14" s="157"/>
      <c r="B14" s="158"/>
      <c r="C14" s="159"/>
      <c r="D14" s="160">
        <v>41225</v>
      </c>
      <c r="E14" s="161"/>
      <c r="F14" s="162">
        <v>30084</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1.39</v>
      </c>
      <c r="C19" s="171">
        <f>ROUND(VALUE(SUBSTITUTE(実質収支比率等に係る経年分析!G$48,"▲","-")),2)</f>
        <v>0.51</v>
      </c>
      <c r="D19" s="171">
        <f>ROUND(VALUE(SUBSTITUTE(実質収支比率等に係る経年分析!H$48,"▲","-")),2)</f>
        <v>0.86</v>
      </c>
      <c r="E19" s="171">
        <f>ROUND(VALUE(SUBSTITUTE(実質収支比率等に係る経年分析!I$48,"▲","-")),2)</f>
        <v>0.7</v>
      </c>
      <c r="F19" s="171">
        <f>ROUND(VALUE(SUBSTITUTE(実質収支比率等に係る経年分析!J$48,"▲","-")),2)</f>
        <v>1.4</v>
      </c>
    </row>
    <row r="20" spans="1:11" x14ac:dyDescent="0.2">
      <c r="A20" s="171" t="s">
        <v>55</v>
      </c>
      <c r="B20" s="171">
        <f>ROUND(VALUE(SUBSTITUTE(実質収支比率等に係る経年分析!F$47,"▲","-")),2)</f>
        <v>2.8</v>
      </c>
      <c r="C20" s="171">
        <f>ROUND(VALUE(SUBSTITUTE(実質収支比率等に係る経年分析!G$47,"▲","-")),2)</f>
        <v>2.31</v>
      </c>
      <c r="D20" s="171">
        <f>ROUND(VALUE(SUBSTITUTE(実質収支比率等に係る経年分析!H$47,"▲","-")),2)</f>
        <v>0.84</v>
      </c>
      <c r="E20" s="171">
        <f>ROUND(VALUE(SUBSTITUTE(実質収支比率等に係る経年分析!I$47,"▲","-")),2)</f>
        <v>1.19</v>
      </c>
      <c r="F20" s="171">
        <f>ROUND(VALUE(SUBSTITUTE(実質収支比率等に係る経年分析!J$47,"▲","-")),2)</f>
        <v>3.13</v>
      </c>
    </row>
    <row r="21" spans="1:11" x14ac:dyDescent="0.2">
      <c r="A21" s="171" t="s">
        <v>56</v>
      </c>
      <c r="B21" s="171">
        <f>IF(ISNUMBER(VALUE(SUBSTITUTE(実質収支比率等に係る経年分析!F$49,"▲","-"))),ROUND(VALUE(SUBSTITUTE(実質収支比率等に係る経年分析!F$49,"▲","-")),2),NA())</f>
        <v>1.33</v>
      </c>
      <c r="C21" s="171">
        <f>IF(ISNUMBER(VALUE(SUBSTITUTE(実質収支比率等に係る経年分析!G$49,"▲","-"))),ROUND(VALUE(SUBSTITUTE(実質収支比率等に係る経年分析!G$49,"▲","-")),2),NA())</f>
        <v>-1.75</v>
      </c>
      <c r="D21" s="171">
        <f>IF(ISNUMBER(VALUE(SUBSTITUTE(実質収支比率等に係る経年分析!H$49,"▲","-"))),ROUND(VALUE(SUBSTITUTE(実質収支比率等に係る経年分析!H$49,"▲","-")),2),NA())</f>
        <v>-1.21</v>
      </c>
      <c r="E21" s="171">
        <f>IF(ISNUMBER(VALUE(SUBSTITUTE(実質収支比率等に係る経年分析!I$49,"▲","-"))),ROUND(VALUE(SUBSTITUTE(実質収支比率等に係る経年分析!I$49,"▲","-")),2),NA())</f>
        <v>-0.02</v>
      </c>
      <c r="F21" s="171">
        <f>IF(ISNUMBER(VALUE(SUBSTITUTE(実質収支比率等に係る経年分析!J$49,"▲","-"))),ROUND(VALUE(SUBSTITUTE(実質収支比率等に係る経年分析!J$49,"▲","-")),2),NA())</f>
        <v>2.4500000000000002</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1.31</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1.44</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1.73</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0.54</v>
      </c>
      <c r="J27" s="172" t="e">
        <f>IF(ROUND(VALUE(SUBSTITUTE(連結実質赤字比率に係る赤字・黒字の構成分析!J$43,"▲", "-")), 2) &lt; 0, ABS(ROUND(VALUE(SUBSTITUTE(連結実質赤字比率に係る赤字・黒字の構成分析!J$43,"▲", "-")), 2)), NA())</f>
        <v>#N/A</v>
      </c>
      <c r="K27" s="172">
        <f>IF(ROUND(VALUE(SUBSTITUTE(連結実質赤字比率に係る赤字・黒字の構成分析!J$43,"▲", "-")), 2) &gt;= 0, ABS(ROUND(VALUE(SUBSTITUTE(連結実質赤字比率に係る赤字・黒字の構成分析!J$43,"▲", "-")), 2)), NA())</f>
        <v>0.54</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自動車事業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7</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68</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68</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44</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44</v>
      </c>
    </row>
    <row r="30" spans="1:11" x14ac:dyDescent="0.2">
      <c r="A30" s="172" t="str">
        <f>IF(連結実質赤字比率に係る赤字・黒字の構成分析!C$40="",NA(),連結実質赤字比率に係る赤字・黒字の構成分析!C$40)</f>
        <v>工業用水道事業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52</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51</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47</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48</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47</v>
      </c>
    </row>
    <row r="31" spans="1:11" x14ac:dyDescent="0.2">
      <c r="A31" s="172" t="str">
        <f>IF(連結実質赤字比率に係る赤字・黒字の構成分析!C$39="",NA(),連結実質赤字比率に係る赤字・黒字の構成分析!C$39)</f>
        <v>病院事業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27</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26</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25</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26</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57999999999999996</v>
      </c>
    </row>
    <row r="32" spans="1:11" x14ac:dyDescent="0.2">
      <c r="A32" s="172" t="str">
        <f>IF(連結実質赤字比率に係る赤字・黒字の構成分析!C$38="",NA(),連結実質赤字比率に係る赤字・黒字の構成分析!C$38)</f>
        <v>一般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77</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2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44</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56000000000000005</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1.1200000000000001</v>
      </c>
    </row>
    <row r="33" spans="1:16" x14ac:dyDescent="0.2">
      <c r="A33" s="172" t="str">
        <f>IF(連結実質赤字比率に係る赤字・黒字の構成分析!C$37="",NA(),連結実質赤字比率に係る赤字・黒字の構成分析!C$37)</f>
        <v>介護保険事業費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28999999999999998</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59</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44</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2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1599999999999999</v>
      </c>
    </row>
    <row r="34" spans="1:16" x14ac:dyDescent="0.2">
      <c r="A34" s="172" t="str">
        <f>IF(連結実質赤字比率に係る赤字・黒字の構成分析!C$36="",NA(),連結実質赤字比率に係る赤字・黒字の構成分析!C$36)</f>
        <v>国民健康保険事業費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1.4</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0.45</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34</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0.86</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38</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2.46</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2.34</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2.34</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2.15</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2.4500000000000002</v>
      </c>
    </row>
    <row r="36" spans="1:16" x14ac:dyDescent="0.2">
      <c r="A36" s="172" t="str">
        <f>IF(連結実質赤字比率に係る赤字・黒字の構成分析!C$34="",NA(),連結実質赤字比率に係る赤字・黒字の構成分析!C$34)</f>
        <v>下水道事業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3.78</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4.3099999999999996</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4.46</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4.5</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4.82</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79831</v>
      </c>
      <c r="E42" s="173"/>
      <c r="F42" s="173"/>
      <c r="G42" s="173">
        <f>'実質公債費比率（分子）の構造'!L$52</f>
        <v>183591</v>
      </c>
      <c r="H42" s="173"/>
      <c r="I42" s="173"/>
      <c r="J42" s="173">
        <f>'実質公債費比率（分子）の構造'!M$52</f>
        <v>175855</v>
      </c>
      <c r="K42" s="173"/>
      <c r="L42" s="173"/>
      <c r="M42" s="173">
        <f>'実質公債費比率（分子）の構造'!N$52</f>
        <v>166684</v>
      </c>
      <c r="N42" s="173"/>
      <c r="O42" s="173"/>
      <c r="P42" s="173">
        <f>'実質公債費比率（分子）の構造'!O$52</f>
        <v>156175</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f>'実質公債費比率（分子）の構造'!N$51</f>
        <v>3</v>
      </c>
      <c r="L43" s="173"/>
      <c r="M43" s="173"/>
      <c r="N43" s="173">
        <f>'実質公債費比率（分子）の構造'!O$51</f>
        <v>0</v>
      </c>
      <c r="O43" s="173"/>
      <c r="P43" s="173"/>
    </row>
    <row r="44" spans="1:16" x14ac:dyDescent="0.2">
      <c r="A44" s="173" t="s">
        <v>65</v>
      </c>
      <c r="B44" s="173">
        <f>'実質公債費比率（分子）の構造'!K$50</f>
        <v>1654</v>
      </c>
      <c r="C44" s="173"/>
      <c r="D44" s="173"/>
      <c r="E44" s="173">
        <f>'実質公債費比率（分子）の構造'!L$50</f>
        <v>1655</v>
      </c>
      <c r="F44" s="173"/>
      <c r="G44" s="173"/>
      <c r="H44" s="173">
        <f>'実質公債費比率（分子）の構造'!M$50</f>
        <v>2556</v>
      </c>
      <c r="I44" s="173"/>
      <c r="J44" s="173"/>
      <c r="K44" s="173">
        <f>'実質公債費比率（分子）の構造'!N$50</f>
        <v>3804</v>
      </c>
      <c r="L44" s="173"/>
      <c r="M44" s="173"/>
      <c r="N44" s="173">
        <f>'実質公債費比率（分子）の構造'!O$50</f>
        <v>3327</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56443</v>
      </c>
      <c r="C46" s="173"/>
      <c r="D46" s="173"/>
      <c r="E46" s="173">
        <f>'実質公債費比率（分子）の構造'!L$48</f>
        <v>53308</v>
      </c>
      <c r="F46" s="173"/>
      <c r="G46" s="173"/>
      <c r="H46" s="173">
        <f>'実質公債費比率（分子）の構造'!M$48</f>
        <v>48636</v>
      </c>
      <c r="I46" s="173"/>
      <c r="J46" s="173"/>
      <c r="K46" s="173">
        <f>'実質公債費比率（分子）の構造'!N$48</f>
        <v>43151</v>
      </c>
      <c r="L46" s="173"/>
      <c r="M46" s="173"/>
      <c r="N46" s="173">
        <f>'実質公債費比率（分子）の構造'!O$48</f>
        <v>43269</v>
      </c>
      <c r="O46" s="173"/>
      <c r="P46" s="173"/>
    </row>
    <row r="47" spans="1:16" x14ac:dyDescent="0.2">
      <c r="A47" s="173" t="s">
        <v>68</v>
      </c>
      <c r="B47" s="173">
        <f>'実質公債費比率（分子）の構造'!K$47</f>
        <v>69842</v>
      </c>
      <c r="C47" s="173"/>
      <c r="D47" s="173"/>
      <c r="E47" s="173">
        <f>'実質公債費比率（分子）の構造'!L$47</f>
        <v>66507</v>
      </c>
      <c r="F47" s="173"/>
      <c r="G47" s="173"/>
      <c r="H47" s="173">
        <f>'実質公債費比率（分子）の構造'!M$47</f>
        <v>61378</v>
      </c>
      <c r="I47" s="173"/>
      <c r="J47" s="173"/>
      <c r="K47" s="173">
        <f>'実質公債費比率（分子）の構造'!N$47</f>
        <v>60203</v>
      </c>
      <c r="L47" s="173"/>
      <c r="M47" s="173"/>
      <c r="N47" s="173">
        <f>'実質公債費比率（分子）の構造'!O$47</f>
        <v>61101</v>
      </c>
      <c r="O47" s="173"/>
      <c r="P47" s="173"/>
    </row>
    <row r="48" spans="1:16" x14ac:dyDescent="0.2">
      <c r="A48" s="173" t="s">
        <v>69</v>
      </c>
      <c r="B48" s="173">
        <f>'実質公債費比率（分子）の構造'!K$46</f>
        <v>29184</v>
      </c>
      <c r="C48" s="173"/>
      <c r="D48" s="173"/>
      <c r="E48" s="173">
        <f>'実質公債費比率（分子）の構造'!L$46</f>
        <v>38039</v>
      </c>
      <c r="F48" s="173"/>
      <c r="G48" s="173"/>
      <c r="H48" s="173">
        <f>'実質公債費比率（分子）の構造'!M$46</f>
        <v>37686</v>
      </c>
      <c r="I48" s="173"/>
      <c r="J48" s="173"/>
      <c r="K48" s="173">
        <f>'実質公債費比率（分子）の構造'!N$46</f>
        <v>29478</v>
      </c>
      <c r="L48" s="173"/>
      <c r="M48" s="173"/>
      <c r="N48" s="173">
        <f>'実質公債費比率（分子）の構造'!O$46</f>
        <v>23891</v>
      </c>
      <c r="O48" s="173"/>
      <c r="P48" s="173"/>
    </row>
    <row r="49" spans="1:16" x14ac:dyDescent="0.2">
      <c r="A49" s="173" t="s">
        <v>70</v>
      </c>
      <c r="B49" s="173">
        <f>'実質公債費比率（分子）の構造'!K$45</f>
        <v>102444</v>
      </c>
      <c r="C49" s="173"/>
      <c r="D49" s="173"/>
      <c r="E49" s="173">
        <f>'実質公債費比率（分子）の構造'!L$45</f>
        <v>105495</v>
      </c>
      <c r="F49" s="173"/>
      <c r="G49" s="173"/>
      <c r="H49" s="173">
        <f>'実質公債費比率（分子）の構造'!M$45</f>
        <v>119475</v>
      </c>
      <c r="I49" s="173"/>
      <c r="J49" s="173"/>
      <c r="K49" s="173">
        <f>'実質公債費比率（分子）の構造'!N$45</f>
        <v>122220</v>
      </c>
      <c r="L49" s="173"/>
      <c r="M49" s="173"/>
      <c r="N49" s="173">
        <f>'実質公債費比率（分子）の構造'!O$45</f>
        <v>114468</v>
      </c>
      <c r="O49" s="173"/>
      <c r="P49" s="173"/>
    </row>
    <row r="50" spans="1:16" x14ac:dyDescent="0.2">
      <c r="A50" s="173" t="s">
        <v>71</v>
      </c>
      <c r="B50" s="173" t="e">
        <f>NA()</f>
        <v>#N/A</v>
      </c>
      <c r="C50" s="173">
        <f>IF(ISNUMBER('実質公債費比率（分子）の構造'!K$53),'実質公債費比率（分子）の構造'!K$53,NA())</f>
        <v>79736</v>
      </c>
      <c r="D50" s="173" t="e">
        <f>NA()</f>
        <v>#N/A</v>
      </c>
      <c r="E50" s="173" t="e">
        <f>NA()</f>
        <v>#N/A</v>
      </c>
      <c r="F50" s="173">
        <f>IF(ISNUMBER('実質公債費比率（分子）の構造'!L$53),'実質公債費比率（分子）の構造'!L$53,NA())</f>
        <v>81413</v>
      </c>
      <c r="G50" s="173" t="e">
        <f>NA()</f>
        <v>#N/A</v>
      </c>
      <c r="H50" s="173" t="e">
        <f>NA()</f>
        <v>#N/A</v>
      </c>
      <c r="I50" s="173">
        <f>IF(ISNUMBER('実質公債費比率（分子）の構造'!M$53),'実質公債費比率（分子）の構造'!M$53,NA())</f>
        <v>93876</v>
      </c>
      <c r="J50" s="173" t="e">
        <f>NA()</f>
        <v>#N/A</v>
      </c>
      <c r="K50" s="173" t="e">
        <f>NA()</f>
        <v>#N/A</v>
      </c>
      <c r="L50" s="173">
        <f>IF(ISNUMBER('実質公債費比率（分子）の構造'!N$53),'実質公債費比率（分子）の構造'!N$53,NA())</f>
        <v>92175</v>
      </c>
      <c r="M50" s="173" t="e">
        <f>NA()</f>
        <v>#N/A</v>
      </c>
      <c r="N50" s="173" t="e">
        <f>NA()</f>
        <v>#N/A</v>
      </c>
      <c r="O50" s="173">
        <f>IF(ISNUMBER('実質公債費比率（分子）の構造'!O$53),'実質公債費比率（分子）の構造'!O$53,NA())</f>
        <v>89881</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1392552</v>
      </c>
      <c r="E56" s="172"/>
      <c r="F56" s="172"/>
      <c r="G56" s="172">
        <f>'将来負担比率（分子）の構造'!J$52</f>
        <v>1377858</v>
      </c>
      <c r="H56" s="172"/>
      <c r="I56" s="172"/>
      <c r="J56" s="172">
        <f>'将来負担比率（分子）の構造'!K$52</f>
        <v>1367852</v>
      </c>
      <c r="K56" s="172"/>
      <c r="L56" s="172"/>
      <c r="M56" s="172">
        <f>'将来負担比率（分子）の構造'!L$52</f>
        <v>1348979</v>
      </c>
      <c r="N56" s="172"/>
      <c r="O56" s="172"/>
      <c r="P56" s="172">
        <f>'将来負担比率（分子）の構造'!M$52</f>
        <v>1344210</v>
      </c>
    </row>
    <row r="57" spans="1:16" x14ac:dyDescent="0.2">
      <c r="A57" s="172" t="s">
        <v>42</v>
      </c>
      <c r="B57" s="172"/>
      <c r="C57" s="172"/>
      <c r="D57" s="172">
        <f>'将来負担比率（分子）の構造'!I$51</f>
        <v>715000</v>
      </c>
      <c r="E57" s="172"/>
      <c r="F57" s="172"/>
      <c r="G57" s="172">
        <f>'将来負担比率（分子）の構造'!J$51</f>
        <v>746716</v>
      </c>
      <c r="H57" s="172"/>
      <c r="I57" s="172"/>
      <c r="J57" s="172">
        <f>'将来負担比率（分子）の構造'!K$51</f>
        <v>777314</v>
      </c>
      <c r="K57" s="172"/>
      <c r="L57" s="172"/>
      <c r="M57" s="172">
        <f>'将来負担比率（分子）の構造'!L$51</f>
        <v>777426</v>
      </c>
      <c r="N57" s="172"/>
      <c r="O57" s="172"/>
      <c r="P57" s="172">
        <f>'将来負担比率（分子）の構造'!M$51</f>
        <v>691902</v>
      </c>
    </row>
    <row r="58" spans="1:16" x14ac:dyDescent="0.2">
      <c r="A58" s="172" t="s">
        <v>41</v>
      </c>
      <c r="B58" s="172"/>
      <c r="C58" s="172"/>
      <c r="D58" s="172">
        <f>'将来負担比率（分子）の構造'!I$50</f>
        <v>155643</v>
      </c>
      <c r="E58" s="172"/>
      <c r="F58" s="172"/>
      <c r="G58" s="172">
        <f>'将来負担比率（分子）の構造'!J$50</f>
        <v>182347</v>
      </c>
      <c r="H58" s="172"/>
      <c r="I58" s="172"/>
      <c r="J58" s="172">
        <f>'将来負担比率（分子）の構造'!K$50</f>
        <v>181000</v>
      </c>
      <c r="K58" s="172"/>
      <c r="L58" s="172"/>
      <c r="M58" s="172">
        <f>'将来負担比率（分子）の構造'!L$50</f>
        <v>183880</v>
      </c>
      <c r="N58" s="172"/>
      <c r="O58" s="172"/>
      <c r="P58" s="172">
        <f>'将来負担比率（分子）の構造'!M$50</f>
        <v>251655</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f>'将来負担比率（分子）の構造'!I$46</f>
        <v>57500</v>
      </c>
      <c r="C61" s="172"/>
      <c r="D61" s="172"/>
      <c r="E61" s="172">
        <f>'将来負担比率（分子）の構造'!J$46</f>
        <v>50501</v>
      </c>
      <c r="F61" s="172"/>
      <c r="G61" s="172"/>
      <c r="H61" s="172">
        <f>'将来負担比率（分子）の構造'!K$46</f>
        <v>38574</v>
      </c>
      <c r="I61" s="172"/>
      <c r="J61" s="172"/>
      <c r="K61" s="172">
        <f>'将来負担比率（分子）の構造'!L$46</f>
        <v>39544</v>
      </c>
      <c r="L61" s="172"/>
      <c r="M61" s="172"/>
      <c r="N61" s="172">
        <f>'将来負担比率（分子）の構造'!M$46</f>
        <v>10655</v>
      </c>
      <c r="O61" s="172"/>
      <c r="P61" s="172"/>
    </row>
    <row r="62" spans="1:16" x14ac:dyDescent="0.2">
      <c r="A62" s="172" t="s">
        <v>35</v>
      </c>
      <c r="B62" s="172">
        <f>'将来負担比率（分子）の構造'!I$45</f>
        <v>227722</v>
      </c>
      <c r="C62" s="172"/>
      <c r="D62" s="172"/>
      <c r="E62" s="172">
        <f>'将来負担比率（分子）の構造'!J$45</f>
        <v>207077</v>
      </c>
      <c r="F62" s="172"/>
      <c r="G62" s="172"/>
      <c r="H62" s="172">
        <f>'将来負担比率（分子）の構造'!K$45</f>
        <v>204782</v>
      </c>
      <c r="I62" s="172"/>
      <c r="J62" s="172"/>
      <c r="K62" s="172">
        <f>'将来負担比率（分子）の構造'!L$45</f>
        <v>205583</v>
      </c>
      <c r="L62" s="172"/>
      <c r="M62" s="172"/>
      <c r="N62" s="172">
        <f>'将来負担比率（分子）の構造'!M$45</f>
        <v>207868</v>
      </c>
      <c r="O62" s="172"/>
      <c r="P62" s="172"/>
    </row>
    <row r="63" spans="1:16" x14ac:dyDescent="0.2">
      <c r="A63" s="172" t="s">
        <v>34</v>
      </c>
      <c r="B63" s="172">
        <f>'将来負担比率（分子）の構造'!I$44</f>
        <v>296</v>
      </c>
      <c r="C63" s="172"/>
      <c r="D63" s="172"/>
      <c r="E63" s="172">
        <f>'将来負担比率（分子）の構造'!J$44</f>
        <v>105</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552351</v>
      </c>
      <c r="C64" s="172"/>
      <c r="D64" s="172"/>
      <c r="E64" s="172">
        <f>'将来負担比率（分子）の構造'!J$43</f>
        <v>520361</v>
      </c>
      <c r="F64" s="172"/>
      <c r="G64" s="172"/>
      <c r="H64" s="172">
        <f>'将来負担比率（分子）の構造'!K$43</f>
        <v>493202</v>
      </c>
      <c r="I64" s="172"/>
      <c r="J64" s="172"/>
      <c r="K64" s="172">
        <f>'将来負担比率（分子）の構造'!L$43</f>
        <v>467958</v>
      </c>
      <c r="L64" s="172"/>
      <c r="M64" s="172"/>
      <c r="N64" s="172">
        <f>'将来負担比率（分子）の構造'!M$43</f>
        <v>454545</v>
      </c>
      <c r="O64" s="172"/>
      <c r="P64" s="172"/>
    </row>
    <row r="65" spans="1:16" x14ac:dyDescent="0.2">
      <c r="A65" s="172" t="s">
        <v>32</v>
      </c>
      <c r="B65" s="172">
        <f>'将来負担比率（分子）の構造'!I$42</f>
        <v>27605</v>
      </c>
      <c r="C65" s="172"/>
      <c r="D65" s="172"/>
      <c r="E65" s="172">
        <f>'将来負担比率（分子）の構造'!J$42</f>
        <v>41831</v>
      </c>
      <c r="F65" s="172"/>
      <c r="G65" s="172"/>
      <c r="H65" s="172">
        <f>'将来負担比率（分子）の構造'!K$42</f>
        <v>95988</v>
      </c>
      <c r="I65" s="172"/>
      <c r="J65" s="172"/>
      <c r="K65" s="172">
        <f>'将来負担比率（分子）の構造'!L$42</f>
        <v>91230</v>
      </c>
      <c r="L65" s="172"/>
      <c r="M65" s="172"/>
      <c r="N65" s="172">
        <f>'将来負担比率（分子）の構造'!M$42</f>
        <v>76748</v>
      </c>
      <c r="O65" s="172"/>
      <c r="P65" s="172"/>
    </row>
    <row r="66" spans="1:16" x14ac:dyDescent="0.2">
      <c r="A66" s="172" t="s">
        <v>31</v>
      </c>
      <c r="B66" s="172">
        <f>'将来負担比率（分子）の構造'!I$41</f>
        <v>2599222</v>
      </c>
      <c r="C66" s="172"/>
      <c r="D66" s="172"/>
      <c r="E66" s="172">
        <f>'将来負担比率（分子）の構造'!J$41</f>
        <v>2639495</v>
      </c>
      <c r="F66" s="172"/>
      <c r="G66" s="172"/>
      <c r="H66" s="172">
        <f>'将来負担比率（分子）の構造'!K$41</f>
        <v>2671095</v>
      </c>
      <c r="I66" s="172"/>
      <c r="J66" s="172"/>
      <c r="K66" s="172">
        <f>'将来負担比率（分子）の構造'!L$41</f>
        <v>2678080</v>
      </c>
      <c r="L66" s="172"/>
      <c r="M66" s="172"/>
      <c r="N66" s="172">
        <f>'将来負担比率（分子）の構造'!M$41</f>
        <v>2701273</v>
      </c>
      <c r="O66" s="172"/>
      <c r="P66" s="172"/>
    </row>
    <row r="67" spans="1:16" x14ac:dyDescent="0.2">
      <c r="A67" s="172" t="s">
        <v>75</v>
      </c>
      <c r="B67" s="172" t="e">
        <f>NA()</f>
        <v>#N/A</v>
      </c>
      <c r="C67" s="172">
        <f>IF(ISNUMBER('将来負担比率（分子）の構造'!I$53), IF('将来負担比率（分子）の構造'!I$53 &lt; 0, 0, '将来負担比率（分子）の構造'!I$53), NA())</f>
        <v>1201501</v>
      </c>
      <c r="D67" s="172" t="e">
        <f>NA()</f>
        <v>#N/A</v>
      </c>
      <c r="E67" s="172" t="e">
        <f>NA()</f>
        <v>#N/A</v>
      </c>
      <c r="F67" s="172">
        <f>IF(ISNUMBER('将来負担比率（分子）の構造'!J$53), IF('将来負担比率（分子）の構造'!J$53 &lt; 0, 0, '将来負担比率（分子）の構造'!J$53), NA())</f>
        <v>1152448</v>
      </c>
      <c r="G67" s="172" t="e">
        <f>NA()</f>
        <v>#N/A</v>
      </c>
      <c r="H67" s="172" t="e">
        <f>NA()</f>
        <v>#N/A</v>
      </c>
      <c r="I67" s="172">
        <f>IF(ISNUMBER('将来負担比率（分子）の構造'!K$53), IF('将来負担比率（分子）の構造'!K$53 &lt; 0, 0, '将来負担比率（分子）の構造'!K$53), NA())</f>
        <v>1177474</v>
      </c>
      <c r="J67" s="172" t="e">
        <f>NA()</f>
        <v>#N/A</v>
      </c>
      <c r="K67" s="172" t="e">
        <f>NA()</f>
        <v>#N/A</v>
      </c>
      <c r="L67" s="172">
        <f>IF(ISNUMBER('将来負担比率（分子）の構造'!L$53), IF('将来負担比率（分子）の構造'!L$53 &lt; 0, 0, '将来負担比率（分子）の構造'!L$53), NA())</f>
        <v>1172110</v>
      </c>
      <c r="M67" s="172" t="e">
        <f>NA()</f>
        <v>#N/A</v>
      </c>
      <c r="N67" s="172" t="e">
        <f>NA()</f>
        <v>#N/A</v>
      </c>
      <c r="O67" s="172">
        <f>IF(ISNUMBER('将来負担比率（分子）の構造'!M$53), IF('将来負担比率（分子）の構造'!M$53 &lt; 0, 0, '将来負担比率（分子）の構造'!M$53), NA())</f>
        <v>1163322</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7965</v>
      </c>
      <c r="C72" s="176">
        <f>基金残高に係る経年分析!G55</f>
        <v>11352</v>
      </c>
      <c r="D72" s="176">
        <f>基金残高に係る経年分析!H55</f>
        <v>31319</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16740</v>
      </c>
      <c r="C74" s="176">
        <f>基金残高に係る経年分析!G57</f>
        <v>17419</v>
      </c>
      <c r="D74" s="176">
        <f>基金残高に係る経年分析!H57</f>
        <v>18338</v>
      </c>
    </row>
  </sheetData>
  <sheetProtection algorithmName="SHA-512" hashValue="O3RQMJTgp6bYt2tMZ0BfgNeWvRTP0UtZHQQzbFHLA6CEDWXluMQXEuTLTtkOVTm2xaG/kev0d4SXSpCz35BCUg==" saltValue="Yp7uXQeQDl7ldZ5Ujpt2L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9"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1" t="s">
        <v>209</v>
      </c>
      <c r="DI1" s="782"/>
      <c r="DJ1" s="782"/>
      <c r="DK1" s="782"/>
      <c r="DL1" s="782"/>
      <c r="DM1" s="782"/>
      <c r="DN1" s="783"/>
      <c r="DO1" s="212"/>
      <c r="DP1" s="781" t="s">
        <v>210</v>
      </c>
      <c r="DQ1" s="782"/>
      <c r="DR1" s="782"/>
      <c r="DS1" s="782"/>
      <c r="DT1" s="782"/>
      <c r="DU1" s="782"/>
      <c r="DV1" s="782"/>
      <c r="DW1" s="782"/>
      <c r="DX1" s="782"/>
      <c r="DY1" s="782"/>
      <c r="DZ1" s="782"/>
      <c r="EA1" s="782"/>
      <c r="EB1" s="782"/>
      <c r="EC1" s="783"/>
      <c r="ED1" s="210"/>
      <c r="EE1" s="210"/>
      <c r="EF1" s="210"/>
      <c r="EG1" s="210"/>
      <c r="EH1" s="210"/>
      <c r="EI1" s="210"/>
      <c r="EJ1" s="210"/>
      <c r="EK1" s="210"/>
      <c r="EL1" s="210"/>
      <c r="EM1" s="210"/>
    </row>
    <row r="2" spans="2:143" ht="22.5" customHeight="1" x14ac:dyDescent="0.2">
      <c r="B2" s="213" t="s">
        <v>211</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3" t="s">
        <v>212</v>
      </c>
      <c r="C3" s="724"/>
      <c r="D3" s="724"/>
      <c r="E3" s="724"/>
      <c r="F3" s="724"/>
      <c r="G3" s="724"/>
      <c r="H3" s="724"/>
      <c r="I3" s="724"/>
      <c r="J3" s="724"/>
      <c r="K3" s="724"/>
      <c r="L3" s="724"/>
      <c r="M3" s="724"/>
      <c r="N3" s="724"/>
      <c r="O3" s="724"/>
      <c r="P3" s="724"/>
      <c r="Q3" s="724"/>
      <c r="R3" s="724"/>
      <c r="S3" s="724"/>
      <c r="T3" s="724"/>
      <c r="U3" s="724"/>
      <c r="V3" s="724"/>
      <c r="W3" s="724"/>
      <c r="X3" s="724"/>
      <c r="Y3" s="724"/>
      <c r="Z3" s="724"/>
      <c r="AA3" s="724"/>
      <c r="AB3" s="724"/>
      <c r="AC3" s="724"/>
      <c r="AD3" s="724"/>
      <c r="AE3" s="724"/>
      <c r="AF3" s="724"/>
      <c r="AG3" s="724"/>
      <c r="AH3" s="724"/>
      <c r="AI3" s="724"/>
      <c r="AJ3" s="724"/>
      <c r="AK3" s="724"/>
      <c r="AL3" s="724"/>
      <c r="AM3" s="724"/>
      <c r="AN3" s="724"/>
      <c r="AO3" s="724"/>
      <c r="AP3" s="723" t="s">
        <v>213</v>
      </c>
      <c r="AQ3" s="724"/>
      <c r="AR3" s="724"/>
      <c r="AS3" s="724"/>
      <c r="AT3" s="724"/>
      <c r="AU3" s="724"/>
      <c r="AV3" s="724"/>
      <c r="AW3" s="724"/>
      <c r="AX3" s="724"/>
      <c r="AY3" s="724"/>
      <c r="AZ3" s="724"/>
      <c r="BA3" s="724"/>
      <c r="BB3" s="724"/>
      <c r="BC3" s="724"/>
      <c r="BD3" s="724"/>
      <c r="BE3" s="724"/>
      <c r="BF3" s="724"/>
      <c r="BG3" s="724"/>
      <c r="BH3" s="724"/>
      <c r="BI3" s="724"/>
      <c r="BJ3" s="724"/>
      <c r="BK3" s="724"/>
      <c r="BL3" s="724"/>
      <c r="BM3" s="724"/>
      <c r="BN3" s="724"/>
      <c r="BO3" s="724"/>
      <c r="BP3" s="724"/>
      <c r="BQ3" s="724"/>
      <c r="BR3" s="724"/>
      <c r="BS3" s="724"/>
      <c r="BT3" s="724"/>
      <c r="BU3" s="724"/>
      <c r="BV3" s="724"/>
      <c r="BW3" s="724"/>
      <c r="BX3" s="724"/>
      <c r="BY3" s="724"/>
      <c r="BZ3" s="724"/>
      <c r="CA3" s="724"/>
      <c r="CB3" s="725"/>
      <c r="CD3" s="766" t="s">
        <v>214</v>
      </c>
      <c r="CE3" s="767"/>
      <c r="CF3" s="767"/>
      <c r="CG3" s="767"/>
      <c r="CH3" s="767"/>
      <c r="CI3" s="767"/>
      <c r="CJ3" s="767"/>
      <c r="CK3" s="767"/>
      <c r="CL3" s="767"/>
      <c r="CM3" s="767"/>
      <c r="CN3" s="767"/>
      <c r="CO3" s="767"/>
      <c r="CP3" s="767"/>
      <c r="CQ3" s="767"/>
      <c r="CR3" s="767"/>
      <c r="CS3" s="767"/>
      <c r="CT3" s="767"/>
      <c r="CU3" s="767"/>
      <c r="CV3" s="767"/>
      <c r="CW3" s="767"/>
      <c r="CX3" s="767"/>
      <c r="CY3" s="767"/>
      <c r="CZ3" s="767"/>
      <c r="DA3" s="767"/>
      <c r="DB3" s="767"/>
      <c r="DC3" s="767"/>
      <c r="DD3" s="767"/>
      <c r="DE3" s="767"/>
      <c r="DF3" s="767"/>
      <c r="DG3" s="767"/>
      <c r="DH3" s="767"/>
      <c r="DI3" s="767"/>
      <c r="DJ3" s="767"/>
      <c r="DK3" s="767"/>
      <c r="DL3" s="767"/>
      <c r="DM3" s="767"/>
      <c r="DN3" s="767"/>
      <c r="DO3" s="767"/>
      <c r="DP3" s="767"/>
      <c r="DQ3" s="767"/>
      <c r="DR3" s="767"/>
      <c r="DS3" s="767"/>
      <c r="DT3" s="767"/>
      <c r="DU3" s="767"/>
      <c r="DV3" s="767"/>
      <c r="DW3" s="767"/>
      <c r="DX3" s="767"/>
      <c r="DY3" s="767"/>
      <c r="DZ3" s="767"/>
      <c r="EA3" s="767"/>
      <c r="EB3" s="767"/>
      <c r="EC3" s="768"/>
    </row>
    <row r="4" spans="2:143" ht="11.25" customHeight="1" x14ac:dyDescent="0.2">
      <c r="B4" s="723" t="s">
        <v>1</v>
      </c>
      <c r="C4" s="724"/>
      <c r="D4" s="724"/>
      <c r="E4" s="724"/>
      <c r="F4" s="724"/>
      <c r="G4" s="724"/>
      <c r="H4" s="724"/>
      <c r="I4" s="724"/>
      <c r="J4" s="724"/>
      <c r="K4" s="724"/>
      <c r="L4" s="724"/>
      <c r="M4" s="724"/>
      <c r="N4" s="724"/>
      <c r="O4" s="724"/>
      <c r="P4" s="724"/>
      <c r="Q4" s="725"/>
      <c r="R4" s="723" t="s">
        <v>215</v>
      </c>
      <c r="S4" s="724"/>
      <c r="T4" s="724"/>
      <c r="U4" s="724"/>
      <c r="V4" s="724"/>
      <c r="W4" s="724"/>
      <c r="X4" s="724"/>
      <c r="Y4" s="725"/>
      <c r="Z4" s="723" t="s">
        <v>216</v>
      </c>
      <c r="AA4" s="724"/>
      <c r="AB4" s="724"/>
      <c r="AC4" s="725"/>
      <c r="AD4" s="723" t="s">
        <v>217</v>
      </c>
      <c r="AE4" s="724"/>
      <c r="AF4" s="724"/>
      <c r="AG4" s="724"/>
      <c r="AH4" s="724"/>
      <c r="AI4" s="724"/>
      <c r="AJ4" s="724"/>
      <c r="AK4" s="725"/>
      <c r="AL4" s="723" t="s">
        <v>216</v>
      </c>
      <c r="AM4" s="724"/>
      <c r="AN4" s="724"/>
      <c r="AO4" s="725"/>
      <c r="AP4" s="784" t="s">
        <v>218</v>
      </c>
      <c r="AQ4" s="784"/>
      <c r="AR4" s="784"/>
      <c r="AS4" s="784"/>
      <c r="AT4" s="784"/>
      <c r="AU4" s="784"/>
      <c r="AV4" s="784"/>
      <c r="AW4" s="784"/>
      <c r="AX4" s="784"/>
      <c r="AY4" s="784"/>
      <c r="AZ4" s="784"/>
      <c r="BA4" s="784"/>
      <c r="BB4" s="784"/>
      <c r="BC4" s="784"/>
      <c r="BD4" s="784"/>
      <c r="BE4" s="784"/>
      <c r="BF4" s="784"/>
      <c r="BG4" s="784" t="s">
        <v>219</v>
      </c>
      <c r="BH4" s="784"/>
      <c r="BI4" s="784"/>
      <c r="BJ4" s="784"/>
      <c r="BK4" s="784"/>
      <c r="BL4" s="784"/>
      <c r="BM4" s="784"/>
      <c r="BN4" s="784"/>
      <c r="BO4" s="784" t="s">
        <v>216</v>
      </c>
      <c r="BP4" s="784"/>
      <c r="BQ4" s="784"/>
      <c r="BR4" s="784"/>
      <c r="BS4" s="784" t="s">
        <v>220</v>
      </c>
      <c r="BT4" s="784"/>
      <c r="BU4" s="784"/>
      <c r="BV4" s="784"/>
      <c r="BW4" s="784"/>
      <c r="BX4" s="784"/>
      <c r="BY4" s="784"/>
      <c r="BZ4" s="784"/>
      <c r="CA4" s="784"/>
      <c r="CB4" s="784"/>
      <c r="CD4" s="766" t="s">
        <v>221</v>
      </c>
      <c r="CE4" s="767"/>
      <c r="CF4" s="767"/>
      <c r="CG4" s="767"/>
      <c r="CH4" s="767"/>
      <c r="CI4" s="767"/>
      <c r="CJ4" s="767"/>
      <c r="CK4" s="767"/>
      <c r="CL4" s="767"/>
      <c r="CM4" s="767"/>
      <c r="CN4" s="767"/>
      <c r="CO4" s="767"/>
      <c r="CP4" s="767"/>
      <c r="CQ4" s="767"/>
      <c r="CR4" s="767"/>
      <c r="CS4" s="767"/>
      <c r="CT4" s="767"/>
      <c r="CU4" s="767"/>
      <c r="CV4" s="767"/>
      <c r="CW4" s="767"/>
      <c r="CX4" s="767"/>
      <c r="CY4" s="767"/>
      <c r="CZ4" s="767"/>
      <c r="DA4" s="767"/>
      <c r="DB4" s="767"/>
      <c r="DC4" s="767"/>
      <c r="DD4" s="767"/>
      <c r="DE4" s="767"/>
      <c r="DF4" s="767"/>
      <c r="DG4" s="767"/>
      <c r="DH4" s="767"/>
      <c r="DI4" s="767"/>
      <c r="DJ4" s="767"/>
      <c r="DK4" s="767"/>
      <c r="DL4" s="767"/>
      <c r="DM4" s="767"/>
      <c r="DN4" s="767"/>
      <c r="DO4" s="767"/>
      <c r="DP4" s="767"/>
      <c r="DQ4" s="767"/>
      <c r="DR4" s="767"/>
      <c r="DS4" s="767"/>
      <c r="DT4" s="767"/>
      <c r="DU4" s="767"/>
      <c r="DV4" s="767"/>
      <c r="DW4" s="767"/>
      <c r="DX4" s="767"/>
      <c r="DY4" s="767"/>
      <c r="DZ4" s="767"/>
      <c r="EA4" s="767"/>
      <c r="EB4" s="767"/>
      <c r="EC4" s="768"/>
    </row>
    <row r="5" spans="2:143" s="216" customFormat="1" ht="11.25" customHeight="1" x14ac:dyDescent="0.2">
      <c r="B5" s="731" t="s">
        <v>222</v>
      </c>
      <c r="C5" s="732"/>
      <c r="D5" s="732"/>
      <c r="E5" s="732"/>
      <c r="F5" s="732"/>
      <c r="G5" s="732"/>
      <c r="H5" s="732"/>
      <c r="I5" s="732"/>
      <c r="J5" s="732"/>
      <c r="K5" s="732"/>
      <c r="L5" s="732"/>
      <c r="M5" s="732"/>
      <c r="N5" s="732"/>
      <c r="O5" s="732"/>
      <c r="P5" s="732"/>
      <c r="Q5" s="733"/>
      <c r="R5" s="717">
        <v>838901732</v>
      </c>
      <c r="S5" s="718"/>
      <c r="T5" s="718"/>
      <c r="U5" s="718"/>
      <c r="V5" s="718"/>
      <c r="W5" s="718"/>
      <c r="X5" s="718"/>
      <c r="Y5" s="761"/>
      <c r="Z5" s="779">
        <v>37.6</v>
      </c>
      <c r="AA5" s="779"/>
      <c r="AB5" s="779"/>
      <c r="AC5" s="779"/>
      <c r="AD5" s="780">
        <v>779139746</v>
      </c>
      <c r="AE5" s="780"/>
      <c r="AF5" s="780"/>
      <c r="AG5" s="780"/>
      <c r="AH5" s="780"/>
      <c r="AI5" s="780"/>
      <c r="AJ5" s="780"/>
      <c r="AK5" s="780"/>
      <c r="AL5" s="762">
        <v>79.7</v>
      </c>
      <c r="AM5" s="736"/>
      <c r="AN5" s="736"/>
      <c r="AO5" s="763"/>
      <c r="AP5" s="731" t="s">
        <v>223</v>
      </c>
      <c r="AQ5" s="732"/>
      <c r="AR5" s="732"/>
      <c r="AS5" s="732"/>
      <c r="AT5" s="732"/>
      <c r="AU5" s="732"/>
      <c r="AV5" s="732"/>
      <c r="AW5" s="732"/>
      <c r="AX5" s="732"/>
      <c r="AY5" s="732"/>
      <c r="AZ5" s="732"/>
      <c r="BA5" s="732"/>
      <c r="BB5" s="732"/>
      <c r="BC5" s="732"/>
      <c r="BD5" s="732"/>
      <c r="BE5" s="732"/>
      <c r="BF5" s="733"/>
      <c r="BG5" s="664">
        <v>760307795</v>
      </c>
      <c r="BH5" s="665"/>
      <c r="BI5" s="665"/>
      <c r="BJ5" s="665"/>
      <c r="BK5" s="665"/>
      <c r="BL5" s="665"/>
      <c r="BM5" s="665"/>
      <c r="BN5" s="666"/>
      <c r="BO5" s="691">
        <v>90.6</v>
      </c>
      <c r="BP5" s="691"/>
      <c r="BQ5" s="691"/>
      <c r="BR5" s="691"/>
      <c r="BS5" s="692">
        <v>7939091</v>
      </c>
      <c r="BT5" s="692"/>
      <c r="BU5" s="692"/>
      <c r="BV5" s="692"/>
      <c r="BW5" s="692"/>
      <c r="BX5" s="692"/>
      <c r="BY5" s="692"/>
      <c r="BZ5" s="692"/>
      <c r="CA5" s="692"/>
      <c r="CB5" s="759"/>
      <c r="CD5" s="766" t="s">
        <v>218</v>
      </c>
      <c r="CE5" s="767"/>
      <c r="CF5" s="767"/>
      <c r="CG5" s="767"/>
      <c r="CH5" s="767"/>
      <c r="CI5" s="767"/>
      <c r="CJ5" s="767"/>
      <c r="CK5" s="767"/>
      <c r="CL5" s="767"/>
      <c r="CM5" s="767"/>
      <c r="CN5" s="767"/>
      <c r="CO5" s="767"/>
      <c r="CP5" s="767"/>
      <c r="CQ5" s="768"/>
      <c r="CR5" s="766" t="s">
        <v>224</v>
      </c>
      <c r="CS5" s="767"/>
      <c r="CT5" s="767"/>
      <c r="CU5" s="767"/>
      <c r="CV5" s="767"/>
      <c r="CW5" s="767"/>
      <c r="CX5" s="767"/>
      <c r="CY5" s="768"/>
      <c r="CZ5" s="766" t="s">
        <v>216</v>
      </c>
      <c r="DA5" s="767"/>
      <c r="DB5" s="767"/>
      <c r="DC5" s="768"/>
      <c r="DD5" s="766" t="s">
        <v>225</v>
      </c>
      <c r="DE5" s="767"/>
      <c r="DF5" s="767"/>
      <c r="DG5" s="767"/>
      <c r="DH5" s="767"/>
      <c r="DI5" s="767"/>
      <c r="DJ5" s="767"/>
      <c r="DK5" s="767"/>
      <c r="DL5" s="767"/>
      <c r="DM5" s="767"/>
      <c r="DN5" s="767"/>
      <c r="DO5" s="767"/>
      <c r="DP5" s="768"/>
      <c r="DQ5" s="766" t="s">
        <v>226</v>
      </c>
      <c r="DR5" s="767"/>
      <c r="DS5" s="767"/>
      <c r="DT5" s="767"/>
      <c r="DU5" s="767"/>
      <c r="DV5" s="767"/>
      <c r="DW5" s="767"/>
      <c r="DX5" s="767"/>
      <c r="DY5" s="767"/>
      <c r="DZ5" s="767"/>
      <c r="EA5" s="767"/>
      <c r="EB5" s="767"/>
      <c r="EC5" s="768"/>
    </row>
    <row r="6" spans="2:143" ht="11.25" customHeight="1" x14ac:dyDescent="0.2">
      <c r="B6" s="661" t="s">
        <v>227</v>
      </c>
      <c r="C6" s="662"/>
      <c r="D6" s="662"/>
      <c r="E6" s="662"/>
      <c r="F6" s="662"/>
      <c r="G6" s="662"/>
      <c r="H6" s="662"/>
      <c r="I6" s="662"/>
      <c r="J6" s="662"/>
      <c r="K6" s="662"/>
      <c r="L6" s="662"/>
      <c r="M6" s="662"/>
      <c r="N6" s="662"/>
      <c r="O6" s="662"/>
      <c r="P6" s="662"/>
      <c r="Q6" s="663"/>
      <c r="R6" s="664">
        <v>8329739</v>
      </c>
      <c r="S6" s="665"/>
      <c r="T6" s="665"/>
      <c r="U6" s="665"/>
      <c r="V6" s="665"/>
      <c r="W6" s="665"/>
      <c r="X6" s="665"/>
      <c r="Y6" s="666"/>
      <c r="Z6" s="691">
        <v>0.4</v>
      </c>
      <c r="AA6" s="691"/>
      <c r="AB6" s="691"/>
      <c r="AC6" s="691"/>
      <c r="AD6" s="692">
        <v>8329739</v>
      </c>
      <c r="AE6" s="692"/>
      <c r="AF6" s="692"/>
      <c r="AG6" s="692"/>
      <c r="AH6" s="692"/>
      <c r="AI6" s="692"/>
      <c r="AJ6" s="692"/>
      <c r="AK6" s="692"/>
      <c r="AL6" s="667">
        <v>0.9</v>
      </c>
      <c r="AM6" s="668"/>
      <c r="AN6" s="668"/>
      <c r="AO6" s="693"/>
      <c r="AP6" s="661" t="s">
        <v>228</v>
      </c>
      <c r="AQ6" s="662"/>
      <c r="AR6" s="662"/>
      <c r="AS6" s="662"/>
      <c r="AT6" s="662"/>
      <c r="AU6" s="662"/>
      <c r="AV6" s="662"/>
      <c r="AW6" s="662"/>
      <c r="AX6" s="662"/>
      <c r="AY6" s="662"/>
      <c r="AZ6" s="662"/>
      <c r="BA6" s="662"/>
      <c r="BB6" s="662"/>
      <c r="BC6" s="662"/>
      <c r="BD6" s="662"/>
      <c r="BE6" s="662"/>
      <c r="BF6" s="663"/>
      <c r="BG6" s="664">
        <v>760307795</v>
      </c>
      <c r="BH6" s="665"/>
      <c r="BI6" s="665"/>
      <c r="BJ6" s="665"/>
      <c r="BK6" s="665"/>
      <c r="BL6" s="665"/>
      <c r="BM6" s="665"/>
      <c r="BN6" s="666"/>
      <c r="BO6" s="691">
        <v>90.6</v>
      </c>
      <c r="BP6" s="691"/>
      <c r="BQ6" s="691"/>
      <c r="BR6" s="691"/>
      <c r="BS6" s="692">
        <v>7939091</v>
      </c>
      <c r="BT6" s="692"/>
      <c r="BU6" s="692"/>
      <c r="BV6" s="692"/>
      <c r="BW6" s="692"/>
      <c r="BX6" s="692"/>
      <c r="BY6" s="692"/>
      <c r="BZ6" s="692"/>
      <c r="CA6" s="692"/>
      <c r="CB6" s="759"/>
      <c r="CD6" s="720" t="s">
        <v>229</v>
      </c>
      <c r="CE6" s="721"/>
      <c r="CF6" s="721"/>
      <c r="CG6" s="721"/>
      <c r="CH6" s="721"/>
      <c r="CI6" s="721"/>
      <c r="CJ6" s="721"/>
      <c r="CK6" s="721"/>
      <c r="CL6" s="721"/>
      <c r="CM6" s="721"/>
      <c r="CN6" s="721"/>
      <c r="CO6" s="721"/>
      <c r="CP6" s="721"/>
      <c r="CQ6" s="722"/>
      <c r="CR6" s="664">
        <v>2949211</v>
      </c>
      <c r="CS6" s="665"/>
      <c r="CT6" s="665"/>
      <c r="CU6" s="665"/>
      <c r="CV6" s="665"/>
      <c r="CW6" s="665"/>
      <c r="CX6" s="665"/>
      <c r="CY6" s="666"/>
      <c r="CZ6" s="762">
        <v>0.1</v>
      </c>
      <c r="DA6" s="736"/>
      <c r="DB6" s="736"/>
      <c r="DC6" s="765"/>
      <c r="DD6" s="670" t="s">
        <v>129</v>
      </c>
      <c r="DE6" s="665"/>
      <c r="DF6" s="665"/>
      <c r="DG6" s="665"/>
      <c r="DH6" s="665"/>
      <c r="DI6" s="665"/>
      <c r="DJ6" s="665"/>
      <c r="DK6" s="665"/>
      <c r="DL6" s="665"/>
      <c r="DM6" s="665"/>
      <c r="DN6" s="665"/>
      <c r="DO6" s="665"/>
      <c r="DP6" s="666"/>
      <c r="DQ6" s="670">
        <v>2948970</v>
      </c>
      <c r="DR6" s="665"/>
      <c r="DS6" s="665"/>
      <c r="DT6" s="665"/>
      <c r="DU6" s="665"/>
      <c r="DV6" s="665"/>
      <c r="DW6" s="665"/>
      <c r="DX6" s="665"/>
      <c r="DY6" s="665"/>
      <c r="DZ6" s="665"/>
      <c r="EA6" s="665"/>
      <c r="EB6" s="665"/>
      <c r="EC6" s="705"/>
    </row>
    <row r="7" spans="2:143" ht="11.25" customHeight="1" x14ac:dyDescent="0.2">
      <c r="B7" s="661" t="s">
        <v>230</v>
      </c>
      <c r="C7" s="662"/>
      <c r="D7" s="662"/>
      <c r="E7" s="662"/>
      <c r="F7" s="662"/>
      <c r="G7" s="662"/>
      <c r="H7" s="662"/>
      <c r="I7" s="662"/>
      <c r="J7" s="662"/>
      <c r="K7" s="662"/>
      <c r="L7" s="662"/>
      <c r="M7" s="662"/>
      <c r="N7" s="662"/>
      <c r="O7" s="662"/>
      <c r="P7" s="662"/>
      <c r="Q7" s="663"/>
      <c r="R7" s="664">
        <v>359495</v>
      </c>
      <c r="S7" s="665"/>
      <c r="T7" s="665"/>
      <c r="U7" s="665"/>
      <c r="V7" s="665"/>
      <c r="W7" s="665"/>
      <c r="X7" s="665"/>
      <c r="Y7" s="666"/>
      <c r="Z7" s="691">
        <v>0</v>
      </c>
      <c r="AA7" s="691"/>
      <c r="AB7" s="691"/>
      <c r="AC7" s="691"/>
      <c r="AD7" s="692">
        <v>359495</v>
      </c>
      <c r="AE7" s="692"/>
      <c r="AF7" s="692"/>
      <c r="AG7" s="692"/>
      <c r="AH7" s="692"/>
      <c r="AI7" s="692"/>
      <c r="AJ7" s="692"/>
      <c r="AK7" s="692"/>
      <c r="AL7" s="667">
        <v>0</v>
      </c>
      <c r="AM7" s="668"/>
      <c r="AN7" s="668"/>
      <c r="AO7" s="693"/>
      <c r="AP7" s="661" t="s">
        <v>231</v>
      </c>
      <c r="AQ7" s="662"/>
      <c r="AR7" s="662"/>
      <c r="AS7" s="662"/>
      <c r="AT7" s="662"/>
      <c r="AU7" s="662"/>
      <c r="AV7" s="662"/>
      <c r="AW7" s="662"/>
      <c r="AX7" s="662"/>
      <c r="AY7" s="662"/>
      <c r="AZ7" s="662"/>
      <c r="BA7" s="662"/>
      <c r="BB7" s="662"/>
      <c r="BC7" s="662"/>
      <c r="BD7" s="662"/>
      <c r="BE7" s="662"/>
      <c r="BF7" s="663"/>
      <c r="BG7" s="664">
        <v>456707512</v>
      </c>
      <c r="BH7" s="665"/>
      <c r="BI7" s="665"/>
      <c r="BJ7" s="665"/>
      <c r="BK7" s="665"/>
      <c r="BL7" s="665"/>
      <c r="BM7" s="665"/>
      <c r="BN7" s="666"/>
      <c r="BO7" s="691">
        <v>54.4</v>
      </c>
      <c r="BP7" s="691"/>
      <c r="BQ7" s="691"/>
      <c r="BR7" s="691"/>
      <c r="BS7" s="692">
        <v>7939091</v>
      </c>
      <c r="BT7" s="692"/>
      <c r="BU7" s="692"/>
      <c r="BV7" s="692"/>
      <c r="BW7" s="692"/>
      <c r="BX7" s="692"/>
      <c r="BY7" s="692"/>
      <c r="BZ7" s="692"/>
      <c r="CA7" s="692"/>
      <c r="CB7" s="759"/>
      <c r="CD7" s="706" t="s">
        <v>232</v>
      </c>
      <c r="CE7" s="703"/>
      <c r="CF7" s="703"/>
      <c r="CG7" s="703"/>
      <c r="CH7" s="703"/>
      <c r="CI7" s="703"/>
      <c r="CJ7" s="703"/>
      <c r="CK7" s="703"/>
      <c r="CL7" s="703"/>
      <c r="CM7" s="703"/>
      <c r="CN7" s="703"/>
      <c r="CO7" s="703"/>
      <c r="CP7" s="703"/>
      <c r="CQ7" s="704"/>
      <c r="CR7" s="664">
        <v>115881247</v>
      </c>
      <c r="CS7" s="665"/>
      <c r="CT7" s="665"/>
      <c r="CU7" s="665"/>
      <c r="CV7" s="665"/>
      <c r="CW7" s="665"/>
      <c r="CX7" s="665"/>
      <c r="CY7" s="666"/>
      <c r="CZ7" s="691">
        <v>5.3</v>
      </c>
      <c r="DA7" s="691"/>
      <c r="DB7" s="691"/>
      <c r="DC7" s="691"/>
      <c r="DD7" s="670">
        <v>2913217</v>
      </c>
      <c r="DE7" s="665"/>
      <c r="DF7" s="665"/>
      <c r="DG7" s="665"/>
      <c r="DH7" s="665"/>
      <c r="DI7" s="665"/>
      <c r="DJ7" s="665"/>
      <c r="DK7" s="665"/>
      <c r="DL7" s="665"/>
      <c r="DM7" s="665"/>
      <c r="DN7" s="665"/>
      <c r="DO7" s="665"/>
      <c r="DP7" s="666"/>
      <c r="DQ7" s="670">
        <v>96364687</v>
      </c>
      <c r="DR7" s="665"/>
      <c r="DS7" s="665"/>
      <c r="DT7" s="665"/>
      <c r="DU7" s="665"/>
      <c r="DV7" s="665"/>
      <c r="DW7" s="665"/>
      <c r="DX7" s="665"/>
      <c r="DY7" s="665"/>
      <c r="DZ7" s="665"/>
      <c r="EA7" s="665"/>
      <c r="EB7" s="665"/>
      <c r="EC7" s="705"/>
    </row>
    <row r="8" spans="2:143" ht="11.25" customHeight="1" x14ac:dyDescent="0.2">
      <c r="B8" s="661" t="s">
        <v>233</v>
      </c>
      <c r="C8" s="662"/>
      <c r="D8" s="662"/>
      <c r="E8" s="662"/>
      <c r="F8" s="662"/>
      <c r="G8" s="662"/>
      <c r="H8" s="662"/>
      <c r="I8" s="662"/>
      <c r="J8" s="662"/>
      <c r="K8" s="662"/>
      <c r="L8" s="662"/>
      <c r="M8" s="662"/>
      <c r="N8" s="662"/>
      <c r="O8" s="662"/>
      <c r="P8" s="662"/>
      <c r="Q8" s="663"/>
      <c r="R8" s="664">
        <v>5347258</v>
      </c>
      <c r="S8" s="665"/>
      <c r="T8" s="665"/>
      <c r="U8" s="665"/>
      <c r="V8" s="665"/>
      <c r="W8" s="665"/>
      <c r="X8" s="665"/>
      <c r="Y8" s="666"/>
      <c r="Z8" s="691">
        <v>0.2</v>
      </c>
      <c r="AA8" s="691"/>
      <c r="AB8" s="691"/>
      <c r="AC8" s="691"/>
      <c r="AD8" s="692">
        <v>5347258</v>
      </c>
      <c r="AE8" s="692"/>
      <c r="AF8" s="692"/>
      <c r="AG8" s="692"/>
      <c r="AH8" s="692"/>
      <c r="AI8" s="692"/>
      <c r="AJ8" s="692"/>
      <c r="AK8" s="692"/>
      <c r="AL8" s="667">
        <v>0.5</v>
      </c>
      <c r="AM8" s="668"/>
      <c r="AN8" s="668"/>
      <c r="AO8" s="693"/>
      <c r="AP8" s="661" t="s">
        <v>234</v>
      </c>
      <c r="AQ8" s="662"/>
      <c r="AR8" s="662"/>
      <c r="AS8" s="662"/>
      <c r="AT8" s="662"/>
      <c r="AU8" s="662"/>
      <c r="AV8" s="662"/>
      <c r="AW8" s="662"/>
      <c r="AX8" s="662"/>
      <c r="AY8" s="662"/>
      <c r="AZ8" s="662"/>
      <c r="BA8" s="662"/>
      <c r="BB8" s="662"/>
      <c r="BC8" s="662"/>
      <c r="BD8" s="662"/>
      <c r="BE8" s="662"/>
      <c r="BF8" s="663"/>
      <c r="BG8" s="664">
        <v>8728951</v>
      </c>
      <c r="BH8" s="665"/>
      <c r="BI8" s="665"/>
      <c r="BJ8" s="665"/>
      <c r="BK8" s="665"/>
      <c r="BL8" s="665"/>
      <c r="BM8" s="665"/>
      <c r="BN8" s="666"/>
      <c r="BO8" s="691">
        <v>1</v>
      </c>
      <c r="BP8" s="691"/>
      <c r="BQ8" s="691"/>
      <c r="BR8" s="691"/>
      <c r="BS8" s="692">
        <v>1775511</v>
      </c>
      <c r="BT8" s="692"/>
      <c r="BU8" s="692"/>
      <c r="BV8" s="692"/>
      <c r="BW8" s="692"/>
      <c r="BX8" s="692"/>
      <c r="BY8" s="692"/>
      <c r="BZ8" s="692"/>
      <c r="CA8" s="692"/>
      <c r="CB8" s="759"/>
      <c r="CD8" s="706" t="s">
        <v>235</v>
      </c>
      <c r="CE8" s="703"/>
      <c r="CF8" s="703"/>
      <c r="CG8" s="703"/>
      <c r="CH8" s="703"/>
      <c r="CI8" s="703"/>
      <c r="CJ8" s="703"/>
      <c r="CK8" s="703"/>
      <c r="CL8" s="703"/>
      <c r="CM8" s="703"/>
      <c r="CN8" s="703"/>
      <c r="CO8" s="703"/>
      <c r="CP8" s="703"/>
      <c r="CQ8" s="704"/>
      <c r="CR8" s="664">
        <v>767666926</v>
      </c>
      <c r="CS8" s="665"/>
      <c r="CT8" s="665"/>
      <c r="CU8" s="665"/>
      <c r="CV8" s="665"/>
      <c r="CW8" s="665"/>
      <c r="CX8" s="665"/>
      <c r="CY8" s="666"/>
      <c r="CZ8" s="691">
        <v>34.9</v>
      </c>
      <c r="DA8" s="691"/>
      <c r="DB8" s="691"/>
      <c r="DC8" s="691"/>
      <c r="DD8" s="670">
        <v>10139557</v>
      </c>
      <c r="DE8" s="665"/>
      <c r="DF8" s="665"/>
      <c r="DG8" s="665"/>
      <c r="DH8" s="665"/>
      <c r="DI8" s="665"/>
      <c r="DJ8" s="665"/>
      <c r="DK8" s="665"/>
      <c r="DL8" s="665"/>
      <c r="DM8" s="665"/>
      <c r="DN8" s="665"/>
      <c r="DO8" s="665"/>
      <c r="DP8" s="666"/>
      <c r="DQ8" s="670">
        <v>347316086</v>
      </c>
      <c r="DR8" s="665"/>
      <c r="DS8" s="665"/>
      <c r="DT8" s="665"/>
      <c r="DU8" s="665"/>
      <c r="DV8" s="665"/>
      <c r="DW8" s="665"/>
      <c r="DX8" s="665"/>
      <c r="DY8" s="665"/>
      <c r="DZ8" s="665"/>
      <c r="EA8" s="665"/>
      <c r="EB8" s="665"/>
      <c r="EC8" s="705"/>
    </row>
    <row r="9" spans="2:143" ht="11.25" customHeight="1" x14ac:dyDescent="0.2">
      <c r="B9" s="661" t="s">
        <v>236</v>
      </c>
      <c r="C9" s="662"/>
      <c r="D9" s="662"/>
      <c r="E9" s="662"/>
      <c r="F9" s="662"/>
      <c r="G9" s="662"/>
      <c r="H9" s="662"/>
      <c r="I9" s="662"/>
      <c r="J9" s="662"/>
      <c r="K9" s="662"/>
      <c r="L9" s="662"/>
      <c r="M9" s="662"/>
      <c r="N9" s="662"/>
      <c r="O9" s="662"/>
      <c r="P9" s="662"/>
      <c r="Q9" s="663"/>
      <c r="R9" s="664">
        <v>6797027</v>
      </c>
      <c r="S9" s="665"/>
      <c r="T9" s="665"/>
      <c r="U9" s="665"/>
      <c r="V9" s="665"/>
      <c r="W9" s="665"/>
      <c r="X9" s="665"/>
      <c r="Y9" s="666"/>
      <c r="Z9" s="691">
        <v>0.3</v>
      </c>
      <c r="AA9" s="691"/>
      <c r="AB9" s="691"/>
      <c r="AC9" s="691"/>
      <c r="AD9" s="692">
        <v>6797027</v>
      </c>
      <c r="AE9" s="692"/>
      <c r="AF9" s="692"/>
      <c r="AG9" s="692"/>
      <c r="AH9" s="692"/>
      <c r="AI9" s="692"/>
      <c r="AJ9" s="692"/>
      <c r="AK9" s="692"/>
      <c r="AL9" s="667">
        <v>0.7</v>
      </c>
      <c r="AM9" s="668"/>
      <c r="AN9" s="668"/>
      <c r="AO9" s="693"/>
      <c r="AP9" s="661" t="s">
        <v>237</v>
      </c>
      <c r="AQ9" s="662"/>
      <c r="AR9" s="662"/>
      <c r="AS9" s="662"/>
      <c r="AT9" s="662"/>
      <c r="AU9" s="662"/>
      <c r="AV9" s="662"/>
      <c r="AW9" s="662"/>
      <c r="AX9" s="662"/>
      <c r="AY9" s="662"/>
      <c r="AZ9" s="662"/>
      <c r="BA9" s="662"/>
      <c r="BB9" s="662"/>
      <c r="BC9" s="662"/>
      <c r="BD9" s="662"/>
      <c r="BE9" s="662"/>
      <c r="BF9" s="663"/>
      <c r="BG9" s="664">
        <v>402551051</v>
      </c>
      <c r="BH9" s="665"/>
      <c r="BI9" s="665"/>
      <c r="BJ9" s="665"/>
      <c r="BK9" s="665"/>
      <c r="BL9" s="665"/>
      <c r="BM9" s="665"/>
      <c r="BN9" s="666"/>
      <c r="BO9" s="691">
        <v>48</v>
      </c>
      <c r="BP9" s="691"/>
      <c r="BQ9" s="691"/>
      <c r="BR9" s="691"/>
      <c r="BS9" s="692" t="s">
        <v>129</v>
      </c>
      <c r="BT9" s="692"/>
      <c r="BU9" s="692"/>
      <c r="BV9" s="692"/>
      <c r="BW9" s="692"/>
      <c r="BX9" s="692"/>
      <c r="BY9" s="692"/>
      <c r="BZ9" s="692"/>
      <c r="CA9" s="692"/>
      <c r="CB9" s="759"/>
      <c r="CD9" s="706" t="s">
        <v>238</v>
      </c>
      <c r="CE9" s="703"/>
      <c r="CF9" s="703"/>
      <c r="CG9" s="703"/>
      <c r="CH9" s="703"/>
      <c r="CI9" s="703"/>
      <c r="CJ9" s="703"/>
      <c r="CK9" s="703"/>
      <c r="CL9" s="703"/>
      <c r="CM9" s="703"/>
      <c r="CN9" s="703"/>
      <c r="CO9" s="703"/>
      <c r="CP9" s="703"/>
      <c r="CQ9" s="704"/>
      <c r="CR9" s="664">
        <v>172345354</v>
      </c>
      <c r="CS9" s="665"/>
      <c r="CT9" s="665"/>
      <c r="CU9" s="665"/>
      <c r="CV9" s="665"/>
      <c r="CW9" s="665"/>
      <c r="CX9" s="665"/>
      <c r="CY9" s="666"/>
      <c r="CZ9" s="691">
        <v>7.8</v>
      </c>
      <c r="DA9" s="691"/>
      <c r="DB9" s="691"/>
      <c r="DC9" s="691"/>
      <c r="DD9" s="670">
        <v>8200185</v>
      </c>
      <c r="DE9" s="665"/>
      <c r="DF9" s="665"/>
      <c r="DG9" s="665"/>
      <c r="DH9" s="665"/>
      <c r="DI9" s="665"/>
      <c r="DJ9" s="665"/>
      <c r="DK9" s="665"/>
      <c r="DL9" s="665"/>
      <c r="DM9" s="665"/>
      <c r="DN9" s="665"/>
      <c r="DO9" s="665"/>
      <c r="DP9" s="666"/>
      <c r="DQ9" s="670">
        <v>98178076</v>
      </c>
      <c r="DR9" s="665"/>
      <c r="DS9" s="665"/>
      <c r="DT9" s="665"/>
      <c r="DU9" s="665"/>
      <c r="DV9" s="665"/>
      <c r="DW9" s="665"/>
      <c r="DX9" s="665"/>
      <c r="DY9" s="665"/>
      <c r="DZ9" s="665"/>
      <c r="EA9" s="665"/>
      <c r="EB9" s="665"/>
      <c r="EC9" s="705"/>
    </row>
    <row r="10" spans="2:143" ht="11.25" customHeight="1" x14ac:dyDescent="0.2">
      <c r="B10" s="661" t="s">
        <v>239</v>
      </c>
      <c r="C10" s="662"/>
      <c r="D10" s="662"/>
      <c r="E10" s="662"/>
      <c r="F10" s="662"/>
      <c r="G10" s="662"/>
      <c r="H10" s="662"/>
      <c r="I10" s="662"/>
      <c r="J10" s="662"/>
      <c r="K10" s="662"/>
      <c r="L10" s="662"/>
      <c r="M10" s="662"/>
      <c r="N10" s="662"/>
      <c r="O10" s="662"/>
      <c r="P10" s="662"/>
      <c r="Q10" s="663"/>
      <c r="R10" s="664">
        <v>1126797</v>
      </c>
      <c r="S10" s="665"/>
      <c r="T10" s="665"/>
      <c r="U10" s="665"/>
      <c r="V10" s="665"/>
      <c r="W10" s="665"/>
      <c r="X10" s="665"/>
      <c r="Y10" s="666"/>
      <c r="Z10" s="691">
        <v>0.1</v>
      </c>
      <c r="AA10" s="691"/>
      <c r="AB10" s="691"/>
      <c r="AC10" s="691"/>
      <c r="AD10" s="692">
        <v>1126797</v>
      </c>
      <c r="AE10" s="692"/>
      <c r="AF10" s="692"/>
      <c r="AG10" s="692"/>
      <c r="AH10" s="692"/>
      <c r="AI10" s="692"/>
      <c r="AJ10" s="692"/>
      <c r="AK10" s="692"/>
      <c r="AL10" s="667">
        <v>0.1</v>
      </c>
      <c r="AM10" s="668"/>
      <c r="AN10" s="668"/>
      <c r="AO10" s="693"/>
      <c r="AP10" s="661" t="s">
        <v>240</v>
      </c>
      <c r="AQ10" s="662"/>
      <c r="AR10" s="662"/>
      <c r="AS10" s="662"/>
      <c r="AT10" s="662"/>
      <c r="AU10" s="662"/>
      <c r="AV10" s="662"/>
      <c r="AW10" s="662"/>
      <c r="AX10" s="662"/>
      <c r="AY10" s="662"/>
      <c r="AZ10" s="662"/>
      <c r="BA10" s="662"/>
      <c r="BB10" s="662"/>
      <c r="BC10" s="662"/>
      <c r="BD10" s="662"/>
      <c r="BE10" s="662"/>
      <c r="BF10" s="663"/>
      <c r="BG10" s="664">
        <v>13352699</v>
      </c>
      <c r="BH10" s="665"/>
      <c r="BI10" s="665"/>
      <c r="BJ10" s="665"/>
      <c r="BK10" s="665"/>
      <c r="BL10" s="665"/>
      <c r="BM10" s="665"/>
      <c r="BN10" s="666"/>
      <c r="BO10" s="691">
        <v>1.6</v>
      </c>
      <c r="BP10" s="691"/>
      <c r="BQ10" s="691"/>
      <c r="BR10" s="691"/>
      <c r="BS10" s="692">
        <v>1092080</v>
      </c>
      <c r="BT10" s="692"/>
      <c r="BU10" s="692"/>
      <c r="BV10" s="692"/>
      <c r="BW10" s="692"/>
      <c r="BX10" s="692"/>
      <c r="BY10" s="692"/>
      <c r="BZ10" s="692"/>
      <c r="CA10" s="692"/>
      <c r="CB10" s="759"/>
      <c r="CD10" s="706" t="s">
        <v>241</v>
      </c>
      <c r="CE10" s="703"/>
      <c r="CF10" s="703"/>
      <c r="CG10" s="703"/>
      <c r="CH10" s="703"/>
      <c r="CI10" s="703"/>
      <c r="CJ10" s="703"/>
      <c r="CK10" s="703"/>
      <c r="CL10" s="703"/>
      <c r="CM10" s="703"/>
      <c r="CN10" s="703"/>
      <c r="CO10" s="703"/>
      <c r="CP10" s="703"/>
      <c r="CQ10" s="704"/>
      <c r="CR10" s="664">
        <v>1780886</v>
      </c>
      <c r="CS10" s="665"/>
      <c r="CT10" s="665"/>
      <c r="CU10" s="665"/>
      <c r="CV10" s="665"/>
      <c r="CW10" s="665"/>
      <c r="CX10" s="665"/>
      <c r="CY10" s="666"/>
      <c r="CZ10" s="691">
        <v>0.1</v>
      </c>
      <c r="DA10" s="691"/>
      <c r="DB10" s="691"/>
      <c r="DC10" s="691"/>
      <c r="DD10" s="670" t="s">
        <v>242</v>
      </c>
      <c r="DE10" s="665"/>
      <c r="DF10" s="665"/>
      <c r="DG10" s="665"/>
      <c r="DH10" s="665"/>
      <c r="DI10" s="665"/>
      <c r="DJ10" s="665"/>
      <c r="DK10" s="665"/>
      <c r="DL10" s="665"/>
      <c r="DM10" s="665"/>
      <c r="DN10" s="665"/>
      <c r="DO10" s="665"/>
      <c r="DP10" s="666"/>
      <c r="DQ10" s="670">
        <v>890590</v>
      </c>
      <c r="DR10" s="665"/>
      <c r="DS10" s="665"/>
      <c r="DT10" s="665"/>
      <c r="DU10" s="665"/>
      <c r="DV10" s="665"/>
      <c r="DW10" s="665"/>
      <c r="DX10" s="665"/>
      <c r="DY10" s="665"/>
      <c r="DZ10" s="665"/>
      <c r="EA10" s="665"/>
      <c r="EB10" s="665"/>
      <c r="EC10" s="705"/>
    </row>
    <row r="11" spans="2:143" ht="11.25" customHeight="1" x14ac:dyDescent="0.2">
      <c r="B11" s="661" t="s">
        <v>243</v>
      </c>
      <c r="C11" s="662"/>
      <c r="D11" s="662"/>
      <c r="E11" s="662"/>
      <c r="F11" s="662"/>
      <c r="G11" s="662"/>
      <c r="H11" s="662"/>
      <c r="I11" s="662"/>
      <c r="J11" s="662"/>
      <c r="K11" s="662"/>
      <c r="L11" s="662"/>
      <c r="M11" s="662"/>
      <c r="N11" s="662"/>
      <c r="O11" s="662"/>
      <c r="P11" s="662"/>
      <c r="Q11" s="663"/>
      <c r="R11" s="664">
        <v>84234692</v>
      </c>
      <c r="S11" s="665"/>
      <c r="T11" s="665"/>
      <c r="U11" s="665"/>
      <c r="V11" s="665"/>
      <c r="W11" s="665"/>
      <c r="X11" s="665"/>
      <c r="Y11" s="666"/>
      <c r="Z11" s="667">
        <v>3.8</v>
      </c>
      <c r="AA11" s="668"/>
      <c r="AB11" s="668"/>
      <c r="AC11" s="669"/>
      <c r="AD11" s="670">
        <v>84234692</v>
      </c>
      <c r="AE11" s="665"/>
      <c r="AF11" s="665"/>
      <c r="AG11" s="665"/>
      <c r="AH11" s="665"/>
      <c r="AI11" s="665"/>
      <c r="AJ11" s="665"/>
      <c r="AK11" s="666"/>
      <c r="AL11" s="667">
        <v>8.6</v>
      </c>
      <c r="AM11" s="668"/>
      <c r="AN11" s="668"/>
      <c r="AO11" s="693"/>
      <c r="AP11" s="661" t="s">
        <v>244</v>
      </c>
      <c r="AQ11" s="662"/>
      <c r="AR11" s="662"/>
      <c r="AS11" s="662"/>
      <c r="AT11" s="662"/>
      <c r="AU11" s="662"/>
      <c r="AV11" s="662"/>
      <c r="AW11" s="662"/>
      <c r="AX11" s="662"/>
      <c r="AY11" s="662"/>
      <c r="AZ11" s="662"/>
      <c r="BA11" s="662"/>
      <c r="BB11" s="662"/>
      <c r="BC11" s="662"/>
      <c r="BD11" s="662"/>
      <c r="BE11" s="662"/>
      <c r="BF11" s="663"/>
      <c r="BG11" s="664">
        <v>32074811</v>
      </c>
      <c r="BH11" s="665"/>
      <c r="BI11" s="665"/>
      <c r="BJ11" s="665"/>
      <c r="BK11" s="665"/>
      <c r="BL11" s="665"/>
      <c r="BM11" s="665"/>
      <c r="BN11" s="666"/>
      <c r="BO11" s="691">
        <v>3.8</v>
      </c>
      <c r="BP11" s="691"/>
      <c r="BQ11" s="691"/>
      <c r="BR11" s="691"/>
      <c r="BS11" s="692">
        <v>5071500</v>
      </c>
      <c r="BT11" s="692"/>
      <c r="BU11" s="692"/>
      <c r="BV11" s="692"/>
      <c r="BW11" s="692"/>
      <c r="BX11" s="692"/>
      <c r="BY11" s="692"/>
      <c r="BZ11" s="692"/>
      <c r="CA11" s="692"/>
      <c r="CB11" s="759"/>
      <c r="CD11" s="706" t="s">
        <v>245</v>
      </c>
      <c r="CE11" s="703"/>
      <c r="CF11" s="703"/>
      <c r="CG11" s="703"/>
      <c r="CH11" s="703"/>
      <c r="CI11" s="703"/>
      <c r="CJ11" s="703"/>
      <c r="CK11" s="703"/>
      <c r="CL11" s="703"/>
      <c r="CM11" s="703"/>
      <c r="CN11" s="703"/>
      <c r="CO11" s="703"/>
      <c r="CP11" s="703"/>
      <c r="CQ11" s="704"/>
      <c r="CR11" s="664">
        <v>1758152</v>
      </c>
      <c r="CS11" s="665"/>
      <c r="CT11" s="665"/>
      <c r="CU11" s="665"/>
      <c r="CV11" s="665"/>
      <c r="CW11" s="665"/>
      <c r="CX11" s="665"/>
      <c r="CY11" s="666"/>
      <c r="CZ11" s="691">
        <v>0.1</v>
      </c>
      <c r="DA11" s="691"/>
      <c r="DB11" s="691"/>
      <c r="DC11" s="691"/>
      <c r="DD11" s="670">
        <v>97173</v>
      </c>
      <c r="DE11" s="665"/>
      <c r="DF11" s="665"/>
      <c r="DG11" s="665"/>
      <c r="DH11" s="665"/>
      <c r="DI11" s="665"/>
      <c r="DJ11" s="665"/>
      <c r="DK11" s="665"/>
      <c r="DL11" s="665"/>
      <c r="DM11" s="665"/>
      <c r="DN11" s="665"/>
      <c r="DO11" s="665"/>
      <c r="DP11" s="666"/>
      <c r="DQ11" s="670">
        <v>1692353</v>
      </c>
      <c r="DR11" s="665"/>
      <c r="DS11" s="665"/>
      <c r="DT11" s="665"/>
      <c r="DU11" s="665"/>
      <c r="DV11" s="665"/>
      <c r="DW11" s="665"/>
      <c r="DX11" s="665"/>
      <c r="DY11" s="665"/>
      <c r="DZ11" s="665"/>
      <c r="EA11" s="665"/>
      <c r="EB11" s="665"/>
      <c r="EC11" s="705"/>
    </row>
    <row r="12" spans="2:143" ht="11.25" customHeight="1" x14ac:dyDescent="0.2">
      <c r="B12" s="661" t="s">
        <v>246</v>
      </c>
      <c r="C12" s="662"/>
      <c r="D12" s="662"/>
      <c r="E12" s="662"/>
      <c r="F12" s="662"/>
      <c r="G12" s="662"/>
      <c r="H12" s="662"/>
      <c r="I12" s="662"/>
      <c r="J12" s="662"/>
      <c r="K12" s="662"/>
      <c r="L12" s="662"/>
      <c r="M12" s="662"/>
      <c r="N12" s="662"/>
      <c r="O12" s="662"/>
      <c r="P12" s="662"/>
      <c r="Q12" s="663"/>
      <c r="R12" s="664">
        <v>146740</v>
      </c>
      <c r="S12" s="665"/>
      <c r="T12" s="665"/>
      <c r="U12" s="665"/>
      <c r="V12" s="665"/>
      <c r="W12" s="665"/>
      <c r="X12" s="665"/>
      <c r="Y12" s="666"/>
      <c r="Z12" s="691">
        <v>0</v>
      </c>
      <c r="AA12" s="691"/>
      <c r="AB12" s="691"/>
      <c r="AC12" s="691"/>
      <c r="AD12" s="692">
        <v>146740</v>
      </c>
      <c r="AE12" s="692"/>
      <c r="AF12" s="692"/>
      <c r="AG12" s="692"/>
      <c r="AH12" s="692"/>
      <c r="AI12" s="692"/>
      <c r="AJ12" s="692"/>
      <c r="AK12" s="692"/>
      <c r="AL12" s="667">
        <v>0</v>
      </c>
      <c r="AM12" s="668"/>
      <c r="AN12" s="668"/>
      <c r="AO12" s="693"/>
      <c r="AP12" s="661" t="s">
        <v>247</v>
      </c>
      <c r="AQ12" s="662"/>
      <c r="AR12" s="662"/>
      <c r="AS12" s="662"/>
      <c r="AT12" s="662"/>
      <c r="AU12" s="662"/>
      <c r="AV12" s="662"/>
      <c r="AW12" s="662"/>
      <c r="AX12" s="662"/>
      <c r="AY12" s="662"/>
      <c r="AZ12" s="662"/>
      <c r="BA12" s="662"/>
      <c r="BB12" s="662"/>
      <c r="BC12" s="662"/>
      <c r="BD12" s="662"/>
      <c r="BE12" s="662"/>
      <c r="BF12" s="663"/>
      <c r="BG12" s="664">
        <v>278334411</v>
      </c>
      <c r="BH12" s="665"/>
      <c r="BI12" s="665"/>
      <c r="BJ12" s="665"/>
      <c r="BK12" s="665"/>
      <c r="BL12" s="665"/>
      <c r="BM12" s="665"/>
      <c r="BN12" s="666"/>
      <c r="BO12" s="691">
        <v>33.200000000000003</v>
      </c>
      <c r="BP12" s="691"/>
      <c r="BQ12" s="691"/>
      <c r="BR12" s="691"/>
      <c r="BS12" s="692" t="s">
        <v>129</v>
      </c>
      <c r="BT12" s="692"/>
      <c r="BU12" s="692"/>
      <c r="BV12" s="692"/>
      <c r="BW12" s="692"/>
      <c r="BX12" s="692"/>
      <c r="BY12" s="692"/>
      <c r="BZ12" s="692"/>
      <c r="CA12" s="692"/>
      <c r="CB12" s="759"/>
      <c r="CD12" s="706" t="s">
        <v>248</v>
      </c>
      <c r="CE12" s="703"/>
      <c r="CF12" s="703"/>
      <c r="CG12" s="703"/>
      <c r="CH12" s="703"/>
      <c r="CI12" s="703"/>
      <c r="CJ12" s="703"/>
      <c r="CK12" s="703"/>
      <c r="CL12" s="703"/>
      <c r="CM12" s="703"/>
      <c r="CN12" s="703"/>
      <c r="CO12" s="703"/>
      <c r="CP12" s="703"/>
      <c r="CQ12" s="704"/>
      <c r="CR12" s="664">
        <v>213200866</v>
      </c>
      <c r="CS12" s="665"/>
      <c r="CT12" s="665"/>
      <c r="CU12" s="665"/>
      <c r="CV12" s="665"/>
      <c r="CW12" s="665"/>
      <c r="CX12" s="665"/>
      <c r="CY12" s="666"/>
      <c r="CZ12" s="691">
        <v>9.6999999999999993</v>
      </c>
      <c r="DA12" s="691"/>
      <c r="DB12" s="691"/>
      <c r="DC12" s="691"/>
      <c r="DD12" s="670">
        <v>7208598</v>
      </c>
      <c r="DE12" s="665"/>
      <c r="DF12" s="665"/>
      <c r="DG12" s="665"/>
      <c r="DH12" s="665"/>
      <c r="DI12" s="665"/>
      <c r="DJ12" s="665"/>
      <c r="DK12" s="665"/>
      <c r="DL12" s="665"/>
      <c r="DM12" s="665"/>
      <c r="DN12" s="665"/>
      <c r="DO12" s="665"/>
      <c r="DP12" s="666"/>
      <c r="DQ12" s="670">
        <v>15643820</v>
      </c>
      <c r="DR12" s="665"/>
      <c r="DS12" s="665"/>
      <c r="DT12" s="665"/>
      <c r="DU12" s="665"/>
      <c r="DV12" s="665"/>
      <c r="DW12" s="665"/>
      <c r="DX12" s="665"/>
      <c r="DY12" s="665"/>
      <c r="DZ12" s="665"/>
      <c r="EA12" s="665"/>
      <c r="EB12" s="665"/>
      <c r="EC12" s="705"/>
    </row>
    <row r="13" spans="2:143" ht="11.25" customHeight="1" x14ac:dyDescent="0.2">
      <c r="B13" s="661" t="s">
        <v>249</v>
      </c>
      <c r="C13" s="662"/>
      <c r="D13" s="662"/>
      <c r="E13" s="662"/>
      <c r="F13" s="662"/>
      <c r="G13" s="662"/>
      <c r="H13" s="662"/>
      <c r="I13" s="662"/>
      <c r="J13" s="662"/>
      <c r="K13" s="662"/>
      <c r="L13" s="662"/>
      <c r="M13" s="662"/>
      <c r="N13" s="662"/>
      <c r="O13" s="662"/>
      <c r="P13" s="662"/>
      <c r="Q13" s="663"/>
      <c r="R13" s="664" t="s">
        <v>242</v>
      </c>
      <c r="S13" s="665"/>
      <c r="T13" s="665"/>
      <c r="U13" s="665"/>
      <c r="V13" s="665"/>
      <c r="W13" s="665"/>
      <c r="X13" s="665"/>
      <c r="Y13" s="666"/>
      <c r="Z13" s="691" t="s">
        <v>129</v>
      </c>
      <c r="AA13" s="691"/>
      <c r="AB13" s="691"/>
      <c r="AC13" s="691"/>
      <c r="AD13" s="692" t="s">
        <v>129</v>
      </c>
      <c r="AE13" s="692"/>
      <c r="AF13" s="692"/>
      <c r="AG13" s="692"/>
      <c r="AH13" s="692"/>
      <c r="AI13" s="692"/>
      <c r="AJ13" s="692"/>
      <c r="AK13" s="692"/>
      <c r="AL13" s="667" t="s">
        <v>129</v>
      </c>
      <c r="AM13" s="668"/>
      <c r="AN13" s="668"/>
      <c r="AO13" s="693"/>
      <c r="AP13" s="661" t="s">
        <v>250</v>
      </c>
      <c r="AQ13" s="662"/>
      <c r="AR13" s="662"/>
      <c r="AS13" s="662"/>
      <c r="AT13" s="662"/>
      <c r="AU13" s="662"/>
      <c r="AV13" s="662"/>
      <c r="AW13" s="662"/>
      <c r="AX13" s="662"/>
      <c r="AY13" s="662"/>
      <c r="AZ13" s="662"/>
      <c r="BA13" s="662"/>
      <c r="BB13" s="662"/>
      <c r="BC13" s="662"/>
      <c r="BD13" s="662"/>
      <c r="BE13" s="662"/>
      <c r="BF13" s="663"/>
      <c r="BG13" s="664">
        <v>277419698</v>
      </c>
      <c r="BH13" s="665"/>
      <c r="BI13" s="665"/>
      <c r="BJ13" s="665"/>
      <c r="BK13" s="665"/>
      <c r="BL13" s="665"/>
      <c r="BM13" s="665"/>
      <c r="BN13" s="666"/>
      <c r="BO13" s="691">
        <v>33.1</v>
      </c>
      <c r="BP13" s="691"/>
      <c r="BQ13" s="691"/>
      <c r="BR13" s="691"/>
      <c r="BS13" s="692" t="s">
        <v>129</v>
      </c>
      <c r="BT13" s="692"/>
      <c r="BU13" s="692"/>
      <c r="BV13" s="692"/>
      <c r="BW13" s="692"/>
      <c r="BX13" s="692"/>
      <c r="BY13" s="692"/>
      <c r="BZ13" s="692"/>
      <c r="CA13" s="692"/>
      <c r="CB13" s="759"/>
      <c r="CD13" s="706" t="s">
        <v>251</v>
      </c>
      <c r="CE13" s="703"/>
      <c r="CF13" s="703"/>
      <c r="CG13" s="703"/>
      <c r="CH13" s="703"/>
      <c r="CI13" s="703"/>
      <c r="CJ13" s="703"/>
      <c r="CK13" s="703"/>
      <c r="CL13" s="703"/>
      <c r="CM13" s="703"/>
      <c r="CN13" s="703"/>
      <c r="CO13" s="703"/>
      <c r="CP13" s="703"/>
      <c r="CQ13" s="704"/>
      <c r="CR13" s="664">
        <v>356094134</v>
      </c>
      <c r="CS13" s="665"/>
      <c r="CT13" s="665"/>
      <c r="CU13" s="665"/>
      <c r="CV13" s="665"/>
      <c r="CW13" s="665"/>
      <c r="CX13" s="665"/>
      <c r="CY13" s="666"/>
      <c r="CZ13" s="691">
        <v>16.2</v>
      </c>
      <c r="DA13" s="691"/>
      <c r="DB13" s="691"/>
      <c r="DC13" s="691"/>
      <c r="DD13" s="670">
        <v>248100604</v>
      </c>
      <c r="DE13" s="665"/>
      <c r="DF13" s="665"/>
      <c r="DG13" s="665"/>
      <c r="DH13" s="665"/>
      <c r="DI13" s="665"/>
      <c r="DJ13" s="665"/>
      <c r="DK13" s="665"/>
      <c r="DL13" s="665"/>
      <c r="DM13" s="665"/>
      <c r="DN13" s="665"/>
      <c r="DO13" s="665"/>
      <c r="DP13" s="666"/>
      <c r="DQ13" s="670">
        <v>146920108</v>
      </c>
      <c r="DR13" s="665"/>
      <c r="DS13" s="665"/>
      <c r="DT13" s="665"/>
      <c r="DU13" s="665"/>
      <c r="DV13" s="665"/>
      <c r="DW13" s="665"/>
      <c r="DX13" s="665"/>
      <c r="DY13" s="665"/>
      <c r="DZ13" s="665"/>
      <c r="EA13" s="665"/>
      <c r="EB13" s="665"/>
      <c r="EC13" s="705"/>
    </row>
    <row r="14" spans="2:143" ht="11.25" customHeight="1" x14ac:dyDescent="0.2">
      <c r="B14" s="661" t="s">
        <v>252</v>
      </c>
      <c r="C14" s="662"/>
      <c r="D14" s="662"/>
      <c r="E14" s="662"/>
      <c r="F14" s="662"/>
      <c r="G14" s="662"/>
      <c r="H14" s="662"/>
      <c r="I14" s="662"/>
      <c r="J14" s="662"/>
      <c r="K14" s="662"/>
      <c r="L14" s="662"/>
      <c r="M14" s="662"/>
      <c r="N14" s="662"/>
      <c r="O14" s="662"/>
      <c r="P14" s="662"/>
      <c r="Q14" s="663"/>
      <c r="R14" s="664">
        <v>1271</v>
      </c>
      <c r="S14" s="665"/>
      <c r="T14" s="665"/>
      <c r="U14" s="665"/>
      <c r="V14" s="665"/>
      <c r="W14" s="665"/>
      <c r="X14" s="665"/>
      <c r="Y14" s="666"/>
      <c r="Z14" s="691">
        <v>0</v>
      </c>
      <c r="AA14" s="691"/>
      <c r="AB14" s="691"/>
      <c r="AC14" s="691"/>
      <c r="AD14" s="692">
        <v>1271</v>
      </c>
      <c r="AE14" s="692"/>
      <c r="AF14" s="692"/>
      <c r="AG14" s="692"/>
      <c r="AH14" s="692"/>
      <c r="AI14" s="692"/>
      <c r="AJ14" s="692"/>
      <c r="AK14" s="692"/>
      <c r="AL14" s="667">
        <v>0</v>
      </c>
      <c r="AM14" s="668"/>
      <c r="AN14" s="668"/>
      <c r="AO14" s="693"/>
      <c r="AP14" s="661" t="s">
        <v>253</v>
      </c>
      <c r="AQ14" s="662"/>
      <c r="AR14" s="662"/>
      <c r="AS14" s="662"/>
      <c r="AT14" s="662"/>
      <c r="AU14" s="662"/>
      <c r="AV14" s="662"/>
      <c r="AW14" s="662"/>
      <c r="AX14" s="662"/>
      <c r="AY14" s="662"/>
      <c r="AZ14" s="662"/>
      <c r="BA14" s="662"/>
      <c r="BB14" s="662"/>
      <c r="BC14" s="662"/>
      <c r="BD14" s="662"/>
      <c r="BE14" s="662"/>
      <c r="BF14" s="663"/>
      <c r="BG14" s="664">
        <v>3241228</v>
      </c>
      <c r="BH14" s="665"/>
      <c r="BI14" s="665"/>
      <c r="BJ14" s="665"/>
      <c r="BK14" s="665"/>
      <c r="BL14" s="665"/>
      <c r="BM14" s="665"/>
      <c r="BN14" s="666"/>
      <c r="BO14" s="691">
        <v>0.4</v>
      </c>
      <c r="BP14" s="691"/>
      <c r="BQ14" s="691"/>
      <c r="BR14" s="691"/>
      <c r="BS14" s="692" t="s">
        <v>242</v>
      </c>
      <c r="BT14" s="692"/>
      <c r="BU14" s="692"/>
      <c r="BV14" s="692"/>
      <c r="BW14" s="692"/>
      <c r="BX14" s="692"/>
      <c r="BY14" s="692"/>
      <c r="BZ14" s="692"/>
      <c r="CA14" s="692"/>
      <c r="CB14" s="759"/>
      <c r="CD14" s="706" t="s">
        <v>254</v>
      </c>
      <c r="CE14" s="703"/>
      <c r="CF14" s="703"/>
      <c r="CG14" s="703"/>
      <c r="CH14" s="703"/>
      <c r="CI14" s="703"/>
      <c r="CJ14" s="703"/>
      <c r="CK14" s="703"/>
      <c r="CL14" s="703"/>
      <c r="CM14" s="703"/>
      <c r="CN14" s="703"/>
      <c r="CO14" s="703"/>
      <c r="CP14" s="703"/>
      <c r="CQ14" s="704"/>
      <c r="CR14" s="664">
        <v>42547661</v>
      </c>
      <c r="CS14" s="665"/>
      <c r="CT14" s="665"/>
      <c r="CU14" s="665"/>
      <c r="CV14" s="665"/>
      <c r="CW14" s="665"/>
      <c r="CX14" s="665"/>
      <c r="CY14" s="666"/>
      <c r="CZ14" s="691">
        <v>1.9</v>
      </c>
      <c r="DA14" s="691"/>
      <c r="DB14" s="691"/>
      <c r="DC14" s="691"/>
      <c r="DD14" s="670">
        <v>4921100</v>
      </c>
      <c r="DE14" s="665"/>
      <c r="DF14" s="665"/>
      <c r="DG14" s="665"/>
      <c r="DH14" s="665"/>
      <c r="DI14" s="665"/>
      <c r="DJ14" s="665"/>
      <c r="DK14" s="665"/>
      <c r="DL14" s="665"/>
      <c r="DM14" s="665"/>
      <c r="DN14" s="665"/>
      <c r="DO14" s="665"/>
      <c r="DP14" s="666"/>
      <c r="DQ14" s="670">
        <v>38121762</v>
      </c>
      <c r="DR14" s="665"/>
      <c r="DS14" s="665"/>
      <c r="DT14" s="665"/>
      <c r="DU14" s="665"/>
      <c r="DV14" s="665"/>
      <c r="DW14" s="665"/>
      <c r="DX14" s="665"/>
      <c r="DY14" s="665"/>
      <c r="DZ14" s="665"/>
      <c r="EA14" s="665"/>
      <c r="EB14" s="665"/>
      <c r="EC14" s="705"/>
    </row>
    <row r="15" spans="2:143" ht="11.25" customHeight="1" x14ac:dyDescent="0.2">
      <c r="B15" s="661" t="s">
        <v>255</v>
      </c>
      <c r="C15" s="662"/>
      <c r="D15" s="662"/>
      <c r="E15" s="662"/>
      <c r="F15" s="662"/>
      <c r="G15" s="662"/>
      <c r="H15" s="662"/>
      <c r="I15" s="662"/>
      <c r="J15" s="662"/>
      <c r="K15" s="662"/>
      <c r="L15" s="662"/>
      <c r="M15" s="662"/>
      <c r="N15" s="662"/>
      <c r="O15" s="662"/>
      <c r="P15" s="662"/>
      <c r="Q15" s="663"/>
      <c r="R15" s="664">
        <v>11680539</v>
      </c>
      <c r="S15" s="665"/>
      <c r="T15" s="665"/>
      <c r="U15" s="665"/>
      <c r="V15" s="665"/>
      <c r="W15" s="665"/>
      <c r="X15" s="665"/>
      <c r="Y15" s="666"/>
      <c r="Z15" s="691">
        <v>0.5</v>
      </c>
      <c r="AA15" s="691"/>
      <c r="AB15" s="691"/>
      <c r="AC15" s="691"/>
      <c r="AD15" s="692">
        <v>11680539</v>
      </c>
      <c r="AE15" s="692"/>
      <c r="AF15" s="692"/>
      <c r="AG15" s="692"/>
      <c r="AH15" s="692"/>
      <c r="AI15" s="692"/>
      <c r="AJ15" s="692"/>
      <c r="AK15" s="692"/>
      <c r="AL15" s="667">
        <v>1.2</v>
      </c>
      <c r="AM15" s="668"/>
      <c r="AN15" s="668"/>
      <c r="AO15" s="693"/>
      <c r="AP15" s="661" t="s">
        <v>256</v>
      </c>
      <c r="AQ15" s="662"/>
      <c r="AR15" s="662"/>
      <c r="AS15" s="662"/>
      <c r="AT15" s="662"/>
      <c r="AU15" s="662"/>
      <c r="AV15" s="662"/>
      <c r="AW15" s="662"/>
      <c r="AX15" s="662"/>
      <c r="AY15" s="662"/>
      <c r="AZ15" s="662"/>
      <c r="BA15" s="662"/>
      <c r="BB15" s="662"/>
      <c r="BC15" s="662"/>
      <c r="BD15" s="662"/>
      <c r="BE15" s="662"/>
      <c r="BF15" s="663"/>
      <c r="BG15" s="664">
        <v>22024644</v>
      </c>
      <c r="BH15" s="665"/>
      <c r="BI15" s="665"/>
      <c r="BJ15" s="665"/>
      <c r="BK15" s="665"/>
      <c r="BL15" s="665"/>
      <c r="BM15" s="665"/>
      <c r="BN15" s="666"/>
      <c r="BO15" s="691">
        <v>2.6</v>
      </c>
      <c r="BP15" s="691"/>
      <c r="BQ15" s="691"/>
      <c r="BR15" s="691"/>
      <c r="BS15" s="692" t="s">
        <v>129</v>
      </c>
      <c r="BT15" s="692"/>
      <c r="BU15" s="692"/>
      <c r="BV15" s="692"/>
      <c r="BW15" s="692"/>
      <c r="BX15" s="692"/>
      <c r="BY15" s="692"/>
      <c r="BZ15" s="692"/>
      <c r="CA15" s="692"/>
      <c r="CB15" s="759"/>
      <c r="CD15" s="706" t="s">
        <v>257</v>
      </c>
      <c r="CE15" s="703"/>
      <c r="CF15" s="703"/>
      <c r="CG15" s="703"/>
      <c r="CH15" s="703"/>
      <c r="CI15" s="703"/>
      <c r="CJ15" s="703"/>
      <c r="CK15" s="703"/>
      <c r="CL15" s="703"/>
      <c r="CM15" s="703"/>
      <c r="CN15" s="703"/>
      <c r="CO15" s="703"/>
      <c r="CP15" s="703"/>
      <c r="CQ15" s="704"/>
      <c r="CR15" s="664">
        <v>319517391</v>
      </c>
      <c r="CS15" s="665"/>
      <c r="CT15" s="665"/>
      <c r="CU15" s="665"/>
      <c r="CV15" s="665"/>
      <c r="CW15" s="665"/>
      <c r="CX15" s="665"/>
      <c r="CY15" s="666"/>
      <c r="CZ15" s="691">
        <v>14.5</v>
      </c>
      <c r="DA15" s="691"/>
      <c r="DB15" s="691"/>
      <c r="DC15" s="691"/>
      <c r="DD15" s="670">
        <v>34319189</v>
      </c>
      <c r="DE15" s="665"/>
      <c r="DF15" s="665"/>
      <c r="DG15" s="665"/>
      <c r="DH15" s="665"/>
      <c r="DI15" s="665"/>
      <c r="DJ15" s="665"/>
      <c r="DK15" s="665"/>
      <c r="DL15" s="665"/>
      <c r="DM15" s="665"/>
      <c r="DN15" s="665"/>
      <c r="DO15" s="665"/>
      <c r="DP15" s="666"/>
      <c r="DQ15" s="670">
        <v>222766181</v>
      </c>
      <c r="DR15" s="665"/>
      <c r="DS15" s="665"/>
      <c r="DT15" s="665"/>
      <c r="DU15" s="665"/>
      <c r="DV15" s="665"/>
      <c r="DW15" s="665"/>
      <c r="DX15" s="665"/>
      <c r="DY15" s="665"/>
      <c r="DZ15" s="665"/>
      <c r="EA15" s="665"/>
      <c r="EB15" s="665"/>
      <c r="EC15" s="705"/>
    </row>
    <row r="16" spans="2:143" ht="11.25" customHeight="1" x14ac:dyDescent="0.2">
      <c r="B16" s="661" t="s">
        <v>258</v>
      </c>
      <c r="C16" s="662"/>
      <c r="D16" s="662"/>
      <c r="E16" s="662"/>
      <c r="F16" s="662"/>
      <c r="G16" s="662"/>
      <c r="H16" s="662"/>
      <c r="I16" s="662"/>
      <c r="J16" s="662"/>
      <c r="K16" s="662"/>
      <c r="L16" s="662"/>
      <c r="M16" s="662"/>
      <c r="N16" s="662"/>
      <c r="O16" s="662"/>
      <c r="P16" s="662"/>
      <c r="Q16" s="663"/>
      <c r="R16" s="664">
        <v>1868559</v>
      </c>
      <c r="S16" s="665"/>
      <c r="T16" s="665"/>
      <c r="U16" s="665"/>
      <c r="V16" s="665"/>
      <c r="W16" s="665"/>
      <c r="X16" s="665"/>
      <c r="Y16" s="666"/>
      <c r="Z16" s="691">
        <v>0.1</v>
      </c>
      <c r="AA16" s="691"/>
      <c r="AB16" s="691"/>
      <c r="AC16" s="691"/>
      <c r="AD16" s="692">
        <v>1868559</v>
      </c>
      <c r="AE16" s="692"/>
      <c r="AF16" s="692"/>
      <c r="AG16" s="692"/>
      <c r="AH16" s="692"/>
      <c r="AI16" s="692"/>
      <c r="AJ16" s="692"/>
      <c r="AK16" s="692"/>
      <c r="AL16" s="667">
        <v>0.2</v>
      </c>
      <c r="AM16" s="668"/>
      <c r="AN16" s="668"/>
      <c r="AO16" s="693"/>
      <c r="AP16" s="661" t="s">
        <v>259</v>
      </c>
      <c r="AQ16" s="662"/>
      <c r="AR16" s="662"/>
      <c r="AS16" s="662"/>
      <c r="AT16" s="662"/>
      <c r="AU16" s="662"/>
      <c r="AV16" s="662"/>
      <c r="AW16" s="662"/>
      <c r="AX16" s="662"/>
      <c r="AY16" s="662"/>
      <c r="AZ16" s="662"/>
      <c r="BA16" s="662"/>
      <c r="BB16" s="662"/>
      <c r="BC16" s="662"/>
      <c r="BD16" s="662"/>
      <c r="BE16" s="662"/>
      <c r="BF16" s="663"/>
      <c r="BG16" s="664" t="s">
        <v>129</v>
      </c>
      <c r="BH16" s="665"/>
      <c r="BI16" s="665"/>
      <c r="BJ16" s="665"/>
      <c r="BK16" s="665"/>
      <c r="BL16" s="665"/>
      <c r="BM16" s="665"/>
      <c r="BN16" s="666"/>
      <c r="BO16" s="691" t="s">
        <v>129</v>
      </c>
      <c r="BP16" s="691"/>
      <c r="BQ16" s="691"/>
      <c r="BR16" s="691"/>
      <c r="BS16" s="692" t="s">
        <v>129</v>
      </c>
      <c r="BT16" s="692"/>
      <c r="BU16" s="692"/>
      <c r="BV16" s="692"/>
      <c r="BW16" s="692"/>
      <c r="BX16" s="692"/>
      <c r="BY16" s="692"/>
      <c r="BZ16" s="692"/>
      <c r="CA16" s="692"/>
      <c r="CB16" s="759"/>
      <c r="CD16" s="706" t="s">
        <v>260</v>
      </c>
      <c r="CE16" s="703"/>
      <c r="CF16" s="703"/>
      <c r="CG16" s="703"/>
      <c r="CH16" s="703"/>
      <c r="CI16" s="703"/>
      <c r="CJ16" s="703"/>
      <c r="CK16" s="703"/>
      <c r="CL16" s="703"/>
      <c r="CM16" s="703"/>
      <c r="CN16" s="703"/>
      <c r="CO16" s="703"/>
      <c r="CP16" s="703"/>
      <c r="CQ16" s="704"/>
      <c r="CR16" s="664" t="s">
        <v>129</v>
      </c>
      <c r="CS16" s="665"/>
      <c r="CT16" s="665"/>
      <c r="CU16" s="665"/>
      <c r="CV16" s="665"/>
      <c r="CW16" s="665"/>
      <c r="CX16" s="665"/>
      <c r="CY16" s="666"/>
      <c r="CZ16" s="691" t="s">
        <v>129</v>
      </c>
      <c r="DA16" s="691"/>
      <c r="DB16" s="691"/>
      <c r="DC16" s="691"/>
      <c r="DD16" s="670" t="s">
        <v>242</v>
      </c>
      <c r="DE16" s="665"/>
      <c r="DF16" s="665"/>
      <c r="DG16" s="665"/>
      <c r="DH16" s="665"/>
      <c r="DI16" s="665"/>
      <c r="DJ16" s="665"/>
      <c r="DK16" s="665"/>
      <c r="DL16" s="665"/>
      <c r="DM16" s="665"/>
      <c r="DN16" s="665"/>
      <c r="DO16" s="665"/>
      <c r="DP16" s="666"/>
      <c r="DQ16" s="670" t="s">
        <v>129</v>
      </c>
      <c r="DR16" s="665"/>
      <c r="DS16" s="665"/>
      <c r="DT16" s="665"/>
      <c r="DU16" s="665"/>
      <c r="DV16" s="665"/>
      <c r="DW16" s="665"/>
      <c r="DX16" s="665"/>
      <c r="DY16" s="665"/>
      <c r="DZ16" s="665"/>
      <c r="EA16" s="665"/>
      <c r="EB16" s="665"/>
      <c r="EC16" s="705"/>
    </row>
    <row r="17" spans="2:133" ht="11.25" customHeight="1" x14ac:dyDescent="0.2">
      <c r="B17" s="661" t="s">
        <v>261</v>
      </c>
      <c r="C17" s="662"/>
      <c r="D17" s="662"/>
      <c r="E17" s="662"/>
      <c r="F17" s="662"/>
      <c r="G17" s="662"/>
      <c r="H17" s="662"/>
      <c r="I17" s="662"/>
      <c r="J17" s="662"/>
      <c r="K17" s="662"/>
      <c r="L17" s="662"/>
      <c r="M17" s="662"/>
      <c r="N17" s="662"/>
      <c r="O17" s="662"/>
      <c r="P17" s="662"/>
      <c r="Q17" s="663"/>
      <c r="R17" s="664">
        <v>8362591</v>
      </c>
      <c r="S17" s="665"/>
      <c r="T17" s="665"/>
      <c r="U17" s="665"/>
      <c r="V17" s="665"/>
      <c r="W17" s="665"/>
      <c r="X17" s="665"/>
      <c r="Y17" s="666"/>
      <c r="Z17" s="691">
        <v>0.4</v>
      </c>
      <c r="AA17" s="691"/>
      <c r="AB17" s="691"/>
      <c r="AC17" s="691"/>
      <c r="AD17" s="692">
        <v>8362591</v>
      </c>
      <c r="AE17" s="692"/>
      <c r="AF17" s="692"/>
      <c r="AG17" s="692"/>
      <c r="AH17" s="692"/>
      <c r="AI17" s="692"/>
      <c r="AJ17" s="692"/>
      <c r="AK17" s="692"/>
      <c r="AL17" s="667">
        <v>0.9</v>
      </c>
      <c r="AM17" s="668"/>
      <c r="AN17" s="668"/>
      <c r="AO17" s="693"/>
      <c r="AP17" s="661" t="s">
        <v>262</v>
      </c>
      <c r="AQ17" s="662"/>
      <c r="AR17" s="662"/>
      <c r="AS17" s="662"/>
      <c r="AT17" s="662"/>
      <c r="AU17" s="662"/>
      <c r="AV17" s="662"/>
      <c r="AW17" s="662"/>
      <c r="AX17" s="662"/>
      <c r="AY17" s="662"/>
      <c r="AZ17" s="662"/>
      <c r="BA17" s="662"/>
      <c r="BB17" s="662"/>
      <c r="BC17" s="662"/>
      <c r="BD17" s="662"/>
      <c r="BE17" s="662"/>
      <c r="BF17" s="663"/>
      <c r="BG17" s="664" t="s">
        <v>129</v>
      </c>
      <c r="BH17" s="665"/>
      <c r="BI17" s="665"/>
      <c r="BJ17" s="665"/>
      <c r="BK17" s="665"/>
      <c r="BL17" s="665"/>
      <c r="BM17" s="665"/>
      <c r="BN17" s="666"/>
      <c r="BO17" s="691" t="s">
        <v>129</v>
      </c>
      <c r="BP17" s="691"/>
      <c r="BQ17" s="691"/>
      <c r="BR17" s="691"/>
      <c r="BS17" s="692" t="s">
        <v>129</v>
      </c>
      <c r="BT17" s="692"/>
      <c r="BU17" s="692"/>
      <c r="BV17" s="692"/>
      <c r="BW17" s="692"/>
      <c r="BX17" s="692"/>
      <c r="BY17" s="692"/>
      <c r="BZ17" s="692"/>
      <c r="CA17" s="692"/>
      <c r="CB17" s="759"/>
      <c r="CD17" s="706" t="s">
        <v>263</v>
      </c>
      <c r="CE17" s="703"/>
      <c r="CF17" s="703"/>
      <c r="CG17" s="703"/>
      <c r="CH17" s="703"/>
      <c r="CI17" s="703"/>
      <c r="CJ17" s="703"/>
      <c r="CK17" s="703"/>
      <c r="CL17" s="703"/>
      <c r="CM17" s="703"/>
      <c r="CN17" s="703"/>
      <c r="CO17" s="703"/>
      <c r="CP17" s="703"/>
      <c r="CQ17" s="704"/>
      <c r="CR17" s="664">
        <v>194718493</v>
      </c>
      <c r="CS17" s="665"/>
      <c r="CT17" s="665"/>
      <c r="CU17" s="665"/>
      <c r="CV17" s="665"/>
      <c r="CW17" s="665"/>
      <c r="CX17" s="665"/>
      <c r="CY17" s="666"/>
      <c r="CZ17" s="691">
        <v>8.8000000000000007</v>
      </c>
      <c r="DA17" s="691"/>
      <c r="DB17" s="691"/>
      <c r="DC17" s="691"/>
      <c r="DD17" s="670" t="s">
        <v>242</v>
      </c>
      <c r="DE17" s="665"/>
      <c r="DF17" s="665"/>
      <c r="DG17" s="665"/>
      <c r="DH17" s="665"/>
      <c r="DI17" s="665"/>
      <c r="DJ17" s="665"/>
      <c r="DK17" s="665"/>
      <c r="DL17" s="665"/>
      <c r="DM17" s="665"/>
      <c r="DN17" s="665"/>
      <c r="DO17" s="665"/>
      <c r="DP17" s="666"/>
      <c r="DQ17" s="670">
        <v>179953627</v>
      </c>
      <c r="DR17" s="665"/>
      <c r="DS17" s="665"/>
      <c r="DT17" s="665"/>
      <c r="DU17" s="665"/>
      <c r="DV17" s="665"/>
      <c r="DW17" s="665"/>
      <c r="DX17" s="665"/>
      <c r="DY17" s="665"/>
      <c r="DZ17" s="665"/>
      <c r="EA17" s="665"/>
      <c r="EB17" s="665"/>
      <c r="EC17" s="705"/>
    </row>
    <row r="18" spans="2:133" ht="11.25" customHeight="1" x14ac:dyDescent="0.2">
      <c r="B18" s="661" t="s">
        <v>264</v>
      </c>
      <c r="C18" s="662"/>
      <c r="D18" s="662"/>
      <c r="E18" s="662"/>
      <c r="F18" s="662"/>
      <c r="G18" s="662"/>
      <c r="H18" s="662"/>
      <c r="I18" s="662"/>
      <c r="J18" s="662"/>
      <c r="K18" s="662"/>
      <c r="L18" s="662"/>
      <c r="M18" s="662"/>
      <c r="N18" s="662"/>
      <c r="O18" s="662"/>
      <c r="P18" s="662"/>
      <c r="Q18" s="663"/>
      <c r="R18" s="664">
        <v>9517058</v>
      </c>
      <c r="S18" s="665"/>
      <c r="T18" s="665"/>
      <c r="U18" s="665"/>
      <c r="V18" s="665"/>
      <c r="W18" s="665"/>
      <c r="X18" s="665"/>
      <c r="Y18" s="666"/>
      <c r="Z18" s="691">
        <v>0.4</v>
      </c>
      <c r="AA18" s="691"/>
      <c r="AB18" s="691"/>
      <c r="AC18" s="691"/>
      <c r="AD18" s="692">
        <v>9029349</v>
      </c>
      <c r="AE18" s="692"/>
      <c r="AF18" s="692"/>
      <c r="AG18" s="692"/>
      <c r="AH18" s="692"/>
      <c r="AI18" s="692"/>
      <c r="AJ18" s="692"/>
      <c r="AK18" s="692"/>
      <c r="AL18" s="667">
        <v>0.89999997615814209</v>
      </c>
      <c r="AM18" s="668"/>
      <c r="AN18" s="668"/>
      <c r="AO18" s="693"/>
      <c r="AP18" s="661" t="s">
        <v>265</v>
      </c>
      <c r="AQ18" s="662"/>
      <c r="AR18" s="662"/>
      <c r="AS18" s="662"/>
      <c r="AT18" s="662"/>
      <c r="AU18" s="662"/>
      <c r="AV18" s="662"/>
      <c r="AW18" s="662"/>
      <c r="AX18" s="662"/>
      <c r="AY18" s="662"/>
      <c r="AZ18" s="662"/>
      <c r="BA18" s="662"/>
      <c r="BB18" s="662"/>
      <c r="BC18" s="662"/>
      <c r="BD18" s="662"/>
      <c r="BE18" s="662"/>
      <c r="BF18" s="663"/>
      <c r="BG18" s="664" t="s">
        <v>129</v>
      </c>
      <c r="BH18" s="665"/>
      <c r="BI18" s="665"/>
      <c r="BJ18" s="665"/>
      <c r="BK18" s="665"/>
      <c r="BL18" s="665"/>
      <c r="BM18" s="665"/>
      <c r="BN18" s="666"/>
      <c r="BO18" s="691" t="s">
        <v>242</v>
      </c>
      <c r="BP18" s="691"/>
      <c r="BQ18" s="691"/>
      <c r="BR18" s="691"/>
      <c r="BS18" s="692" t="s">
        <v>242</v>
      </c>
      <c r="BT18" s="692"/>
      <c r="BU18" s="692"/>
      <c r="BV18" s="692"/>
      <c r="BW18" s="692"/>
      <c r="BX18" s="692"/>
      <c r="BY18" s="692"/>
      <c r="BZ18" s="692"/>
      <c r="CA18" s="692"/>
      <c r="CB18" s="759"/>
      <c r="CD18" s="706" t="s">
        <v>266</v>
      </c>
      <c r="CE18" s="703"/>
      <c r="CF18" s="703"/>
      <c r="CG18" s="703"/>
      <c r="CH18" s="703"/>
      <c r="CI18" s="703"/>
      <c r="CJ18" s="703"/>
      <c r="CK18" s="703"/>
      <c r="CL18" s="703"/>
      <c r="CM18" s="703"/>
      <c r="CN18" s="703"/>
      <c r="CO18" s="703"/>
      <c r="CP18" s="703"/>
      <c r="CQ18" s="704"/>
      <c r="CR18" s="664">
        <v>14182107</v>
      </c>
      <c r="CS18" s="665"/>
      <c r="CT18" s="665"/>
      <c r="CU18" s="665"/>
      <c r="CV18" s="665"/>
      <c r="CW18" s="665"/>
      <c r="CX18" s="665"/>
      <c r="CY18" s="666"/>
      <c r="CZ18" s="691">
        <v>0.6</v>
      </c>
      <c r="DA18" s="691"/>
      <c r="DB18" s="691"/>
      <c r="DC18" s="691"/>
      <c r="DD18" s="670" t="s">
        <v>129</v>
      </c>
      <c r="DE18" s="665"/>
      <c r="DF18" s="665"/>
      <c r="DG18" s="665"/>
      <c r="DH18" s="665"/>
      <c r="DI18" s="665"/>
      <c r="DJ18" s="665"/>
      <c r="DK18" s="665"/>
      <c r="DL18" s="665"/>
      <c r="DM18" s="665"/>
      <c r="DN18" s="665"/>
      <c r="DO18" s="665"/>
      <c r="DP18" s="666"/>
      <c r="DQ18" s="670">
        <v>10131695</v>
      </c>
      <c r="DR18" s="665"/>
      <c r="DS18" s="665"/>
      <c r="DT18" s="665"/>
      <c r="DU18" s="665"/>
      <c r="DV18" s="665"/>
      <c r="DW18" s="665"/>
      <c r="DX18" s="665"/>
      <c r="DY18" s="665"/>
      <c r="DZ18" s="665"/>
      <c r="EA18" s="665"/>
      <c r="EB18" s="665"/>
      <c r="EC18" s="705"/>
    </row>
    <row r="19" spans="2:133" ht="11.25" customHeight="1" x14ac:dyDescent="0.2">
      <c r="B19" s="661" t="s">
        <v>267</v>
      </c>
      <c r="C19" s="662"/>
      <c r="D19" s="662"/>
      <c r="E19" s="662"/>
      <c r="F19" s="662"/>
      <c r="G19" s="662"/>
      <c r="H19" s="662"/>
      <c r="I19" s="662"/>
      <c r="J19" s="662"/>
      <c r="K19" s="662"/>
      <c r="L19" s="662"/>
      <c r="M19" s="662"/>
      <c r="N19" s="662"/>
      <c r="O19" s="662"/>
      <c r="P19" s="662"/>
      <c r="Q19" s="663"/>
      <c r="R19" s="664">
        <v>4596989</v>
      </c>
      <c r="S19" s="665"/>
      <c r="T19" s="665"/>
      <c r="U19" s="665"/>
      <c r="V19" s="665"/>
      <c r="W19" s="665"/>
      <c r="X19" s="665"/>
      <c r="Y19" s="666"/>
      <c r="Z19" s="691">
        <v>0.2</v>
      </c>
      <c r="AA19" s="691"/>
      <c r="AB19" s="691"/>
      <c r="AC19" s="691"/>
      <c r="AD19" s="692">
        <v>4596989</v>
      </c>
      <c r="AE19" s="692"/>
      <c r="AF19" s="692"/>
      <c r="AG19" s="692"/>
      <c r="AH19" s="692"/>
      <c r="AI19" s="692"/>
      <c r="AJ19" s="692"/>
      <c r="AK19" s="692"/>
      <c r="AL19" s="667">
        <v>0.5</v>
      </c>
      <c r="AM19" s="668"/>
      <c r="AN19" s="668"/>
      <c r="AO19" s="693"/>
      <c r="AP19" s="661" t="s">
        <v>268</v>
      </c>
      <c r="AQ19" s="662"/>
      <c r="AR19" s="662"/>
      <c r="AS19" s="662"/>
      <c r="AT19" s="662"/>
      <c r="AU19" s="662"/>
      <c r="AV19" s="662"/>
      <c r="AW19" s="662"/>
      <c r="AX19" s="662"/>
      <c r="AY19" s="662"/>
      <c r="AZ19" s="662"/>
      <c r="BA19" s="662"/>
      <c r="BB19" s="662"/>
      <c r="BC19" s="662"/>
      <c r="BD19" s="662"/>
      <c r="BE19" s="662"/>
      <c r="BF19" s="663"/>
      <c r="BG19" s="664">
        <v>78593937</v>
      </c>
      <c r="BH19" s="665"/>
      <c r="BI19" s="665"/>
      <c r="BJ19" s="665"/>
      <c r="BK19" s="665"/>
      <c r="BL19" s="665"/>
      <c r="BM19" s="665"/>
      <c r="BN19" s="666"/>
      <c r="BO19" s="691">
        <v>9.4</v>
      </c>
      <c r="BP19" s="691"/>
      <c r="BQ19" s="691"/>
      <c r="BR19" s="691"/>
      <c r="BS19" s="692" t="s">
        <v>129</v>
      </c>
      <c r="BT19" s="692"/>
      <c r="BU19" s="692"/>
      <c r="BV19" s="692"/>
      <c r="BW19" s="692"/>
      <c r="BX19" s="692"/>
      <c r="BY19" s="692"/>
      <c r="BZ19" s="692"/>
      <c r="CA19" s="692"/>
      <c r="CB19" s="759"/>
      <c r="CD19" s="706" t="s">
        <v>269</v>
      </c>
      <c r="CE19" s="703"/>
      <c r="CF19" s="703"/>
      <c r="CG19" s="703"/>
      <c r="CH19" s="703"/>
      <c r="CI19" s="703"/>
      <c r="CJ19" s="703"/>
      <c r="CK19" s="703"/>
      <c r="CL19" s="703"/>
      <c r="CM19" s="703"/>
      <c r="CN19" s="703"/>
      <c r="CO19" s="703"/>
      <c r="CP19" s="703"/>
      <c r="CQ19" s="704"/>
      <c r="CR19" s="664" t="s">
        <v>129</v>
      </c>
      <c r="CS19" s="665"/>
      <c r="CT19" s="665"/>
      <c r="CU19" s="665"/>
      <c r="CV19" s="665"/>
      <c r="CW19" s="665"/>
      <c r="CX19" s="665"/>
      <c r="CY19" s="666"/>
      <c r="CZ19" s="691" t="s">
        <v>129</v>
      </c>
      <c r="DA19" s="691"/>
      <c r="DB19" s="691"/>
      <c r="DC19" s="691"/>
      <c r="DD19" s="670" t="s">
        <v>129</v>
      </c>
      <c r="DE19" s="665"/>
      <c r="DF19" s="665"/>
      <c r="DG19" s="665"/>
      <c r="DH19" s="665"/>
      <c r="DI19" s="665"/>
      <c r="DJ19" s="665"/>
      <c r="DK19" s="665"/>
      <c r="DL19" s="665"/>
      <c r="DM19" s="665"/>
      <c r="DN19" s="665"/>
      <c r="DO19" s="665"/>
      <c r="DP19" s="666"/>
      <c r="DQ19" s="670" t="s">
        <v>129</v>
      </c>
      <c r="DR19" s="665"/>
      <c r="DS19" s="665"/>
      <c r="DT19" s="665"/>
      <c r="DU19" s="665"/>
      <c r="DV19" s="665"/>
      <c r="DW19" s="665"/>
      <c r="DX19" s="665"/>
      <c r="DY19" s="665"/>
      <c r="DZ19" s="665"/>
      <c r="EA19" s="665"/>
      <c r="EB19" s="665"/>
      <c r="EC19" s="705"/>
    </row>
    <row r="20" spans="2:133" ht="11.25" customHeight="1" x14ac:dyDescent="0.2">
      <c r="B20" s="661" t="s">
        <v>270</v>
      </c>
      <c r="C20" s="662"/>
      <c r="D20" s="662"/>
      <c r="E20" s="662"/>
      <c r="F20" s="662"/>
      <c r="G20" s="662"/>
      <c r="H20" s="662"/>
      <c r="I20" s="662"/>
      <c r="J20" s="662"/>
      <c r="K20" s="662"/>
      <c r="L20" s="662"/>
      <c r="M20" s="662"/>
      <c r="N20" s="662"/>
      <c r="O20" s="662"/>
      <c r="P20" s="662"/>
      <c r="Q20" s="663"/>
      <c r="R20" s="664">
        <v>587372</v>
      </c>
      <c r="S20" s="665"/>
      <c r="T20" s="665"/>
      <c r="U20" s="665"/>
      <c r="V20" s="665"/>
      <c r="W20" s="665"/>
      <c r="X20" s="665"/>
      <c r="Y20" s="666"/>
      <c r="Z20" s="691">
        <v>0</v>
      </c>
      <c r="AA20" s="691"/>
      <c r="AB20" s="691"/>
      <c r="AC20" s="691"/>
      <c r="AD20" s="692">
        <v>587372</v>
      </c>
      <c r="AE20" s="692"/>
      <c r="AF20" s="692"/>
      <c r="AG20" s="692"/>
      <c r="AH20" s="692"/>
      <c r="AI20" s="692"/>
      <c r="AJ20" s="692"/>
      <c r="AK20" s="692"/>
      <c r="AL20" s="667">
        <v>0.1</v>
      </c>
      <c r="AM20" s="668"/>
      <c r="AN20" s="668"/>
      <c r="AO20" s="693"/>
      <c r="AP20" s="661" t="s">
        <v>271</v>
      </c>
      <c r="AQ20" s="662"/>
      <c r="AR20" s="662"/>
      <c r="AS20" s="662"/>
      <c r="AT20" s="662"/>
      <c r="AU20" s="662"/>
      <c r="AV20" s="662"/>
      <c r="AW20" s="662"/>
      <c r="AX20" s="662"/>
      <c r="AY20" s="662"/>
      <c r="AZ20" s="662"/>
      <c r="BA20" s="662"/>
      <c r="BB20" s="662"/>
      <c r="BC20" s="662"/>
      <c r="BD20" s="662"/>
      <c r="BE20" s="662"/>
      <c r="BF20" s="663"/>
      <c r="BG20" s="664">
        <v>78593937</v>
      </c>
      <c r="BH20" s="665"/>
      <c r="BI20" s="665"/>
      <c r="BJ20" s="665"/>
      <c r="BK20" s="665"/>
      <c r="BL20" s="665"/>
      <c r="BM20" s="665"/>
      <c r="BN20" s="666"/>
      <c r="BO20" s="691">
        <v>9.4</v>
      </c>
      <c r="BP20" s="691"/>
      <c r="BQ20" s="691"/>
      <c r="BR20" s="691"/>
      <c r="BS20" s="692" t="s">
        <v>129</v>
      </c>
      <c r="BT20" s="692"/>
      <c r="BU20" s="692"/>
      <c r="BV20" s="692"/>
      <c r="BW20" s="692"/>
      <c r="BX20" s="692"/>
      <c r="BY20" s="692"/>
      <c r="BZ20" s="692"/>
      <c r="CA20" s="692"/>
      <c r="CB20" s="759"/>
      <c r="CD20" s="706" t="s">
        <v>272</v>
      </c>
      <c r="CE20" s="703"/>
      <c r="CF20" s="703"/>
      <c r="CG20" s="703"/>
      <c r="CH20" s="703"/>
      <c r="CI20" s="703"/>
      <c r="CJ20" s="703"/>
      <c r="CK20" s="703"/>
      <c r="CL20" s="703"/>
      <c r="CM20" s="703"/>
      <c r="CN20" s="703"/>
      <c r="CO20" s="703"/>
      <c r="CP20" s="703"/>
      <c r="CQ20" s="704"/>
      <c r="CR20" s="664">
        <v>2202642428</v>
      </c>
      <c r="CS20" s="665"/>
      <c r="CT20" s="665"/>
      <c r="CU20" s="665"/>
      <c r="CV20" s="665"/>
      <c r="CW20" s="665"/>
      <c r="CX20" s="665"/>
      <c r="CY20" s="666"/>
      <c r="CZ20" s="691">
        <v>100</v>
      </c>
      <c r="DA20" s="691"/>
      <c r="DB20" s="691"/>
      <c r="DC20" s="691"/>
      <c r="DD20" s="670">
        <v>315899623</v>
      </c>
      <c r="DE20" s="665"/>
      <c r="DF20" s="665"/>
      <c r="DG20" s="665"/>
      <c r="DH20" s="665"/>
      <c r="DI20" s="665"/>
      <c r="DJ20" s="665"/>
      <c r="DK20" s="665"/>
      <c r="DL20" s="665"/>
      <c r="DM20" s="665"/>
      <c r="DN20" s="665"/>
      <c r="DO20" s="665"/>
      <c r="DP20" s="666"/>
      <c r="DQ20" s="670">
        <v>1160927955</v>
      </c>
      <c r="DR20" s="665"/>
      <c r="DS20" s="665"/>
      <c r="DT20" s="665"/>
      <c r="DU20" s="665"/>
      <c r="DV20" s="665"/>
      <c r="DW20" s="665"/>
      <c r="DX20" s="665"/>
      <c r="DY20" s="665"/>
      <c r="DZ20" s="665"/>
      <c r="EA20" s="665"/>
      <c r="EB20" s="665"/>
      <c r="EC20" s="705"/>
    </row>
    <row r="21" spans="2:133" ht="11.25" customHeight="1" x14ac:dyDescent="0.2">
      <c r="B21" s="661" t="s">
        <v>273</v>
      </c>
      <c r="C21" s="662"/>
      <c r="D21" s="662"/>
      <c r="E21" s="662"/>
      <c r="F21" s="662"/>
      <c r="G21" s="662"/>
      <c r="H21" s="662"/>
      <c r="I21" s="662"/>
      <c r="J21" s="662"/>
      <c r="K21" s="662"/>
      <c r="L21" s="662"/>
      <c r="M21" s="662"/>
      <c r="N21" s="662"/>
      <c r="O21" s="662"/>
      <c r="P21" s="662"/>
      <c r="Q21" s="663"/>
      <c r="R21" s="664">
        <v>61237</v>
      </c>
      <c r="S21" s="665"/>
      <c r="T21" s="665"/>
      <c r="U21" s="665"/>
      <c r="V21" s="665"/>
      <c r="W21" s="665"/>
      <c r="X21" s="665"/>
      <c r="Y21" s="666"/>
      <c r="Z21" s="691">
        <v>0</v>
      </c>
      <c r="AA21" s="691"/>
      <c r="AB21" s="691"/>
      <c r="AC21" s="691"/>
      <c r="AD21" s="692">
        <v>61237</v>
      </c>
      <c r="AE21" s="692"/>
      <c r="AF21" s="692"/>
      <c r="AG21" s="692"/>
      <c r="AH21" s="692"/>
      <c r="AI21" s="692"/>
      <c r="AJ21" s="692"/>
      <c r="AK21" s="692"/>
      <c r="AL21" s="667">
        <v>0</v>
      </c>
      <c r="AM21" s="668"/>
      <c r="AN21" s="668"/>
      <c r="AO21" s="693"/>
      <c r="AP21" s="756" t="s">
        <v>274</v>
      </c>
      <c r="AQ21" s="764"/>
      <c r="AR21" s="764"/>
      <c r="AS21" s="764"/>
      <c r="AT21" s="764"/>
      <c r="AU21" s="764"/>
      <c r="AV21" s="764"/>
      <c r="AW21" s="764"/>
      <c r="AX21" s="764"/>
      <c r="AY21" s="764"/>
      <c r="AZ21" s="764"/>
      <c r="BA21" s="764"/>
      <c r="BB21" s="764"/>
      <c r="BC21" s="764"/>
      <c r="BD21" s="764"/>
      <c r="BE21" s="764"/>
      <c r="BF21" s="758"/>
      <c r="BG21" s="664">
        <v>43822</v>
      </c>
      <c r="BH21" s="665"/>
      <c r="BI21" s="665"/>
      <c r="BJ21" s="665"/>
      <c r="BK21" s="665"/>
      <c r="BL21" s="665"/>
      <c r="BM21" s="665"/>
      <c r="BN21" s="666"/>
      <c r="BO21" s="691">
        <v>0</v>
      </c>
      <c r="BP21" s="691"/>
      <c r="BQ21" s="691"/>
      <c r="BR21" s="691"/>
      <c r="BS21" s="692" t="s">
        <v>129</v>
      </c>
      <c r="BT21" s="692"/>
      <c r="BU21" s="692"/>
      <c r="BV21" s="692"/>
      <c r="BW21" s="692"/>
      <c r="BX21" s="692"/>
      <c r="BY21" s="692"/>
      <c r="BZ21" s="692"/>
      <c r="CA21" s="692"/>
      <c r="CB21" s="759"/>
      <c r="CD21" s="769"/>
      <c r="CE21" s="695"/>
      <c r="CF21" s="695"/>
      <c r="CG21" s="695"/>
      <c r="CH21" s="695"/>
      <c r="CI21" s="695"/>
      <c r="CJ21" s="695"/>
      <c r="CK21" s="695"/>
      <c r="CL21" s="695"/>
      <c r="CM21" s="695"/>
      <c r="CN21" s="695"/>
      <c r="CO21" s="695"/>
      <c r="CP21" s="695"/>
      <c r="CQ21" s="696"/>
      <c r="CR21" s="770"/>
      <c r="CS21" s="771"/>
      <c r="CT21" s="771"/>
      <c r="CU21" s="771"/>
      <c r="CV21" s="771"/>
      <c r="CW21" s="771"/>
      <c r="CX21" s="771"/>
      <c r="CY21" s="772"/>
      <c r="CZ21" s="773"/>
      <c r="DA21" s="773"/>
      <c r="DB21" s="773"/>
      <c r="DC21" s="773"/>
      <c r="DD21" s="774"/>
      <c r="DE21" s="771"/>
      <c r="DF21" s="771"/>
      <c r="DG21" s="771"/>
      <c r="DH21" s="771"/>
      <c r="DI21" s="771"/>
      <c r="DJ21" s="771"/>
      <c r="DK21" s="771"/>
      <c r="DL21" s="771"/>
      <c r="DM21" s="771"/>
      <c r="DN21" s="771"/>
      <c r="DO21" s="771"/>
      <c r="DP21" s="772"/>
      <c r="DQ21" s="774"/>
      <c r="DR21" s="771"/>
      <c r="DS21" s="771"/>
      <c r="DT21" s="771"/>
      <c r="DU21" s="771"/>
      <c r="DV21" s="771"/>
      <c r="DW21" s="771"/>
      <c r="DX21" s="771"/>
      <c r="DY21" s="771"/>
      <c r="DZ21" s="771"/>
      <c r="EA21" s="771"/>
      <c r="EB21" s="771"/>
      <c r="EC21" s="778"/>
    </row>
    <row r="22" spans="2:133" ht="11.25" customHeight="1" x14ac:dyDescent="0.2">
      <c r="B22" s="727" t="s">
        <v>275</v>
      </c>
      <c r="C22" s="728"/>
      <c r="D22" s="728"/>
      <c r="E22" s="728"/>
      <c r="F22" s="728"/>
      <c r="G22" s="728"/>
      <c r="H22" s="728"/>
      <c r="I22" s="728"/>
      <c r="J22" s="728"/>
      <c r="K22" s="728"/>
      <c r="L22" s="728"/>
      <c r="M22" s="728"/>
      <c r="N22" s="728"/>
      <c r="O22" s="728"/>
      <c r="P22" s="728"/>
      <c r="Q22" s="729"/>
      <c r="R22" s="664">
        <v>4271460</v>
      </c>
      <c r="S22" s="665"/>
      <c r="T22" s="665"/>
      <c r="U22" s="665"/>
      <c r="V22" s="665"/>
      <c r="W22" s="665"/>
      <c r="X22" s="665"/>
      <c r="Y22" s="666"/>
      <c r="Z22" s="691">
        <v>0.2</v>
      </c>
      <c r="AA22" s="691"/>
      <c r="AB22" s="691"/>
      <c r="AC22" s="691"/>
      <c r="AD22" s="692">
        <v>3783751</v>
      </c>
      <c r="AE22" s="692"/>
      <c r="AF22" s="692"/>
      <c r="AG22" s="692"/>
      <c r="AH22" s="692"/>
      <c r="AI22" s="692"/>
      <c r="AJ22" s="692"/>
      <c r="AK22" s="692"/>
      <c r="AL22" s="667">
        <v>0.40000000596046448</v>
      </c>
      <c r="AM22" s="668"/>
      <c r="AN22" s="668"/>
      <c r="AO22" s="693"/>
      <c r="AP22" s="756" t="s">
        <v>276</v>
      </c>
      <c r="AQ22" s="764"/>
      <c r="AR22" s="764"/>
      <c r="AS22" s="764"/>
      <c r="AT22" s="764"/>
      <c r="AU22" s="764"/>
      <c r="AV22" s="764"/>
      <c r="AW22" s="764"/>
      <c r="AX22" s="764"/>
      <c r="AY22" s="764"/>
      <c r="AZ22" s="764"/>
      <c r="BA22" s="764"/>
      <c r="BB22" s="764"/>
      <c r="BC22" s="764"/>
      <c r="BD22" s="764"/>
      <c r="BE22" s="764"/>
      <c r="BF22" s="758"/>
      <c r="BG22" s="664">
        <v>18788129</v>
      </c>
      <c r="BH22" s="665"/>
      <c r="BI22" s="665"/>
      <c r="BJ22" s="665"/>
      <c r="BK22" s="665"/>
      <c r="BL22" s="665"/>
      <c r="BM22" s="665"/>
      <c r="BN22" s="666"/>
      <c r="BO22" s="691">
        <v>2.2000000000000002</v>
      </c>
      <c r="BP22" s="691"/>
      <c r="BQ22" s="691"/>
      <c r="BR22" s="691"/>
      <c r="BS22" s="692" t="s">
        <v>242</v>
      </c>
      <c r="BT22" s="692"/>
      <c r="BU22" s="692"/>
      <c r="BV22" s="692"/>
      <c r="BW22" s="692"/>
      <c r="BX22" s="692"/>
      <c r="BY22" s="692"/>
      <c r="BZ22" s="692"/>
      <c r="CA22" s="692"/>
      <c r="CB22" s="759"/>
      <c r="CD22" s="766" t="s">
        <v>277</v>
      </c>
      <c r="CE22" s="767"/>
      <c r="CF22" s="767"/>
      <c r="CG22" s="767"/>
      <c r="CH22" s="767"/>
      <c r="CI22" s="767"/>
      <c r="CJ22" s="767"/>
      <c r="CK22" s="767"/>
      <c r="CL22" s="767"/>
      <c r="CM22" s="767"/>
      <c r="CN22" s="767"/>
      <c r="CO22" s="767"/>
      <c r="CP22" s="767"/>
      <c r="CQ22" s="767"/>
      <c r="CR22" s="767"/>
      <c r="CS22" s="767"/>
      <c r="CT22" s="767"/>
      <c r="CU22" s="767"/>
      <c r="CV22" s="767"/>
      <c r="CW22" s="767"/>
      <c r="CX22" s="767"/>
      <c r="CY22" s="767"/>
      <c r="CZ22" s="767"/>
      <c r="DA22" s="767"/>
      <c r="DB22" s="767"/>
      <c r="DC22" s="767"/>
      <c r="DD22" s="767"/>
      <c r="DE22" s="767"/>
      <c r="DF22" s="767"/>
      <c r="DG22" s="767"/>
      <c r="DH22" s="767"/>
      <c r="DI22" s="767"/>
      <c r="DJ22" s="767"/>
      <c r="DK22" s="767"/>
      <c r="DL22" s="767"/>
      <c r="DM22" s="767"/>
      <c r="DN22" s="767"/>
      <c r="DO22" s="767"/>
      <c r="DP22" s="767"/>
      <c r="DQ22" s="767"/>
      <c r="DR22" s="767"/>
      <c r="DS22" s="767"/>
      <c r="DT22" s="767"/>
      <c r="DU22" s="767"/>
      <c r="DV22" s="767"/>
      <c r="DW22" s="767"/>
      <c r="DX22" s="767"/>
      <c r="DY22" s="767"/>
      <c r="DZ22" s="767"/>
      <c r="EA22" s="767"/>
      <c r="EB22" s="767"/>
      <c r="EC22" s="768"/>
    </row>
    <row r="23" spans="2:133" ht="11.25" customHeight="1" x14ac:dyDescent="0.2">
      <c r="B23" s="661" t="s">
        <v>278</v>
      </c>
      <c r="C23" s="662"/>
      <c r="D23" s="662"/>
      <c r="E23" s="662"/>
      <c r="F23" s="662"/>
      <c r="G23" s="662"/>
      <c r="H23" s="662"/>
      <c r="I23" s="662"/>
      <c r="J23" s="662"/>
      <c r="K23" s="662"/>
      <c r="L23" s="662"/>
      <c r="M23" s="662"/>
      <c r="N23" s="662"/>
      <c r="O23" s="662"/>
      <c r="P23" s="662"/>
      <c r="Q23" s="663"/>
      <c r="R23" s="664">
        <v>52092786</v>
      </c>
      <c r="S23" s="665"/>
      <c r="T23" s="665"/>
      <c r="U23" s="665"/>
      <c r="V23" s="665"/>
      <c r="W23" s="665"/>
      <c r="X23" s="665"/>
      <c r="Y23" s="666"/>
      <c r="Z23" s="691">
        <v>2.2999999999999998</v>
      </c>
      <c r="AA23" s="691"/>
      <c r="AB23" s="691"/>
      <c r="AC23" s="691"/>
      <c r="AD23" s="692">
        <v>50867122</v>
      </c>
      <c r="AE23" s="692"/>
      <c r="AF23" s="692"/>
      <c r="AG23" s="692"/>
      <c r="AH23" s="692"/>
      <c r="AI23" s="692"/>
      <c r="AJ23" s="692"/>
      <c r="AK23" s="692"/>
      <c r="AL23" s="667">
        <v>5.2</v>
      </c>
      <c r="AM23" s="668"/>
      <c r="AN23" s="668"/>
      <c r="AO23" s="693"/>
      <c r="AP23" s="756" t="s">
        <v>279</v>
      </c>
      <c r="AQ23" s="764"/>
      <c r="AR23" s="764"/>
      <c r="AS23" s="764"/>
      <c r="AT23" s="764"/>
      <c r="AU23" s="764"/>
      <c r="AV23" s="764"/>
      <c r="AW23" s="764"/>
      <c r="AX23" s="764"/>
      <c r="AY23" s="764"/>
      <c r="AZ23" s="764"/>
      <c r="BA23" s="764"/>
      <c r="BB23" s="764"/>
      <c r="BC23" s="764"/>
      <c r="BD23" s="764"/>
      <c r="BE23" s="764"/>
      <c r="BF23" s="758"/>
      <c r="BG23" s="664">
        <v>59761986</v>
      </c>
      <c r="BH23" s="665"/>
      <c r="BI23" s="665"/>
      <c r="BJ23" s="665"/>
      <c r="BK23" s="665"/>
      <c r="BL23" s="665"/>
      <c r="BM23" s="665"/>
      <c r="BN23" s="666"/>
      <c r="BO23" s="691">
        <v>7.1</v>
      </c>
      <c r="BP23" s="691"/>
      <c r="BQ23" s="691"/>
      <c r="BR23" s="691"/>
      <c r="BS23" s="692" t="s">
        <v>129</v>
      </c>
      <c r="BT23" s="692"/>
      <c r="BU23" s="692"/>
      <c r="BV23" s="692"/>
      <c r="BW23" s="692"/>
      <c r="BX23" s="692"/>
      <c r="BY23" s="692"/>
      <c r="BZ23" s="692"/>
      <c r="CA23" s="692"/>
      <c r="CB23" s="759"/>
      <c r="CD23" s="766" t="s">
        <v>218</v>
      </c>
      <c r="CE23" s="767"/>
      <c r="CF23" s="767"/>
      <c r="CG23" s="767"/>
      <c r="CH23" s="767"/>
      <c r="CI23" s="767"/>
      <c r="CJ23" s="767"/>
      <c r="CK23" s="767"/>
      <c r="CL23" s="767"/>
      <c r="CM23" s="767"/>
      <c r="CN23" s="767"/>
      <c r="CO23" s="767"/>
      <c r="CP23" s="767"/>
      <c r="CQ23" s="768"/>
      <c r="CR23" s="766" t="s">
        <v>280</v>
      </c>
      <c r="CS23" s="767"/>
      <c r="CT23" s="767"/>
      <c r="CU23" s="767"/>
      <c r="CV23" s="767"/>
      <c r="CW23" s="767"/>
      <c r="CX23" s="767"/>
      <c r="CY23" s="768"/>
      <c r="CZ23" s="766" t="s">
        <v>281</v>
      </c>
      <c r="DA23" s="767"/>
      <c r="DB23" s="767"/>
      <c r="DC23" s="768"/>
      <c r="DD23" s="766" t="s">
        <v>282</v>
      </c>
      <c r="DE23" s="767"/>
      <c r="DF23" s="767"/>
      <c r="DG23" s="767"/>
      <c r="DH23" s="767"/>
      <c r="DI23" s="767"/>
      <c r="DJ23" s="767"/>
      <c r="DK23" s="768"/>
      <c r="DL23" s="775" t="s">
        <v>283</v>
      </c>
      <c r="DM23" s="776"/>
      <c r="DN23" s="776"/>
      <c r="DO23" s="776"/>
      <c r="DP23" s="776"/>
      <c r="DQ23" s="776"/>
      <c r="DR23" s="776"/>
      <c r="DS23" s="776"/>
      <c r="DT23" s="776"/>
      <c r="DU23" s="776"/>
      <c r="DV23" s="777"/>
      <c r="DW23" s="766" t="s">
        <v>284</v>
      </c>
      <c r="DX23" s="767"/>
      <c r="DY23" s="767"/>
      <c r="DZ23" s="767"/>
      <c r="EA23" s="767"/>
      <c r="EB23" s="767"/>
      <c r="EC23" s="768"/>
    </row>
    <row r="24" spans="2:133" ht="11.25" customHeight="1" x14ac:dyDescent="0.2">
      <c r="B24" s="661" t="s">
        <v>285</v>
      </c>
      <c r="C24" s="662"/>
      <c r="D24" s="662"/>
      <c r="E24" s="662"/>
      <c r="F24" s="662"/>
      <c r="G24" s="662"/>
      <c r="H24" s="662"/>
      <c r="I24" s="662"/>
      <c r="J24" s="662"/>
      <c r="K24" s="662"/>
      <c r="L24" s="662"/>
      <c r="M24" s="662"/>
      <c r="N24" s="662"/>
      <c r="O24" s="662"/>
      <c r="P24" s="662"/>
      <c r="Q24" s="663"/>
      <c r="R24" s="664">
        <v>50867122</v>
      </c>
      <c r="S24" s="665"/>
      <c r="T24" s="665"/>
      <c r="U24" s="665"/>
      <c r="V24" s="665"/>
      <c r="W24" s="665"/>
      <c r="X24" s="665"/>
      <c r="Y24" s="666"/>
      <c r="Z24" s="691">
        <v>2.2999999999999998</v>
      </c>
      <c r="AA24" s="691"/>
      <c r="AB24" s="691"/>
      <c r="AC24" s="691"/>
      <c r="AD24" s="692">
        <v>50867122</v>
      </c>
      <c r="AE24" s="692"/>
      <c r="AF24" s="692"/>
      <c r="AG24" s="692"/>
      <c r="AH24" s="692"/>
      <c r="AI24" s="692"/>
      <c r="AJ24" s="692"/>
      <c r="AK24" s="692"/>
      <c r="AL24" s="667">
        <v>5.2</v>
      </c>
      <c r="AM24" s="668"/>
      <c r="AN24" s="668"/>
      <c r="AO24" s="693"/>
      <c r="AP24" s="756" t="s">
        <v>286</v>
      </c>
      <c r="AQ24" s="764"/>
      <c r="AR24" s="764"/>
      <c r="AS24" s="764"/>
      <c r="AT24" s="764"/>
      <c r="AU24" s="764"/>
      <c r="AV24" s="764"/>
      <c r="AW24" s="764"/>
      <c r="AX24" s="764"/>
      <c r="AY24" s="764"/>
      <c r="AZ24" s="764"/>
      <c r="BA24" s="764"/>
      <c r="BB24" s="764"/>
      <c r="BC24" s="764"/>
      <c r="BD24" s="764"/>
      <c r="BE24" s="764"/>
      <c r="BF24" s="758"/>
      <c r="BG24" s="664" t="s">
        <v>129</v>
      </c>
      <c r="BH24" s="665"/>
      <c r="BI24" s="665"/>
      <c r="BJ24" s="665"/>
      <c r="BK24" s="665"/>
      <c r="BL24" s="665"/>
      <c r="BM24" s="665"/>
      <c r="BN24" s="666"/>
      <c r="BO24" s="691" t="s">
        <v>242</v>
      </c>
      <c r="BP24" s="691"/>
      <c r="BQ24" s="691"/>
      <c r="BR24" s="691"/>
      <c r="BS24" s="692" t="s">
        <v>242</v>
      </c>
      <c r="BT24" s="692"/>
      <c r="BU24" s="692"/>
      <c r="BV24" s="692"/>
      <c r="BW24" s="692"/>
      <c r="BX24" s="692"/>
      <c r="BY24" s="692"/>
      <c r="BZ24" s="692"/>
      <c r="CA24" s="692"/>
      <c r="CB24" s="759"/>
      <c r="CD24" s="720" t="s">
        <v>287</v>
      </c>
      <c r="CE24" s="721"/>
      <c r="CF24" s="721"/>
      <c r="CG24" s="721"/>
      <c r="CH24" s="721"/>
      <c r="CI24" s="721"/>
      <c r="CJ24" s="721"/>
      <c r="CK24" s="721"/>
      <c r="CL24" s="721"/>
      <c r="CM24" s="721"/>
      <c r="CN24" s="721"/>
      <c r="CO24" s="721"/>
      <c r="CP24" s="721"/>
      <c r="CQ24" s="722"/>
      <c r="CR24" s="717">
        <v>1140531518</v>
      </c>
      <c r="CS24" s="718"/>
      <c r="CT24" s="718"/>
      <c r="CU24" s="718"/>
      <c r="CV24" s="718"/>
      <c r="CW24" s="718"/>
      <c r="CX24" s="718"/>
      <c r="CY24" s="761"/>
      <c r="CZ24" s="762">
        <v>51.8</v>
      </c>
      <c r="DA24" s="736"/>
      <c r="DB24" s="736"/>
      <c r="DC24" s="765"/>
      <c r="DD24" s="760">
        <v>676789604</v>
      </c>
      <c r="DE24" s="718"/>
      <c r="DF24" s="718"/>
      <c r="DG24" s="718"/>
      <c r="DH24" s="718"/>
      <c r="DI24" s="718"/>
      <c r="DJ24" s="718"/>
      <c r="DK24" s="761"/>
      <c r="DL24" s="760">
        <v>662317785</v>
      </c>
      <c r="DM24" s="718"/>
      <c r="DN24" s="718"/>
      <c r="DO24" s="718"/>
      <c r="DP24" s="718"/>
      <c r="DQ24" s="718"/>
      <c r="DR24" s="718"/>
      <c r="DS24" s="718"/>
      <c r="DT24" s="718"/>
      <c r="DU24" s="718"/>
      <c r="DV24" s="761"/>
      <c r="DW24" s="762">
        <v>63.9</v>
      </c>
      <c r="DX24" s="736"/>
      <c r="DY24" s="736"/>
      <c r="DZ24" s="736"/>
      <c r="EA24" s="736"/>
      <c r="EB24" s="736"/>
      <c r="EC24" s="763"/>
    </row>
    <row r="25" spans="2:133" ht="11.25" customHeight="1" x14ac:dyDescent="0.2">
      <c r="B25" s="661" t="s">
        <v>288</v>
      </c>
      <c r="C25" s="662"/>
      <c r="D25" s="662"/>
      <c r="E25" s="662"/>
      <c r="F25" s="662"/>
      <c r="G25" s="662"/>
      <c r="H25" s="662"/>
      <c r="I25" s="662"/>
      <c r="J25" s="662"/>
      <c r="K25" s="662"/>
      <c r="L25" s="662"/>
      <c r="M25" s="662"/>
      <c r="N25" s="662"/>
      <c r="O25" s="662"/>
      <c r="P25" s="662"/>
      <c r="Q25" s="663"/>
      <c r="R25" s="664">
        <v>1223101</v>
      </c>
      <c r="S25" s="665"/>
      <c r="T25" s="665"/>
      <c r="U25" s="665"/>
      <c r="V25" s="665"/>
      <c r="W25" s="665"/>
      <c r="X25" s="665"/>
      <c r="Y25" s="666"/>
      <c r="Z25" s="691">
        <v>0.1</v>
      </c>
      <c r="AA25" s="691"/>
      <c r="AB25" s="691"/>
      <c r="AC25" s="691"/>
      <c r="AD25" s="692" t="s">
        <v>242</v>
      </c>
      <c r="AE25" s="692"/>
      <c r="AF25" s="692"/>
      <c r="AG25" s="692"/>
      <c r="AH25" s="692"/>
      <c r="AI25" s="692"/>
      <c r="AJ25" s="692"/>
      <c r="AK25" s="692"/>
      <c r="AL25" s="667" t="s">
        <v>129</v>
      </c>
      <c r="AM25" s="668"/>
      <c r="AN25" s="668"/>
      <c r="AO25" s="693"/>
      <c r="AP25" s="756" t="s">
        <v>289</v>
      </c>
      <c r="AQ25" s="764"/>
      <c r="AR25" s="764"/>
      <c r="AS25" s="764"/>
      <c r="AT25" s="764"/>
      <c r="AU25" s="764"/>
      <c r="AV25" s="764"/>
      <c r="AW25" s="764"/>
      <c r="AX25" s="764"/>
      <c r="AY25" s="764"/>
      <c r="AZ25" s="764"/>
      <c r="BA25" s="764"/>
      <c r="BB25" s="764"/>
      <c r="BC25" s="764"/>
      <c r="BD25" s="764"/>
      <c r="BE25" s="764"/>
      <c r="BF25" s="758"/>
      <c r="BG25" s="664" t="s">
        <v>242</v>
      </c>
      <c r="BH25" s="665"/>
      <c r="BI25" s="665"/>
      <c r="BJ25" s="665"/>
      <c r="BK25" s="665"/>
      <c r="BL25" s="665"/>
      <c r="BM25" s="665"/>
      <c r="BN25" s="666"/>
      <c r="BO25" s="691" t="s">
        <v>129</v>
      </c>
      <c r="BP25" s="691"/>
      <c r="BQ25" s="691"/>
      <c r="BR25" s="691"/>
      <c r="BS25" s="692" t="s">
        <v>242</v>
      </c>
      <c r="BT25" s="692"/>
      <c r="BU25" s="692"/>
      <c r="BV25" s="692"/>
      <c r="BW25" s="692"/>
      <c r="BX25" s="692"/>
      <c r="BY25" s="692"/>
      <c r="BZ25" s="692"/>
      <c r="CA25" s="692"/>
      <c r="CB25" s="759"/>
      <c r="CD25" s="706" t="s">
        <v>290</v>
      </c>
      <c r="CE25" s="703"/>
      <c r="CF25" s="703"/>
      <c r="CG25" s="703"/>
      <c r="CH25" s="703"/>
      <c r="CI25" s="703"/>
      <c r="CJ25" s="703"/>
      <c r="CK25" s="703"/>
      <c r="CL25" s="703"/>
      <c r="CM25" s="703"/>
      <c r="CN25" s="703"/>
      <c r="CO25" s="703"/>
      <c r="CP25" s="703"/>
      <c r="CQ25" s="704"/>
      <c r="CR25" s="664">
        <v>360246247</v>
      </c>
      <c r="CS25" s="675"/>
      <c r="CT25" s="675"/>
      <c r="CU25" s="675"/>
      <c r="CV25" s="675"/>
      <c r="CW25" s="675"/>
      <c r="CX25" s="675"/>
      <c r="CY25" s="676"/>
      <c r="CZ25" s="667">
        <v>16.399999999999999</v>
      </c>
      <c r="DA25" s="677"/>
      <c r="DB25" s="677"/>
      <c r="DC25" s="678"/>
      <c r="DD25" s="670">
        <v>306969481</v>
      </c>
      <c r="DE25" s="675"/>
      <c r="DF25" s="675"/>
      <c r="DG25" s="675"/>
      <c r="DH25" s="675"/>
      <c r="DI25" s="675"/>
      <c r="DJ25" s="675"/>
      <c r="DK25" s="676"/>
      <c r="DL25" s="670">
        <v>302755865</v>
      </c>
      <c r="DM25" s="675"/>
      <c r="DN25" s="675"/>
      <c r="DO25" s="675"/>
      <c r="DP25" s="675"/>
      <c r="DQ25" s="675"/>
      <c r="DR25" s="675"/>
      <c r="DS25" s="675"/>
      <c r="DT25" s="675"/>
      <c r="DU25" s="675"/>
      <c r="DV25" s="676"/>
      <c r="DW25" s="667">
        <v>29.2</v>
      </c>
      <c r="DX25" s="677"/>
      <c r="DY25" s="677"/>
      <c r="DZ25" s="677"/>
      <c r="EA25" s="677"/>
      <c r="EB25" s="677"/>
      <c r="EC25" s="698"/>
    </row>
    <row r="26" spans="2:133" ht="11.25" customHeight="1" x14ac:dyDescent="0.2">
      <c r="B26" s="661" t="s">
        <v>291</v>
      </c>
      <c r="C26" s="662"/>
      <c r="D26" s="662"/>
      <c r="E26" s="662"/>
      <c r="F26" s="662"/>
      <c r="G26" s="662"/>
      <c r="H26" s="662"/>
      <c r="I26" s="662"/>
      <c r="J26" s="662"/>
      <c r="K26" s="662"/>
      <c r="L26" s="662"/>
      <c r="M26" s="662"/>
      <c r="N26" s="662"/>
      <c r="O26" s="662"/>
      <c r="P26" s="662"/>
      <c r="Q26" s="663"/>
      <c r="R26" s="664">
        <v>2563</v>
      </c>
      <c r="S26" s="665"/>
      <c r="T26" s="665"/>
      <c r="U26" s="665"/>
      <c r="V26" s="665"/>
      <c r="W26" s="665"/>
      <c r="X26" s="665"/>
      <c r="Y26" s="666"/>
      <c r="Z26" s="691">
        <v>0</v>
      </c>
      <c r="AA26" s="691"/>
      <c r="AB26" s="691"/>
      <c r="AC26" s="691"/>
      <c r="AD26" s="692" t="s">
        <v>242</v>
      </c>
      <c r="AE26" s="692"/>
      <c r="AF26" s="692"/>
      <c r="AG26" s="692"/>
      <c r="AH26" s="692"/>
      <c r="AI26" s="692"/>
      <c r="AJ26" s="692"/>
      <c r="AK26" s="692"/>
      <c r="AL26" s="667" t="s">
        <v>129</v>
      </c>
      <c r="AM26" s="668"/>
      <c r="AN26" s="668"/>
      <c r="AO26" s="693"/>
      <c r="AP26" s="756" t="s">
        <v>292</v>
      </c>
      <c r="AQ26" s="757"/>
      <c r="AR26" s="757"/>
      <c r="AS26" s="757"/>
      <c r="AT26" s="757"/>
      <c r="AU26" s="757"/>
      <c r="AV26" s="757"/>
      <c r="AW26" s="757"/>
      <c r="AX26" s="757"/>
      <c r="AY26" s="757"/>
      <c r="AZ26" s="757"/>
      <c r="BA26" s="757"/>
      <c r="BB26" s="757"/>
      <c r="BC26" s="757"/>
      <c r="BD26" s="757"/>
      <c r="BE26" s="757"/>
      <c r="BF26" s="758"/>
      <c r="BG26" s="664" t="s">
        <v>129</v>
      </c>
      <c r="BH26" s="665"/>
      <c r="BI26" s="665"/>
      <c r="BJ26" s="665"/>
      <c r="BK26" s="665"/>
      <c r="BL26" s="665"/>
      <c r="BM26" s="665"/>
      <c r="BN26" s="666"/>
      <c r="BO26" s="691" t="s">
        <v>129</v>
      </c>
      <c r="BP26" s="691"/>
      <c r="BQ26" s="691"/>
      <c r="BR26" s="691"/>
      <c r="BS26" s="692" t="s">
        <v>242</v>
      </c>
      <c r="BT26" s="692"/>
      <c r="BU26" s="692"/>
      <c r="BV26" s="692"/>
      <c r="BW26" s="692"/>
      <c r="BX26" s="692"/>
      <c r="BY26" s="692"/>
      <c r="BZ26" s="692"/>
      <c r="CA26" s="692"/>
      <c r="CB26" s="759"/>
      <c r="CD26" s="706" t="s">
        <v>293</v>
      </c>
      <c r="CE26" s="703"/>
      <c r="CF26" s="703"/>
      <c r="CG26" s="703"/>
      <c r="CH26" s="703"/>
      <c r="CI26" s="703"/>
      <c r="CJ26" s="703"/>
      <c r="CK26" s="703"/>
      <c r="CL26" s="703"/>
      <c r="CM26" s="703"/>
      <c r="CN26" s="703"/>
      <c r="CO26" s="703"/>
      <c r="CP26" s="703"/>
      <c r="CQ26" s="704"/>
      <c r="CR26" s="664">
        <v>253871775</v>
      </c>
      <c r="CS26" s="665"/>
      <c r="CT26" s="665"/>
      <c r="CU26" s="665"/>
      <c r="CV26" s="665"/>
      <c r="CW26" s="665"/>
      <c r="CX26" s="665"/>
      <c r="CY26" s="666"/>
      <c r="CZ26" s="667">
        <v>11.5</v>
      </c>
      <c r="DA26" s="677"/>
      <c r="DB26" s="677"/>
      <c r="DC26" s="678"/>
      <c r="DD26" s="670">
        <v>205308505</v>
      </c>
      <c r="DE26" s="665"/>
      <c r="DF26" s="665"/>
      <c r="DG26" s="665"/>
      <c r="DH26" s="665"/>
      <c r="DI26" s="665"/>
      <c r="DJ26" s="665"/>
      <c r="DK26" s="666"/>
      <c r="DL26" s="670" t="s">
        <v>129</v>
      </c>
      <c r="DM26" s="665"/>
      <c r="DN26" s="665"/>
      <c r="DO26" s="665"/>
      <c r="DP26" s="665"/>
      <c r="DQ26" s="665"/>
      <c r="DR26" s="665"/>
      <c r="DS26" s="665"/>
      <c r="DT26" s="665"/>
      <c r="DU26" s="665"/>
      <c r="DV26" s="666"/>
      <c r="DW26" s="667" t="s">
        <v>242</v>
      </c>
      <c r="DX26" s="677"/>
      <c r="DY26" s="677"/>
      <c r="DZ26" s="677"/>
      <c r="EA26" s="677"/>
      <c r="EB26" s="677"/>
      <c r="EC26" s="698"/>
    </row>
    <row r="27" spans="2:133" ht="11.25" customHeight="1" x14ac:dyDescent="0.2">
      <c r="B27" s="661" t="s">
        <v>294</v>
      </c>
      <c r="C27" s="662"/>
      <c r="D27" s="662"/>
      <c r="E27" s="662"/>
      <c r="F27" s="662"/>
      <c r="G27" s="662"/>
      <c r="H27" s="662"/>
      <c r="I27" s="662"/>
      <c r="J27" s="662"/>
      <c r="K27" s="662"/>
      <c r="L27" s="662"/>
      <c r="M27" s="662"/>
      <c r="N27" s="662"/>
      <c r="O27" s="662"/>
      <c r="P27" s="662"/>
      <c r="Q27" s="663"/>
      <c r="R27" s="664">
        <v>1028766284</v>
      </c>
      <c r="S27" s="665"/>
      <c r="T27" s="665"/>
      <c r="U27" s="665"/>
      <c r="V27" s="665"/>
      <c r="W27" s="665"/>
      <c r="X27" s="665"/>
      <c r="Y27" s="666"/>
      <c r="Z27" s="691">
        <v>46.1</v>
      </c>
      <c r="AA27" s="691"/>
      <c r="AB27" s="691"/>
      <c r="AC27" s="691"/>
      <c r="AD27" s="692">
        <v>967290925</v>
      </c>
      <c r="AE27" s="692"/>
      <c r="AF27" s="692"/>
      <c r="AG27" s="692"/>
      <c r="AH27" s="692"/>
      <c r="AI27" s="692"/>
      <c r="AJ27" s="692"/>
      <c r="AK27" s="692"/>
      <c r="AL27" s="667">
        <v>98.900001525878906</v>
      </c>
      <c r="AM27" s="668"/>
      <c r="AN27" s="668"/>
      <c r="AO27" s="693"/>
      <c r="AP27" s="661" t="s">
        <v>295</v>
      </c>
      <c r="AQ27" s="662"/>
      <c r="AR27" s="662"/>
      <c r="AS27" s="662"/>
      <c r="AT27" s="662"/>
      <c r="AU27" s="662"/>
      <c r="AV27" s="662"/>
      <c r="AW27" s="662"/>
      <c r="AX27" s="662"/>
      <c r="AY27" s="662"/>
      <c r="AZ27" s="662"/>
      <c r="BA27" s="662"/>
      <c r="BB27" s="662"/>
      <c r="BC27" s="662"/>
      <c r="BD27" s="662"/>
      <c r="BE27" s="662"/>
      <c r="BF27" s="663"/>
      <c r="BG27" s="664">
        <v>838901732</v>
      </c>
      <c r="BH27" s="665"/>
      <c r="BI27" s="665"/>
      <c r="BJ27" s="665"/>
      <c r="BK27" s="665"/>
      <c r="BL27" s="665"/>
      <c r="BM27" s="665"/>
      <c r="BN27" s="666"/>
      <c r="BO27" s="691">
        <v>100</v>
      </c>
      <c r="BP27" s="691"/>
      <c r="BQ27" s="691"/>
      <c r="BR27" s="691"/>
      <c r="BS27" s="692">
        <v>7939091</v>
      </c>
      <c r="BT27" s="692"/>
      <c r="BU27" s="692"/>
      <c r="BV27" s="692"/>
      <c r="BW27" s="692"/>
      <c r="BX27" s="692"/>
      <c r="BY27" s="692"/>
      <c r="BZ27" s="692"/>
      <c r="CA27" s="692"/>
      <c r="CB27" s="759"/>
      <c r="CD27" s="706" t="s">
        <v>296</v>
      </c>
      <c r="CE27" s="703"/>
      <c r="CF27" s="703"/>
      <c r="CG27" s="703"/>
      <c r="CH27" s="703"/>
      <c r="CI27" s="703"/>
      <c r="CJ27" s="703"/>
      <c r="CK27" s="703"/>
      <c r="CL27" s="703"/>
      <c r="CM27" s="703"/>
      <c r="CN27" s="703"/>
      <c r="CO27" s="703"/>
      <c r="CP27" s="703"/>
      <c r="CQ27" s="704"/>
      <c r="CR27" s="664">
        <v>586165340</v>
      </c>
      <c r="CS27" s="675"/>
      <c r="CT27" s="675"/>
      <c r="CU27" s="675"/>
      <c r="CV27" s="675"/>
      <c r="CW27" s="675"/>
      <c r="CX27" s="675"/>
      <c r="CY27" s="676"/>
      <c r="CZ27" s="667">
        <v>26.6</v>
      </c>
      <c r="DA27" s="677"/>
      <c r="DB27" s="677"/>
      <c r="DC27" s="678"/>
      <c r="DD27" s="670">
        <v>190465058</v>
      </c>
      <c r="DE27" s="675"/>
      <c r="DF27" s="675"/>
      <c r="DG27" s="675"/>
      <c r="DH27" s="675"/>
      <c r="DI27" s="675"/>
      <c r="DJ27" s="675"/>
      <c r="DK27" s="676"/>
      <c r="DL27" s="670">
        <v>183771207</v>
      </c>
      <c r="DM27" s="675"/>
      <c r="DN27" s="675"/>
      <c r="DO27" s="675"/>
      <c r="DP27" s="675"/>
      <c r="DQ27" s="675"/>
      <c r="DR27" s="675"/>
      <c r="DS27" s="675"/>
      <c r="DT27" s="675"/>
      <c r="DU27" s="675"/>
      <c r="DV27" s="676"/>
      <c r="DW27" s="667">
        <v>17.7</v>
      </c>
      <c r="DX27" s="677"/>
      <c r="DY27" s="677"/>
      <c r="DZ27" s="677"/>
      <c r="EA27" s="677"/>
      <c r="EB27" s="677"/>
      <c r="EC27" s="698"/>
    </row>
    <row r="28" spans="2:133" ht="11.25" customHeight="1" x14ac:dyDescent="0.2">
      <c r="B28" s="661" t="s">
        <v>297</v>
      </c>
      <c r="C28" s="662"/>
      <c r="D28" s="662"/>
      <c r="E28" s="662"/>
      <c r="F28" s="662"/>
      <c r="G28" s="662"/>
      <c r="H28" s="662"/>
      <c r="I28" s="662"/>
      <c r="J28" s="662"/>
      <c r="K28" s="662"/>
      <c r="L28" s="662"/>
      <c r="M28" s="662"/>
      <c r="N28" s="662"/>
      <c r="O28" s="662"/>
      <c r="P28" s="662"/>
      <c r="Q28" s="663"/>
      <c r="R28" s="664">
        <v>882624</v>
      </c>
      <c r="S28" s="665"/>
      <c r="T28" s="665"/>
      <c r="U28" s="665"/>
      <c r="V28" s="665"/>
      <c r="W28" s="665"/>
      <c r="X28" s="665"/>
      <c r="Y28" s="666"/>
      <c r="Z28" s="691">
        <v>0</v>
      </c>
      <c r="AA28" s="691"/>
      <c r="AB28" s="691"/>
      <c r="AC28" s="691"/>
      <c r="AD28" s="692">
        <v>882624</v>
      </c>
      <c r="AE28" s="692"/>
      <c r="AF28" s="692"/>
      <c r="AG28" s="692"/>
      <c r="AH28" s="692"/>
      <c r="AI28" s="692"/>
      <c r="AJ28" s="692"/>
      <c r="AK28" s="692"/>
      <c r="AL28" s="667">
        <v>0.1</v>
      </c>
      <c r="AM28" s="668"/>
      <c r="AN28" s="668"/>
      <c r="AO28" s="693"/>
      <c r="AP28" s="661"/>
      <c r="AQ28" s="662"/>
      <c r="AR28" s="662"/>
      <c r="AS28" s="662"/>
      <c r="AT28" s="662"/>
      <c r="AU28" s="662"/>
      <c r="AV28" s="662"/>
      <c r="AW28" s="662"/>
      <c r="AX28" s="662"/>
      <c r="AY28" s="662"/>
      <c r="AZ28" s="662"/>
      <c r="BA28" s="662"/>
      <c r="BB28" s="662"/>
      <c r="BC28" s="662"/>
      <c r="BD28" s="662"/>
      <c r="BE28" s="662"/>
      <c r="BF28" s="663"/>
      <c r="BG28" s="664"/>
      <c r="BH28" s="665"/>
      <c r="BI28" s="665"/>
      <c r="BJ28" s="665"/>
      <c r="BK28" s="665"/>
      <c r="BL28" s="665"/>
      <c r="BM28" s="665"/>
      <c r="BN28" s="666"/>
      <c r="BO28" s="691"/>
      <c r="BP28" s="691"/>
      <c r="BQ28" s="691"/>
      <c r="BR28" s="691"/>
      <c r="BS28" s="670"/>
      <c r="BT28" s="665"/>
      <c r="BU28" s="665"/>
      <c r="BV28" s="665"/>
      <c r="BW28" s="665"/>
      <c r="BX28" s="665"/>
      <c r="BY28" s="665"/>
      <c r="BZ28" s="665"/>
      <c r="CA28" s="665"/>
      <c r="CB28" s="705"/>
      <c r="CD28" s="706" t="s">
        <v>298</v>
      </c>
      <c r="CE28" s="703"/>
      <c r="CF28" s="703"/>
      <c r="CG28" s="703"/>
      <c r="CH28" s="703"/>
      <c r="CI28" s="703"/>
      <c r="CJ28" s="703"/>
      <c r="CK28" s="703"/>
      <c r="CL28" s="703"/>
      <c r="CM28" s="703"/>
      <c r="CN28" s="703"/>
      <c r="CO28" s="703"/>
      <c r="CP28" s="703"/>
      <c r="CQ28" s="704"/>
      <c r="CR28" s="664">
        <v>194119931</v>
      </c>
      <c r="CS28" s="665"/>
      <c r="CT28" s="665"/>
      <c r="CU28" s="665"/>
      <c r="CV28" s="665"/>
      <c r="CW28" s="665"/>
      <c r="CX28" s="665"/>
      <c r="CY28" s="666"/>
      <c r="CZ28" s="667">
        <v>8.8000000000000007</v>
      </c>
      <c r="DA28" s="677"/>
      <c r="DB28" s="677"/>
      <c r="DC28" s="678"/>
      <c r="DD28" s="670">
        <v>179355065</v>
      </c>
      <c r="DE28" s="665"/>
      <c r="DF28" s="665"/>
      <c r="DG28" s="665"/>
      <c r="DH28" s="665"/>
      <c r="DI28" s="665"/>
      <c r="DJ28" s="665"/>
      <c r="DK28" s="666"/>
      <c r="DL28" s="670">
        <v>175790713</v>
      </c>
      <c r="DM28" s="665"/>
      <c r="DN28" s="665"/>
      <c r="DO28" s="665"/>
      <c r="DP28" s="665"/>
      <c r="DQ28" s="665"/>
      <c r="DR28" s="665"/>
      <c r="DS28" s="665"/>
      <c r="DT28" s="665"/>
      <c r="DU28" s="665"/>
      <c r="DV28" s="666"/>
      <c r="DW28" s="667">
        <v>17</v>
      </c>
      <c r="DX28" s="677"/>
      <c r="DY28" s="677"/>
      <c r="DZ28" s="677"/>
      <c r="EA28" s="677"/>
      <c r="EB28" s="677"/>
      <c r="EC28" s="698"/>
    </row>
    <row r="29" spans="2:133" ht="11.25" customHeight="1" x14ac:dyDescent="0.2">
      <c r="B29" s="661" t="s">
        <v>299</v>
      </c>
      <c r="C29" s="662"/>
      <c r="D29" s="662"/>
      <c r="E29" s="662"/>
      <c r="F29" s="662"/>
      <c r="G29" s="662"/>
      <c r="H29" s="662"/>
      <c r="I29" s="662"/>
      <c r="J29" s="662"/>
      <c r="K29" s="662"/>
      <c r="L29" s="662"/>
      <c r="M29" s="662"/>
      <c r="N29" s="662"/>
      <c r="O29" s="662"/>
      <c r="P29" s="662"/>
      <c r="Q29" s="663"/>
      <c r="R29" s="664">
        <v>26573131</v>
      </c>
      <c r="S29" s="665"/>
      <c r="T29" s="665"/>
      <c r="U29" s="665"/>
      <c r="V29" s="665"/>
      <c r="W29" s="665"/>
      <c r="X29" s="665"/>
      <c r="Y29" s="666"/>
      <c r="Z29" s="691">
        <v>1.2</v>
      </c>
      <c r="AA29" s="691"/>
      <c r="AB29" s="691"/>
      <c r="AC29" s="691"/>
      <c r="AD29" s="692" t="s">
        <v>129</v>
      </c>
      <c r="AE29" s="692"/>
      <c r="AF29" s="692"/>
      <c r="AG29" s="692"/>
      <c r="AH29" s="692"/>
      <c r="AI29" s="692"/>
      <c r="AJ29" s="692"/>
      <c r="AK29" s="692"/>
      <c r="AL29" s="667" t="s">
        <v>129</v>
      </c>
      <c r="AM29" s="668"/>
      <c r="AN29" s="668"/>
      <c r="AO29" s="693"/>
      <c r="AP29" s="641"/>
      <c r="AQ29" s="642"/>
      <c r="AR29" s="642"/>
      <c r="AS29" s="642"/>
      <c r="AT29" s="642"/>
      <c r="AU29" s="642"/>
      <c r="AV29" s="642"/>
      <c r="AW29" s="642"/>
      <c r="AX29" s="642"/>
      <c r="AY29" s="642"/>
      <c r="AZ29" s="642"/>
      <c r="BA29" s="642"/>
      <c r="BB29" s="642"/>
      <c r="BC29" s="642"/>
      <c r="BD29" s="642"/>
      <c r="BE29" s="642"/>
      <c r="BF29" s="643"/>
      <c r="BG29" s="664"/>
      <c r="BH29" s="665"/>
      <c r="BI29" s="665"/>
      <c r="BJ29" s="665"/>
      <c r="BK29" s="665"/>
      <c r="BL29" s="665"/>
      <c r="BM29" s="665"/>
      <c r="BN29" s="666"/>
      <c r="BO29" s="691"/>
      <c r="BP29" s="691"/>
      <c r="BQ29" s="691"/>
      <c r="BR29" s="691"/>
      <c r="BS29" s="692"/>
      <c r="BT29" s="692"/>
      <c r="BU29" s="692"/>
      <c r="BV29" s="692"/>
      <c r="BW29" s="692"/>
      <c r="BX29" s="692"/>
      <c r="BY29" s="692"/>
      <c r="BZ29" s="692"/>
      <c r="CA29" s="692"/>
      <c r="CB29" s="759"/>
      <c r="CD29" s="750" t="s">
        <v>300</v>
      </c>
      <c r="CE29" s="751"/>
      <c r="CF29" s="706" t="s">
        <v>301</v>
      </c>
      <c r="CG29" s="703"/>
      <c r="CH29" s="703"/>
      <c r="CI29" s="703"/>
      <c r="CJ29" s="703"/>
      <c r="CK29" s="703"/>
      <c r="CL29" s="703"/>
      <c r="CM29" s="703"/>
      <c r="CN29" s="703"/>
      <c r="CO29" s="703"/>
      <c r="CP29" s="703"/>
      <c r="CQ29" s="704"/>
      <c r="CR29" s="664">
        <v>194080056</v>
      </c>
      <c r="CS29" s="675"/>
      <c r="CT29" s="675"/>
      <c r="CU29" s="675"/>
      <c r="CV29" s="675"/>
      <c r="CW29" s="675"/>
      <c r="CX29" s="675"/>
      <c r="CY29" s="676"/>
      <c r="CZ29" s="667">
        <v>8.8000000000000007</v>
      </c>
      <c r="DA29" s="677"/>
      <c r="DB29" s="677"/>
      <c r="DC29" s="678"/>
      <c r="DD29" s="670">
        <v>179315190</v>
      </c>
      <c r="DE29" s="675"/>
      <c r="DF29" s="675"/>
      <c r="DG29" s="675"/>
      <c r="DH29" s="675"/>
      <c r="DI29" s="675"/>
      <c r="DJ29" s="675"/>
      <c r="DK29" s="676"/>
      <c r="DL29" s="670">
        <v>175750838</v>
      </c>
      <c r="DM29" s="675"/>
      <c r="DN29" s="675"/>
      <c r="DO29" s="675"/>
      <c r="DP29" s="675"/>
      <c r="DQ29" s="675"/>
      <c r="DR29" s="675"/>
      <c r="DS29" s="675"/>
      <c r="DT29" s="675"/>
      <c r="DU29" s="675"/>
      <c r="DV29" s="676"/>
      <c r="DW29" s="667">
        <v>17</v>
      </c>
      <c r="DX29" s="677"/>
      <c r="DY29" s="677"/>
      <c r="DZ29" s="677"/>
      <c r="EA29" s="677"/>
      <c r="EB29" s="677"/>
      <c r="EC29" s="698"/>
    </row>
    <row r="30" spans="2:133" ht="11.25" customHeight="1" x14ac:dyDescent="0.2">
      <c r="B30" s="661" t="s">
        <v>302</v>
      </c>
      <c r="C30" s="662"/>
      <c r="D30" s="662"/>
      <c r="E30" s="662"/>
      <c r="F30" s="662"/>
      <c r="G30" s="662"/>
      <c r="H30" s="662"/>
      <c r="I30" s="662"/>
      <c r="J30" s="662"/>
      <c r="K30" s="662"/>
      <c r="L30" s="662"/>
      <c r="M30" s="662"/>
      <c r="N30" s="662"/>
      <c r="O30" s="662"/>
      <c r="P30" s="662"/>
      <c r="Q30" s="663"/>
      <c r="R30" s="664">
        <v>31751203</v>
      </c>
      <c r="S30" s="665"/>
      <c r="T30" s="665"/>
      <c r="U30" s="665"/>
      <c r="V30" s="665"/>
      <c r="W30" s="665"/>
      <c r="X30" s="665"/>
      <c r="Y30" s="666"/>
      <c r="Z30" s="691">
        <v>1.4</v>
      </c>
      <c r="AA30" s="691"/>
      <c r="AB30" s="691"/>
      <c r="AC30" s="691"/>
      <c r="AD30" s="692">
        <v>5038680</v>
      </c>
      <c r="AE30" s="692"/>
      <c r="AF30" s="692"/>
      <c r="AG30" s="692"/>
      <c r="AH30" s="692"/>
      <c r="AI30" s="692"/>
      <c r="AJ30" s="692"/>
      <c r="AK30" s="692"/>
      <c r="AL30" s="667">
        <v>0.5</v>
      </c>
      <c r="AM30" s="668"/>
      <c r="AN30" s="668"/>
      <c r="AO30" s="693"/>
      <c r="AP30" s="723" t="s">
        <v>218</v>
      </c>
      <c r="AQ30" s="724"/>
      <c r="AR30" s="724"/>
      <c r="AS30" s="724"/>
      <c r="AT30" s="724"/>
      <c r="AU30" s="724"/>
      <c r="AV30" s="724"/>
      <c r="AW30" s="724"/>
      <c r="AX30" s="724"/>
      <c r="AY30" s="724"/>
      <c r="AZ30" s="724"/>
      <c r="BA30" s="724"/>
      <c r="BB30" s="724"/>
      <c r="BC30" s="724"/>
      <c r="BD30" s="724"/>
      <c r="BE30" s="724"/>
      <c r="BF30" s="725"/>
      <c r="BG30" s="723" t="s">
        <v>303</v>
      </c>
      <c r="BH30" s="739"/>
      <c r="BI30" s="739"/>
      <c r="BJ30" s="739"/>
      <c r="BK30" s="739"/>
      <c r="BL30" s="739"/>
      <c r="BM30" s="739"/>
      <c r="BN30" s="739"/>
      <c r="BO30" s="739"/>
      <c r="BP30" s="739"/>
      <c r="BQ30" s="740"/>
      <c r="BR30" s="723" t="s">
        <v>304</v>
      </c>
      <c r="BS30" s="739"/>
      <c r="BT30" s="739"/>
      <c r="BU30" s="739"/>
      <c r="BV30" s="739"/>
      <c r="BW30" s="739"/>
      <c r="BX30" s="739"/>
      <c r="BY30" s="739"/>
      <c r="BZ30" s="739"/>
      <c r="CA30" s="739"/>
      <c r="CB30" s="740"/>
      <c r="CD30" s="752"/>
      <c r="CE30" s="753"/>
      <c r="CF30" s="706" t="s">
        <v>305</v>
      </c>
      <c r="CG30" s="703"/>
      <c r="CH30" s="703"/>
      <c r="CI30" s="703"/>
      <c r="CJ30" s="703"/>
      <c r="CK30" s="703"/>
      <c r="CL30" s="703"/>
      <c r="CM30" s="703"/>
      <c r="CN30" s="703"/>
      <c r="CO30" s="703"/>
      <c r="CP30" s="703"/>
      <c r="CQ30" s="704"/>
      <c r="CR30" s="664">
        <v>170252952</v>
      </c>
      <c r="CS30" s="665"/>
      <c r="CT30" s="665"/>
      <c r="CU30" s="665"/>
      <c r="CV30" s="665"/>
      <c r="CW30" s="665"/>
      <c r="CX30" s="665"/>
      <c r="CY30" s="666"/>
      <c r="CZ30" s="667">
        <v>7.7</v>
      </c>
      <c r="DA30" s="677"/>
      <c r="DB30" s="677"/>
      <c r="DC30" s="678"/>
      <c r="DD30" s="670">
        <v>157304692</v>
      </c>
      <c r="DE30" s="665"/>
      <c r="DF30" s="665"/>
      <c r="DG30" s="665"/>
      <c r="DH30" s="665"/>
      <c r="DI30" s="665"/>
      <c r="DJ30" s="665"/>
      <c r="DK30" s="666"/>
      <c r="DL30" s="670">
        <v>154125793</v>
      </c>
      <c r="DM30" s="665"/>
      <c r="DN30" s="665"/>
      <c r="DO30" s="665"/>
      <c r="DP30" s="665"/>
      <c r="DQ30" s="665"/>
      <c r="DR30" s="665"/>
      <c r="DS30" s="665"/>
      <c r="DT30" s="665"/>
      <c r="DU30" s="665"/>
      <c r="DV30" s="666"/>
      <c r="DW30" s="667">
        <v>14.9</v>
      </c>
      <c r="DX30" s="677"/>
      <c r="DY30" s="677"/>
      <c r="DZ30" s="677"/>
      <c r="EA30" s="677"/>
      <c r="EB30" s="677"/>
      <c r="EC30" s="698"/>
    </row>
    <row r="31" spans="2:133" ht="11.25" customHeight="1" x14ac:dyDescent="0.2">
      <c r="B31" s="661" t="s">
        <v>306</v>
      </c>
      <c r="C31" s="662"/>
      <c r="D31" s="662"/>
      <c r="E31" s="662"/>
      <c r="F31" s="662"/>
      <c r="G31" s="662"/>
      <c r="H31" s="662"/>
      <c r="I31" s="662"/>
      <c r="J31" s="662"/>
      <c r="K31" s="662"/>
      <c r="L31" s="662"/>
      <c r="M31" s="662"/>
      <c r="N31" s="662"/>
      <c r="O31" s="662"/>
      <c r="P31" s="662"/>
      <c r="Q31" s="663"/>
      <c r="R31" s="664">
        <v>8825341</v>
      </c>
      <c r="S31" s="665"/>
      <c r="T31" s="665"/>
      <c r="U31" s="665"/>
      <c r="V31" s="665"/>
      <c r="W31" s="665"/>
      <c r="X31" s="665"/>
      <c r="Y31" s="666"/>
      <c r="Z31" s="691">
        <v>0.4</v>
      </c>
      <c r="AA31" s="691"/>
      <c r="AB31" s="691"/>
      <c r="AC31" s="691"/>
      <c r="AD31" s="692" t="s">
        <v>242</v>
      </c>
      <c r="AE31" s="692"/>
      <c r="AF31" s="692"/>
      <c r="AG31" s="692"/>
      <c r="AH31" s="692"/>
      <c r="AI31" s="692"/>
      <c r="AJ31" s="692"/>
      <c r="AK31" s="692"/>
      <c r="AL31" s="667" t="s">
        <v>129</v>
      </c>
      <c r="AM31" s="668"/>
      <c r="AN31" s="668"/>
      <c r="AO31" s="693"/>
      <c r="AP31" s="741" t="s">
        <v>307</v>
      </c>
      <c r="AQ31" s="742"/>
      <c r="AR31" s="742"/>
      <c r="AS31" s="742"/>
      <c r="AT31" s="747" t="s">
        <v>308</v>
      </c>
      <c r="AU31" s="217"/>
      <c r="AV31" s="217"/>
      <c r="AW31" s="217"/>
      <c r="AX31" s="731" t="s">
        <v>185</v>
      </c>
      <c r="AY31" s="732"/>
      <c r="AZ31" s="732"/>
      <c r="BA31" s="732"/>
      <c r="BB31" s="732"/>
      <c r="BC31" s="732"/>
      <c r="BD31" s="732"/>
      <c r="BE31" s="732"/>
      <c r="BF31" s="733"/>
      <c r="BG31" s="734">
        <v>99.6</v>
      </c>
      <c r="BH31" s="735"/>
      <c r="BI31" s="735"/>
      <c r="BJ31" s="735"/>
      <c r="BK31" s="735"/>
      <c r="BL31" s="735"/>
      <c r="BM31" s="736">
        <v>99.3</v>
      </c>
      <c r="BN31" s="735"/>
      <c r="BO31" s="735"/>
      <c r="BP31" s="735"/>
      <c r="BQ31" s="737"/>
      <c r="BR31" s="734">
        <v>99.3</v>
      </c>
      <c r="BS31" s="735"/>
      <c r="BT31" s="735"/>
      <c r="BU31" s="735"/>
      <c r="BV31" s="735"/>
      <c r="BW31" s="735"/>
      <c r="BX31" s="736">
        <v>99</v>
      </c>
      <c r="BY31" s="735"/>
      <c r="BZ31" s="735"/>
      <c r="CA31" s="735"/>
      <c r="CB31" s="737"/>
      <c r="CD31" s="752"/>
      <c r="CE31" s="753"/>
      <c r="CF31" s="706" t="s">
        <v>309</v>
      </c>
      <c r="CG31" s="703"/>
      <c r="CH31" s="703"/>
      <c r="CI31" s="703"/>
      <c r="CJ31" s="703"/>
      <c r="CK31" s="703"/>
      <c r="CL31" s="703"/>
      <c r="CM31" s="703"/>
      <c r="CN31" s="703"/>
      <c r="CO31" s="703"/>
      <c r="CP31" s="703"/>
      <c r="CQ31" s="704"/>
      <c r="CR31" s="664">
        <v>23827104</v>
      </c>
      <c r="CS31" s="675"/>
      <c r="CT31" s="675"/>
      <c r="CU31" s="675"/>
      <c r="CV31" s="675"/>
      <c r="CW31" s="675"/>
      <c r="CX31" s="675"/>
      <c r="CY31" s="676"/>
      <c r="CZ31" s="667">
        <v>1.1000000000000001</v>
      </c>
      <c r="DA31" s="677"/>
      <c r="DB31" s="677"/>
      <c r="DC31" s="678"/>
      <c r="DD31" s="670">
        <v>22010498</v>
      </c>
      <c r="DE31" s="675"/>
      <c r="DF31" s="675"/>
      <c r="DG31" s="675"/>
      <c r="DH31" s="675"/>
      <c r="DI31" s="675"/>
      <c r="DJ31" s="675"/>
      <c r="DK31" s="676"/>
      <c r="DL31" s="670">
        <v>21625045</v>
      </c>
      <c r="DM31" s="675"/>
      <c r="DN31" s="675"/>
      <c r="DO31" s="675"/>
      <c r="DP31" s="675"/>
      <c r="DQ31" s="675"/>
      <c r="DR31" s="675"/>
      <c r="DS31" s="675"/>
      <c r="DT31" s="675"/>
      <c r="DU31" s="675"/>
      <c r="DV31" s="676"/>
      <c r="DW31" s="667">
        <v>2.1</v>
      </c>
      <c r="DX31" s="677"/>
      <c r="DY31" s="677"/>
      <c r="DZ31" s="677"/>
      <c r="EA31" s="677"/>
      <c r="EB31" s="677"/>
      <c r="EC31" s="698"/>
    </row>
    <row r="32" spans="2:133" ht="11.25" customHeight="1" x14ac:dyDescent="0.2">
      <c r="B32" s="661" t="s">
        <v>310</v>
      </c>
      <c r="C32" s="662"/>
      <c r="D32" s="662"/>
      <c r="E32" s="662"/>
      <c r="F32" s="662"/>
      <c r="G32" s="662"/>
      <c r="H32" s="662"/>
      <c r="I32" s="662"/>
      <c r="J32" s="662"/>
      <c r="K32" s="662"/>
      <c r="L32" s="662"/>
      <c r="M32" s="662"/>
      <c r="N32" s="662"/>
      <c r="O32" s="662"/>
      <c r="P32" s="662"/>
      <c r="Q32" s="663"/>
      <c r="R32" s="664">
        <v>484137620</v>
      </c>
      <c r="S32" s="665"/>
      <c r="T32" s="665"/>
      <c r="U32" s="665"/>
      <c r="V32" s="665"/>
      <c r="W32" s="665"/>
      <c r="X32" s="665"/>
      <c r="Y32" s="666"/>
      <c r="Z32" s="691">
        <v>21.7</v>
      </c>
      <c r="AA32" s="691"/>
      <c r="AB32" s="691"/>
      <c r="AC32" s="691"/>
      <c r="AD32" s="692" t="s">
        <v>129</v>
      </c>
      <c r="AE32" s="692"/>
      <c r="AF32" s="692"/>
      <c r="AG32" s="692"/>
      <c r="AH32" s="692"/>
      <c r="AI32" s="692"/>
      <c r="AJ32" s="692"/>
      <c r="AK32" s="692"/>
      <c r="AL32" s="667" t="s">
        <v>129</v>
      </c>
      <c r="AM32" s="668"/>
      <c r="AN32" s="668"/>
      <c r="AO32" s="693"/>
      <c r="AP32" s="743"/>
      <c r="AQ32" s="744"/>
      <c r="AR32" s="744"/>
      <c r="AS32" s="744"/>
      <c r="AT32" s="748"/>
      <c r="AU32" s="216" t="s">
        <v>311</v>
      </c>
      <c r="AV32" s="216"/>
      <c r="AW32" s="216"/>
      <c r="AX32" s="661" t="s">
        <v>312</v>
      </c>
      <c r="AY32" s="662"/>
      <c r="AZ32" s="662"/>
      <c r="BA32" s="662"/>
      <c r="BB32" s="662"/>
      <c r="BC32" s="662"/>
      <c r="BD32" s="662"/>
      <c r="BE32" s="662"/>
      <c r="BF32" s="663"/>
      <c r="BG32" s="738">
        <v>99.5</v>
      </c>
      <c r="BH32" s="675"/>
      <c r="BI32" s="675"/>
      <c r="BJ32" s="675"/>
      <c r="BK32" s="675"/>
      <c r="BL32" s="675"/>
      <c r="BM32" s="668">
        <v>99</v>
      </c>
      <c r="BN32" s="730"/>
      <c r="BO32" s="730"/>
      <c r="BP32" s="730"/>
      <c r="BQ32" s="702"/>
      <c r="BR32" s="738">
        <v>99.2</v>
      </c>
      <c r="BS32" s="675"/>
      <c r="BT32" s="675"/>
      <c r="BU32" s="675"/>
      <c r="BV32" s="675"/>
      <c r="BW32" s="675"/>
      <c r="BX32" s="668">
        <v>98.7</v>
      </c>
      <c r="BY32" s="730"/>
      <c r="BZ32" s="730"/>
      <c r="CA32" s="730"/>
      <c r="CB32" s="702"/>
      <c r="CD32" s="754"/>
      <c r="CE32" s="755"/>
      <c r="CF32" s="706" t="s">
        <v>313</v>
      </c>
      <c r="CG32" s="703"/>
      <c r="CH32" s="703"/>
      <c r="CI32" s="703"/>
      <c r="CJ32" s="703"/>
      <c r="CK32" s="703"/>
      <c r="CL32" s="703"/>
      <c r="CM32" s="703"/>
      <c r="CN32" s="703"/>
      <c r="CO32" s="703"/>
      <c r="CP32" s="703"/>
      <c r="CQ32" s="704"/>
      <c r="CR32" s="664">
        <v>39875</v>
      </c>
      <c r="CS32" s="665"/>
      <c r="CT32" s="665"/>
      <c r="CU32" s="665"/>
      <c r="CV32" s="665"/>
      <c r="CW32" s="665"/>
      <c r="CX32" s="665"/>
      <c r="CY32" s="666"/>
      <c r="CZ32" s="667">
        <v>0</v>
      </c>
      <c r="DA32" s="677"/>
      <c r="DB32" s="677"/>
      <c r="DC32" s="678"/>
      <c r="DD32" s="670">
        <v>39875</v>
      </c>
      <c r="DE32" s="665"/>
      <c r="DF32" s="665"/>
      <c r="DG32" s="665"/>
      <c r="DH32" s="665"/>
      <c r="DI32" s="665"/>
      <c r="DJ32" s="665"/>
      <c r="DK32" s="666"/>
      <c r="DL32" s="670">
        <v>39875</v>
      </c>
      <c r="DM32" s="665"/>
      <c r="DN32" s="665"/>
      <c r="DO32" s="665"/>
      <c r="DP32" s="665"/>
      <c r="DQ32" s="665"/>
      <c r="DR32" s="665"/>
      <c r="DS32" s="665"/>
      <c r="DT32" s="665"/>
      <c r="DU32" s="665"/>
      <c r="DV32" s="666"/>
      <c r="DW32" s="667">
        <v>0</v>
      </c>
      <c r="DX32" s="677"/>
      <c r="DY32" s="677"/>
      <c r="DZ32" s="677"/>
      <c r="EA32" s="677"/>
      <c r="EB32" s="677"/>
      <c r="EC32" s="698"/>
    </row>
    <row r="33" spans="2:133" ht="11.25" customHeight="1" x14ac:dyDescent="0.2">
      <c r="B33" s="727" t="s">
        <v>314</v>
      </c>
      <c r="C33" s="728"/>
      <c r="D33" s="728"/>
      <c r="E33" s="728"/>
      <c r="F33" s="728"/>
      <c r="G33" s="728"/>
      <c r="H33" s="728"/>
      <c r="I33" s="728"/>
      <c r="J33" s="728"/>
      <c r="K33" s="728"/>
      <c r="L33" s="728"/>
      <c r="M33" s="728"/>
      <c r="N33" s="728"/>
      <c r="O33" s="728"/>
      <c r="P33" s="728"/>
      <c r="Q33" s="729"/>
      <c r="R33" s="664">
        <v>484857</v>
      </c>
      <c r="S33" s="665"/>
      <c r="T33" s="665"/>
      <c r="U33" s="665"/>
      <c r="V33" s="665"/>
      <c r="W33" s="665"/>
      <c r="X33" s="665"/>
      <c r="Y33" s="666"/>
      <c r="Z33" s="691">
        <v>0</v>
      </c>
      <c r="AA33" s="691"/>
      <c r="AB33" s="691"/>
      <c r="AC33" s="691"/>
      <c r="AD33" s="692">
        <v>484857</v>
      </c>
      <c r="AE33" s="692"/>
      <c r="AF33" s="692"/>
      <c r="AG33" s="692"/>
      <c r="AH33" s="692"/>
      <c r="AI33" s="692"/>
      <c r="AJ33" s="692"/>
      <c r="AK33" s="692"/>
      <c r="AL33" s="667">
        <v>0</v>
      </c>
      <c r="AM33" s="668"/>
      <c r="AN33" s="668"/>
      <c r="AO33" s="693"/>
      <c r="AP33" s="745"/>
      <c r="AQ33" s="746"/>
      <c r="AR33" s="746"/>
      <c r="AS33" s="746"/>
      <c r="AT33" s="749"/>
      <c r="AU33" s="218"/>
      <c r="AV33" s="218"/>
      <c r="AW33" s="218"/>
      <c r="AX33" s="641" t="s">
        <v>315</v>
      </c>
      <c r="AY33" s="642"/>
      <c r="AZ33" s="642"/>
      <c r="BA33" s="642"/>
      <c r="BB33" s="642"/>
      <c r="BC33" s="642"/>
      <c r="BD33" s="642"/>
      <c r="BE33" s="642"/>
      <c r="BF33" s="643"/>
      <c r="BG33" s="726">
        <v>99.8</v>
      </c>
      <c r="BH33" s="645"/>
      <c r="BI33" s="645"/>
      <c r="BJ33" s="645"/>
      <c r="BK33" s="645"/>
      <c r="BL33" s="645"/>
      <c r="BM33" s="683">
        <v>99.6</v>
      </c>
      <c r="BN33" s="645"/>
      <c r="BO33" s="645"/>
      <c r="BP33" s="645"/>
      <c r="BQ33" s="694"/>
      <c r="BR33" s="726">
        <v>99.5</v>
      </c>
      <c r="BS33" s="645"/>
      <c r="BT33" s="645"/>
      <c r="BU33" s="645"/>
      <c r="BV33" s="645"/>
      <c r="BW33" s="645"/>
      <c r="BX33" s="683">
        <v>99.3</v>
      </c>
      <c r="BY33" s="645"/>
      <c r="BZ33" s="645"/>
      <c r="CA33" s="645"/>
      <c r="CB33" s="694"/>
      <c r="CD33" s="706" t="s">
        <v>316</v>
      </c>
      <c r="CE33" s="703"/>
      <c r="CF33" s="703"/>
      <c r="CG33" s="703"/>
      <c r="CH33" s="703"/>
      <c r="CI33" s="703"/>
      <c r="CJ33" s="703"/>
      <c r="CK33" s="703"/>
      <c r="CL33" s="703"/>
      <c r="CM33" s="703"/>
      <c r="CN33" s="703"/>
      <c r="CO33" s="703"/>
      <c r="CP33" s="703"/>
      <c r="CQ33" s="704"/>
      <c r="CR33" s="664">
        <v>746211287</v>
      </c>
      <c r="CS33" s="675"/>
      <c r="CT33" s="675"/>
      <c r="CU33" s="675"/>
      <c r="CV33" s="675"/>
      <c r="CW33" s="675"/>
      <c r="CX33" s="675"/>
      <c r="CY33" s="676"/>
      <c r="CZ33" s="667">
        <v>33.9</v>
      </c>
      <c r="DA33" s="677"/>
      <c r="DB33" s="677"/>
      <c r="DC33" s="678"/>
      <c r="DD33" s="670">
        <v>400576628</v>
      </c>
      <c r="DE33" s="675"/>
      <c r="DF33" s="675"/>
      <c r="DG33" s="675"/>
      <c r="DH33" s="675"/>
      <c r="DI33" s="675"/>
      <c r="DJ33" s="675"/>
      <c r="DK33" s="676"/>
      <c r="DL33" s="670">
        <v>323679884</v>
      </c>
      <c r="DM33" s="675"/>
      <c r="DN33" s="675"/>
      <c r="DO33" s="675"/>
      <c r="DP33" s="675"/>
      <c r="DQ33" s="675"/>
      <c r="DR33" s="675"/>
      <c r="DS33" s="675"/>
      <c r="DT33" s="675"/>
      <c r="DU33" s="675"/>
      <c r="DV33" s="676"/>
      <c r="DW33" s="667">
        <v>31.2</v>
      </c>
      <c r="DX33" s="677"/>
      <c r="DY33" s="677"/>
      <c r="DZ33" s="677"/>
      <c r="EA33" s="677"/>
      <c r="EB33" s="677"/>
      <c r="EC33" s="698"/>
    </row>
    <row r="34" spans="2:133" ht="11.25" customHeight="1" x14ac:dyDescent="0.2">
      <c r="B34" s="661" t="s">
        <v>317</v>
      </c>
      <c r="C34" s="662"/>
      <c r="D34" s="662"/>
      <c r="E34" s="662"/>
      <c r="F34" s="662"/>
      <c r="G34" s="662"/>
      <c r="H34" s="662"/>
      <c r="I34" s="662"/>
      <c r="J34" s="662"/>
      <c r="K34" s="662"/>
      <c r="L34" s="662"/>
      <c r="M34" s="662"/>
      <c r="N34" s="662"/>
      <c r="O34" s="662"/>
      <c r="P34" s="662"/>
      <c r="Q34" s="663"/>
      <c r="R34" s="664">
        <v>93547729</v>
      </c>
      <c r="S34" s="665"/>
      <c r="T34" s="665"/>
      <c r="U34" s="665"/>
      <c r="V34" s="665"/>
      <c r="W34" s="665"/>
      <c r="X34" s="665"/>
      <c r="Y34" s="666"/>
      <c r="Z34" s="691">
        <v>4.2</v>
      </c>
      <c r="AA34" s="691"/>
      <c r="AB34" s="691"/>
      <c r="AC34" s="691"/>
      <c r="AD34" s="692" t="s">
        <v>129</v>
      </c>
      <c r="AE34" s="692"/>
      <c r="AF34" s="692"/>
      <c r="AG34" s="692"/>
      <c r="AH34" s="692"/>
      <c r="AI34" s="692"/>
      <c r="AJ34" s="692"/>
      <c r="AK34" s="692"/>
      <c r="AL34" s="667" t="s">
        <v>129</v>
      </c>
      <c r="AM34" s="668"/>
      <c r="AN34" s="668"/>
      <c r="AO34" s="693"/>
      <c r="AP34" s="219"/>
      <c r="AQ34" s="220"/>
      <c r="AR34" s="216"/>
      <c r="AS34" s="217"/>
      <c r="AT34" s="217"/>
      <c r="AU34" s="217"/>
      <c r="AV34" s="217"/>
      <c r="AW34" s="217"/>
      <c r="AX34" s="217"/>
      <c r="AY34" s="217"/>
      <c r="AZ34" s="217"/>
      <c r="BA34" s="217"/>
      <c r="BB34" s="217"/>
      <c r="BC34" s="217"/>
      <c r="BD34" s="217"/>
      <c r="BE34" s="217"/>
      <c r="BF34" s="217"/>
      <c r="BG34" s="220"/>
      <c r="BH34" s="220"/>
      <c r="BI34" s="220"/>
      <c r="BJ34" s="220"/>
      <c r="BK34" s="220"/>
      <c r="BL34" s="220"/>
      <c r="BM34" s="220"/>
      <c r="BN34" s="220"/>
      <c r="BO34" s="220"/>
      <c r="BP34" s="220"/>
      <c r="BQ34" s="220"/>
      <c r="BR34" s="220"/>
      <c r="BS34" s="220"/>
      <c r="BT34" s="220"/>
      <c r="BU34" s="220"/>
      <c r="BV34" s="220"/>
      <c r="BW34" s="220"/>
      <c r="BX34" s="220"/>
      <c r="BY34" s="220"/>
      <c r="BZ34" s="220"/>
      <c r="CA34" s="220"/>
      <c r="CB34" s="220"/>
      <c r="CD34" s="706" t="s">
        <v>318</v>
      </c>
      <c r="CE34" s="703"/>
      <c r="CF34" s="703"/>
      <c r="CG34" s="703"/>
      <c r="CH34" s="703"/>
      <c r="CI34" s="703"/>
      <c r="CJ34" s="703"/>
      <c r="CK34" s="703"/>
      <c r="CL34" s="703"/>
      <c r="CM34" s="703"/>
      <c r="CN34" s="703"/>
      <c r="CO34" s="703"/>
      <c r="CP34" s="703"/>
      <c r="CQ34" s="704"/>
      <c r="CR34" s="664">
        <v>224070838</v>
      </c>
      <c r="CS34" s="665"/>
      <c r="CT34" s="665"/>
      <c r="CU34" s="665"/>
      <c r="CV34" s="665"/>
      <c r="CW34" s="665"/>
      <c r="CX34" s="665"/>
      <c r="CY34" s="666"/>
      <c r="CZ34" s="667">
        <v>10.199999999999999</v>
      </c>
      <c r="DA34" s="677"/>
      <c r="DB34" s="677"/>
      <c r="DC34" s="678"/>
      <c r="DD34" s="670">
        <v>131412919</v>
      </c>
      <c r="DE34" s="665"/>
      <c r="DF34" s="665"/>
      <c r="DG34" s="665"/>
      <c r="DH34" s="665"/>
      <c r="DI34" s="665"/>
      <c r="DJ34" s="665"/>
      <c r="DK34" s="666"/>
      <c r="DL34" s="670">
        <v>121443621</v>
      </c>
      <c r="DM34" s="665"/>
      <c r="DN34" s="665"/>
      <c r="DO34" s="665"/>
      <c r="DP34" s="665"/>
      <c r="DQ34" s="665"/>
      <c r="DR34" s="665"/>
      <c r="DS34" s="665"/>
      <c r="DT34" s="665"/>
      <c r="DU34" s="665"/>
      <c r="DV34" s="666"/>
      <c r="DW34" s="667">
        <v>11.7</v>
      </c>
      <c r="DX34" s="677"/>
      <c r="DY34" s="677"/>
      <c r="DZ34" s="677"/>
      <c r="EA34" s="677"/>
      <c r="EB34" s="677"/>
      <c r="EC34" s="698"/>
    </row>
    <row r="35" spans="2:133" ht="11.25" customHeight="1" x14ac:dyDescent="0.2">
      <c r="B35" s="661" t="s">
        <v>319</v>
      </c>
      <c r="C35" s="662"/>
      <c r="D35" s="662"/>
      <c r="E35" s="662"/>
      <c r="F35" s="662"/>
      <c r="G35" s="662"/>
      <c r="H35" s="662"/>
      <c r="I35" s="662"/>
      <c r="J35" s="662"/>
      <c r="K35" s="662"/>
      <c r="L35" s="662"/>
      <c r="M35" s="662"/>
      <c r="N35" s="662"/>
      <c r="O35" s="662"/>
      <c r="P35" s="662"/>
      <c r="Q35" s="663"/>
      <c r="R35" s="664">
        <v>60609319</v>
      </c>
      <c r="S35" s="665"/>
      <c r="T35" s="665"/>
      <c r="U35" s="665"/>
      <c r="V35" s="665"/>
      <c r="W35" s="665"/>
      <c r="X35" s="665"/>
      <c r="Y35" s="666"/>
      <c r="Z35" s="691">
        <v>2.7</v>
      </c>
      <c r="AA35" s="691"/>
      <c r="AB35" s="691"/>
      <c r="AC35" s="691"/>
      <c r="AD35" s="692">
        <v>1436141</v>
      </c>
      <c r="AE35" s="692"/>
      <c r="AF35" s="692"/>
      <c r="AG35" s="692"/>
      <c r="AH35" s="692"/>
      <c r="AI35" s="692"/>
      <c r="AJ35" s="692"/>
      <c r="AK35" s="692"/>
      <c r="AL35" s="667">
        <v>0.1</v>
      </c>
      <c r="AM35" s="668"/>
      <c r="AN35" s="668"/>
      <c r="AO35" s="693"/>
      <c r="AP35" s="221"/>
      <c r="AQ35" s="723" t="s">
        <v>320</v>
      </c>
      <c r="AR35" s="724"/>
      <c r="AS35" s="724"/>
      <c r="AT35" s="724"/>
      <c r="AU35" s="724"/>
      <c r="AV35" s="724"/>
      <c r="AW35" s="724"/>
      <c r="AX35" s="724"/>
      <c r="AY35" s="724"/>
      <c r="AZ35" s="724"/>
      <c r="BA35" s="724"/>
      <c r="BB35" s="724"/>
      <c r="BC35" s="724"/>
      <c r="BD35" s="724"/>
      <c r="BE35" s="724"/>
      <c r="BF35" s="725"/>
      <c r="BG35" s="723" t="s">
        <v>321</v>
      </c>
      <c r="BH35" s="724"/>
      <c r="BI35" s="724"/>
      <c r="BJ35" s="724"/>
      <c r="BK35" s="724"/>
      <c r="BL35" s="724"/>
      <c r="BM35" s="724"/>
      <c r="BN35" s="724"/>
      <c r="BO35" s="724"/>
      <c r="BP35" s="724"/>
      <c r="BQ35" s="724"/>
      <c r="BR35" s="724"/>
      <c r="BS35" s="724"/>
      <c r="BT35" s="724"/>
      <c r="BU35" s="724"/>
      <c r="BV35" s="724"/>
      <c r="BW35" s="724"/>
      <c r="BX35" s="724"/>
      <c r="BY35" s="724"/>
      <c r="BZ35" s="724"/>
      <c r="CA35" s="724"/>
      <c r="CB35" s="725"/>
      <c r="CD35" s="706" t="s">
        <v>322</v>
      </c>
      <c r="CE35" s="703"/>
      <c r="CF35" s="703"/>
      <c r="CG35" s="703"/>
      <c r="CH35" s="703"/>
      <c r="CI35" s="703"/>
      <c r="CJ35" s="703"/>
      <c r="CK35" s="703"/>
      <c r="CL35" s="703"/>
      <c r="CM35" s="703"/>
      <c r="CN35" s="703"/>
      <c r="CO35" s="703"/>
      <c r="CP35" s="703"/>
      <c r="CQ35" s="704"/>
      <c r="CR35" s="664">
        <v>12879923</v>
      </c>
      <c r="CS35" s="675"/>
      <c r="CT35" s="675"/>
      <c r="CU35" s="675"/>
      <c r="CV35" s="675"/>
      <c r="CW35" s="675"/>
      <c r="CX35" s="675"/>
      <c r="CY35" s="676"/>
      <c r="CZ35" s="667">
        <v>0.6</v>
      </c>
      <c r="DA35" s="677"/>
      <c r="DB35" s="677"/>
      <c r="DC35" s="678"/>
      <c r="DD35" s="670">
        <v>10224501</v>
      </c>
      <c r="DE35" s="675"/>
      <c r="DF35" s="675"/>
      <c r="DG35" s="675"/>
      <c r="DH35" s="675"/>
      <c r="DI35" s="675"/>
      <c r="DJ35" s="675"/>
      <c r="DK35" s="676"/>
      <c r="DL35" s="670">
        <v>10220485</v>
      </c>
      <c r="DM35" s="675"/>
      <c r="DN35" s="675"/>
      <c r="DO35" s="675"/>
      <c r="DP35" s="675"/>
      <c r="DQ35" s="675"/>
      <c r="DR35" s="675"/>
      <c r="DS35" s="675"/>
      <c r="DT35" s="675"/>
      <c r="DU35" s="675"/>
      <c r="DV35" s="676"/>
      <c r="DW35" s="667">
        <v>1</v>
      </c>
      <c r="DX35" s="677"/>
      <c r="DY35" s="677"/>
      <c r="DZ35" s="677"/>
      <c r="EA35" s="677"/>
      <c r="EB35" s="677"/>
      <c r="EC35" s="698"/>
    </row>
    <row r="36" spans="2:133" ht="11.25" customHeight="1" x14ac:dyDescent="0.2">
      <c r="B36" s="661" t="s">
        <v>323</v>
      </c>
      <c r="C36" s="662"/>
      <c r="D36" s="662"/>
      <c r="E36" s="662"/>
      <c r="F36" s="662"/>
      <c r="G36" s="662"/>
      <c r="H36" s="662"/>
      <c r="I36" s="662"/>
      <c r="J36" s="662"/>
      <c r="K36" s="662"/>
      <c r="L36" s="662"/>
      <c r="M36" s="662"/>
      <c r="N36" s="662"/>
      <c r="O36" s="662"/>
      <c r="P36" s="662"/>
      <c r="Q36" s="663"/>
      <c r="R36" s="664">
        <v>1222591</v>
      </c>
      <c r="S36" s="665"/>
      <c r="T36" s="665"/>
      <c r="U36" s="665"/>
      <c r="V36" s="665"/>
      <c r="W36" s="665"/>
      <c r="X36" s="665"/>
      <c r="Y36" s="666"/>
      <c r="Z36" s="691">
        <v>0.1</v>
      </c>
      <c r="AA36" s="691"/>
      <c r="AB36" s="691"/>
      <c r="AC36" s="691"/>
      <c r="AD36" s="692" t="s">
        <v>129</v>
      </c>
      <c r="AE36" s="692"/>
      <c r="AF36" s="692"/>
      <c r="AG36" s="692"/>
      <c r="AH36" s="692"/>
      <c r="AI36" s="692"/>
      <c r="AJ36" s="692"/>
      <c r="AK36" s="692"/>
      <c r="AL36" s="667" t="s">
        <v>242</v>
      </c>
      <c r="AM36" s="668"/>
      <c r="AN36" s="668"/>
      <c r="AO36" s="693"/>
      <c r="AP36" s="221"/>
      <c r="AQ36" s="714" t="s">
        <v>324</v>
      </c>
      <c r="AR36" s="715"/>
      <c r="AS36" s="715"/>
      <c r="AT36" s="715"/>
      <c r="AU36" s="715"/>
      <c r="AV36" s="715"/>
      <c r="AW36" s="715"/>
      <c r="AX36" s="715"/>
      <c r="AY36" s="716"/>
      <c r="AZ36" s="717">
        <v>184888361</v>
      </c>
      <c r="BA36" s="718"/>
      <c r="BB36" s="718"/>
      <c r="BC36" s="718"/>
      <c r="BD36" s="718"/>
      <c r="BE36" s="718"/>
      <c r="BF36" s="719"/>
      <c r="BG36" s="720" t="s">
        <v>325</v>
      </c>
      <c r="BH36" s="721"/>
      <c r="BI36" s="721"/>
      <c r="BJ36" s="721"/>
      <c r="BK36" s="721"/>
      <c r="BL36" s="721"/>
      <c r="BM36" s="721"/>
      <c r="BN36" s="721"/>
      <c r="BO36" s="721"/>
      <c r="BP36" s="721"/>
      <c r="BQ36" s="721"/>
      <c r="BR36" s="721"/>
      <c r="BS36" s="721"/>
      <c r="BT36" s="721"/>
      <c r="BU36" s="722"/>
      <c r="BV36" s="717">
        <v>13856630</v>
      </c>
      <c r="BW36" s="718"/>
      <c r="BX36" s="718"/>
      <c r="BY36" s="718"/>
      <c r="BZ36" s="718"/>
      <c r="CA36" s="718"/>
      <c r="CB36" s="719"/>
      <c r="CD36" s="706" t="s">
        <v>326</v>
      </c>
      <c r="CE36" s="703"/>
      <c r="CF36" s="703"/>
      <c r="CG36" s="703"/>
      <c r="CH36" s="703"/>
      <c r="CI36" s="703"/>
      <c r="CJ36" s="703"/>
      <c r="CK36" s="703"/>
      <c r="CL36" s="703"/>
      <c r="CM36" s="703"/>
      <c r="CN36" s="703"/>
      <c r="CO36" s="703"/>
      <c r="CP36" s="703"/>
      <c r="CQ36" s="704"/>
      <c r="CR36" s="664">
        <v>157670320</v>
      </c>
      <c r="CS36" s="665"/>
      <c r="CT36" s="665"/>
      <c r="CU36" s="665"/>
      <c r="CV36" s="665"/>
      <c r="CW36" s="665"/>
      <c r="CX36" s="665"/>
      <c r="CY36" s="666"/>
      <c r="CZ36" s="667">
        <v>7.2</v>
      </c>
      <c r="DA36" s="677"/>
      <c r="DB36" s="677"/>
      <c r="DC36" s="678"/>
      <c r="DD36" s="670">
        <v>128464583</v>
      </c>
      <c r="DE36" s="665"/>
      <c r="DF36" s="665"/>
      <c r="DG36" s="665"/>
      <c r="DH36" s="665"/>
      <c r="DI36" s="665"/>
      <c r="DJ36" s="665"/>
      <c r="DK36" s="666"/>
      <c r="DL36" s="670">
        <v>104882904</v>
      </c>
      <c r="DM36" s="665"/>
      <c r="DN36" s="665"/>
      <c r="DO36" s="665"/>
      <c r="DP36" s="665"/>
      <c r="DQ36" s="665"/>
      <c r="DR36" s="665"/>
      <c r="DS36" s="665"/>
      <c r="DT36" s="665"/>
      <c r="DU36" s="665"/>
      <c r="DV36" s="666"/>
      <c r="DW36" s="667">
        <v>10.1</v>
      </c>
      <c r="DX36" s="677"/>
      <c r="DY36" s="677"/>
      <c r="DZ36" s="677"/>
      <c r="EA36" s="677"/>
      <c r="EB36" s="677"/>
      <c r="EC36" s="698"/>
    </row>
    <row r="37" spans="2:133" ht="11.25" customHeight="1" x14ac:dyDescent="0.2">
      <c r="B37" s="661" t="s">
        <v>327</v>
      </c>
      <c r="C37" s="662"/>
      <c r="D37" s="662"/>
      <c r="E37" s="662"/>
      <c r="F37" s="662"/>
      <c r="G37" s="662"/>
      <c r="H37" s="662"/>
      <c r="I37" s="662"/>
      <c r="J37" s="662"/>
      <c r="K37" s="662"/>
      <c r="L37" s="662"/>
      <c r="M37" s="662"/>
      <c r="N37" s="662"/>
      <c r="O37" s="662"/>
      <c r="P37" s="662"/>
      <c r="Q37" s="663"/>
      <c r="R37" s="664">
        <v>56364295</v>
      </c>
      <c r="S37" s="665"/>
      <c r="T37" s="665"/>
      <c r="U37" s="665"/>
      <c r="V37" s="665"/>
      <c r="W37" s="665"/>
      <c r="X37" s="665"/>
      <c r="Y37" s="666"/>
      <c r="Z37" s="691">
        <v>2.5</v>
      </c>
      <c r="AA37" s="691"/>
      <c r="AB37" s="691"/>
      <c r="AC37" s="691"/>
      <c r="AD37" s="692" t="s">
        <v>242</v>
      </c>
      <c r="AE37" s="692"/>
      <c r="AF37" s="692"/>
      <c r="AG37" s="692"/>
      <c r="AH37" s="692"/>
      <c r="AI37" s="692"/>
      <c r="AJ37" s="692"/>
      <c r="AK37" s="692"/>
      <c r="AL37" s="667" t="s">
        <v>129</v>
      </c>
      <c r="AM37" s="668"/>
      <c r="AN37" s="668"/>
      <c r="AO37" s="693"/>
      <c r="AQ37" s="699" t="s">
        <v>328</v>
      </c>
      <c r="AR37" s="700"/>
      <c r="AS37" s="700"/>
      <c r="AT37" s="700"/>
      <c r="AU37" s="700"/>
      <c r="AV37" s="700"/>
      <c r="AW37" s="700"/>
      <c r="AX37" s="700"/>
      <c r="AY37" s="701"/>
      <c r="AZ37" s="664">
        <v>39641008</v>
      </c>
      <c r="BA37" s="665"/>
      <c r="BB37" s="665"/>
      <c r="BC37" s="665"/>
      <c r="BD37" s="675"/>
      <c r="BE37" s="675"/>
      <c r="BF37" s="702"/>
      <c r="BG37" s="706" t="s">
        <v>329</v>
      </c>
      <c r="BH37" s="703"/>
      <c r="BI37" s="703"/>
      <c r="BJ37" s="703"/>
      <c r="BK37" s="703"/>
      <c r="BL37" s="703"/>
      <c r="BM37" s="703"/>
      <c r="BN37" s="703"/>
      <c r="BO37" s="703"/>
      <c r="BP37" s="703"/>
      <c r="BQ37" s="703"/>
      <c r="BR37" s="703"/>
      <c r="BS37" s="703"/>
      <c r="BT37" s="703"/>
      <c r="BU37" s="704"/>
      <c r="BV37" s="664">
        <v>13265438</v>
      </c>
      <c r="BW37" s="665"/>
      <c r="BX37" s="665"/>
      <c r="BY37" s="665"/>
      <c r="BZ37" s="665"/>
      <c r="CA37" s="665"/>
      <c r="CB37" s="705"/>
      <c r="CD37" s="706" t="s">
        <v>330</v>
      </c>
      <c r="CE37" s="703"/>
      <c r="CF37" s="703"/>
      <c r="CG37" s="703"/>
      <c r="CH37" s="703"/>
      <c r="CI37" s="703"/>
      <c r="CJ37" s="703"/>
      <c r="CK37" s="703"/>
      <c r="CL37" s="703"/>
      <c r="CM37" s="703"/>
      <c r="CN37" s="703"/>
      <c r="CO37" s="703"/>
      <c r="CP37" s="703"/>
      <c r="CQ37" s="704"/>
      <c r="CR37" s="664">
        <v>202532</v>
      </c>
      <c r="CS37" s="675"/>
      <c r="CT37" s="675"/>
      <c r="CU37" s="675"/>
      <c r="CV37" s="675"/>
      <c r="CW37" s="675"/>
      <c r="CX37" s="675"/>
      <c r="CY37" s="676"/>
      <c r="CZ37" s="667">
        <v>0</v>
      </c>
      <c r="DA37" s="677"/>
      <c r="DB37" s="677"/>
      <c r="DC37" s="678"/>
      <c r="DD37" s="670">
        <v>202532</v>
      </c>
      <c r="DE37" s="675"/>
      <c r="DF37" s="675"/>
      <c r="DG37" s="675"/>
      <c r="DH37" s="675"/>
      <c r="DI37" s="675"/>
      <c r="DJ37" s="675"/>
      <c r="DK37" s="676"/>
      <c r="DL37" s="670">
        <v>202532</v>
      </c>
      <c r="DM37" s="675"/>
      <c r="DN37" s="675"/>
      <c r="DO37" s="675"/>
      <c r="DP37" s="675"/>
      <c r="DQ37" s="675"/>
      <c r="DR37" s="675"/>
      <c r="DS37" s="675"/>
      <c r="DT37" s="675"/>
      <c r="DU37" s="675"/>
      <c r="DV37" s="676"/>
      <c r="DW37" s="667">
        <v>0</v>
      </c>
      <c r="DX37" s="677"/>
      <c r="DY37" s="677"/>
      <c r="DZ37" s="677"/>
      <c r="EA37" s="677"/>
      <c r="EB37" s="677"/>
      <c r="EC37" s="698"/>
    </row>
    <row r="38" spans="2:133" ht="11.25" customHeight="1" x14ac:dyDescent="0.2">
      <c r="B38" s="661" t="s">
        <v>331</v>
      </c>
      <c r="C38" s="662"/>
      <c r="D38" s="662"/>
      <c r="E38" s="662"/>
      <c r="F38" s="662"/>
      <c r="G38" s="662"/>
      <c r="H38" s="662"/>
      <c r="I38" s="662"/>
      <c r="J38" s="662"/>
      <c r="K38" s="662"/>
      <c r="L38" s="662"/>
      <c r="M38" s="662"/>
      <c r="N38" s="662"/>
      <c r="O38" s="662"/>
      <c r="P38" s="662"/>
      <c r="Q38" s="663"/>
      <c r="R38" s="664">
        <v>18706931</v>
      </c>
      <c r="S38" s="665"/>
      <c r="T38" s="665"/>
      <c r="U38" s="665"/>
      <c r="V38" s="665"/>
      <c r="W38" s="665"/>
      <c r="X38" s="665"/>
      <c r="Y38" s="666"/>
      <c r="Z38" s="691">
        <v>0.8</v>
      </c>
      <c r="AA38" s="691"/>
      <c r="AB38" s="691"/>
      <c r="AC38" s="691"/>
      <c r="AD38" s="692" t="s">
        <v>242</v>
      </c>
      <c r="AE38" s="692"/>
      <c r="AF38" s="692"/>
      <c r="AG38" s="692"/>
      <c r="AH38" s="692"/>
      <c r="AI38" s="692"/>
      <c r="AJ38" s="692"/>
      <c r="AK38" s="692"/>
      <c r="AL38" s="667" t="s">
        <v>242</v>
      </c>
      <c r="AM38" s="668"/>
      <c r="AN38" s="668"/>
      <c r="AO38" s="693"/>
      <c r="AQ38" s="699" t="s">
        <v>332</v>
      </c>
      <c r="AR38" s="700"/>
      <c r="AS38" s="700"/>
      <c r="AT38" s="700"/>
      <c r="AU38" s="700"/>
      <c r="AV38" s="700"/>
      <c r="AW38" s="700"/>
      <c r="AX38" s="700"/>
      <c r="AY38" s="701"/>
      <c r="AZ38" s="664">
        <v>14182107</v>
      </c>
      <c r="BA38" s="665"/>
      <c r="BB38" s="665"/>
      <c r="BC38" s="665"/>
      <c r="BD38" s="675"/>
      <c r="BE38" s="675"/>
      <c r="BF38" s="702"/>
      <c r="BG38" s="706" t="s">
        <v>333</v>
      </c>
      <c r="BH38" s="703"/>
      <c r="BI38" s="703"/>
      <c r="BJ38" s="703"/>
      <c r="BK38" s="703"/>
      <c r="BL38" s="703"/>
      <c r="BM38" s="703"/>
      <c r="BN38" s="703"/>
      <c r="BO38" s="703"/>
      <c r="BP38" s="703"/>
      <c r="BQ38" s="703"/>
      <c r="BR38" s="703"/>
      <c r="BS38" s="703"/>
      <c r="BT38" s="703"/>
      <c r="BU38" s="704"/>
      <c r="BV38" s="664">
        <v>455654</v>
      </c>
      <c r="BW38" s="665"/>
      <c r="BX38" s="665"/>
      <c r="BY38" s="665"/>
      <c r="BZ38" s="665"/>
      <c r="CA38" s="665"/>
      <c r="CB38" s="705"/>
      <c r="CD38" s="706" t="s">
        <v>334</v>
      </c>
      <c r="CE38" s="703"/>
      <c r="CF38" s="703"/>
      <c r="CG38" s="703"/>
      <c r="CH38" s="703"/>
      <c r="CI38" s="703"/>
      <c r="CJ38" s="703"/>
      <c r="CK38" s="703"/>
      <c r="CL38" s="703"/>
      <c r="CM38" s="703"/>
      <c r="CN38" s="703"/>
      <c r="CO38" s="703"/>
      <c r="CP38" s="703"/>
      <c r="CQ38" s="704"/>
      <c r="CR38" s="664">
        <v>118718011</v>
      </c>
      <c r="CS38" s="665"/>
      <c r="CT38" s="665"/>
      <c r="CU38" s="665"/>
      <c r="CV38" s="665"/>
      <c r="CW38" s="665"/>
      <c r="CX38" s="665"/>
      <c r="CY38" s="666"/>
      <c r="CZ38" s="667">
        <v>5.4</v>
      </c>
      <c r="DA38" s="677"/>
      <c r="DB38" s="677"/>
      <c r="DC38" s="678"/>
      <c r="DD38" s="670">
        <v>99824138</v>
      </c>
      <c r="DE38" s="665"/>
      <c r="DF38" s="665"/>
      <c r="DG38" s="665"/>
      <c r="DH38" s="665"/>
      <c r="DI38" s="665"/>
      <c r="DJ38" s="665"/>
      <c r="DK38" s="666"/>
      <c r="DL38" s="670">
        <v>87071746</v>
      </c>
      <c r="DM38" s="665"/>
      <c r="DN38" s="665"/>
      <c r="DO38" s="665"/>
      <c r="DP38" s="665"/>
      <c r="DQ38" s="665"/>
      <c r="DR38" s="665"/>
      <c r="DS38" s="665"/>
      <c r="DT38" s="665"/>
      <c r="DU38" s="665"/>
      <c r="DV38" s="666"/>
      <c r="DW38" s="667">
        <v>8.4</v>
      </c>
      <c r="DX38" s="677"/>
      <c r="DY38" s="677"/>
      <c r="DZ38" s="677"/>
      <c r="EA38" s="677"/>
      <c r="EB38" s="677"/>
      <c r="EC38" s="698"/>
    </row>
    <row r="39" spans="2:133" ht="11.25" customHeight="1" x14ac:dyDescent="0.2">
      <c r="B39" s="661" t="s">
        <v>335</v>
      </c>
      <c r="C39" s="662"/>
      <c r="D39" s="662"/>
      <c r="E39" s="662"/>
      <c r="F39" s="662"/>
      <c r="G39" s="662"/>
      <c r="H39" s="662"/>
      <c r="I39" s="662"/>
      <c r="J39" s="662"/>
      <c r="K39" s="662"/>
      <c r="L39" s="662"/>
      <c r="M39" s="662"/>
      <c r="N39" s="662"/>
      <c r="O39" s="662"/>
      <c r="P39" s="662"/>
      <c r="Q39" s="663"/>
      <c r="R39" s="664">
        <v>250153765</v>
      </c>
      <c r="S39" s="665"/>
      <c r="T39" s="665"/>
      <c r="U39" s="665"/>
      <c r="V39" s="665"/>
      <c r="W39" s="665"/>
      <c r="X39" s="665"/>
      <c r="Y39" s="666"/>
      <c r="Z39" s="691">
        <v>11.2</v>
      </c>
      <c r="AA39" s="691"/>
      <c r="AB39" s="691"/>
      <c r="AC39" s="691"/>
      <c r="AD39" s="692">
        <v>2893423</v>
      </c>
      <c r="AE39" s="692"/>
      <c r="AF39" s="692"/>
      <c r="AG39" s="692"/>
      <c r="AH39" s="692"/>
      <c r="AI39" s="692"/>
      <c r="AJ39" s="692"/>
      <c r="AK39" s="692"/>
      <c r="AL39" s="667">
        <v>0.3</v>
      </c>
      <c r="AM39" s="668"/>
      <c r="AN39" s="668"/>
      <c r="AO39" s="693"/>
      <c r="AQ39" s="699" t="s">
        <v>336</v>
      </c>
      <c r="AR39" s="700"/>
      <c r="AS39" s="700"/>
      <c r="AT39" s="700"/>
      <c r="AU39" s="700"/>
      <c r="AV39" s="700"/>
      <c r="AW39" s="700"/>
      <c r="AX39" s="700"/>
      <c r="AY39" s="701"/>
      <c r="AZ39" s="664">
        <v>7167704</v>
      </c>
      <c r="BA39" s="665"/>
      <c r="BB39" s="665"/>
      <c r="BC39" s="665"/>
      <c r="BD39" s="675"/>
      <c r="BE39" s="675"/>
      <c r="BF39" s="702"/>
      <c r="BG39" s="706" t="s">
        <v>337</v>
      </c>
      <c r="BH39" s="703"/>
      <c r="BI39" s="703"/>
      <c r="BJ39" s="703"/>
      <c r="BK39" s="703"/>
      <c r="BL39" s="703"/>
      <c r="BM39" s="703"/>
      <c r="BN39" s="703"/>
      <c r="BO39" s="703"/>
      <c r="BP39" s="703"/>
      <c r="BQ39" s="703"/>
      <c r="BR39" s="703"/>
      <c r="BS39" s="703"/>
      <c r="BT39" s="703"/>
      <c r="BU39" s="704"/>
      <c r="BV39" s="664">
        <v>654822</v>
      </c>
      <c r="BW39" s="665"/>
      <c r="BX39" s="665"/>
      <c r="BY39" s="665"/>
      <c r="BZ39" s="665"/>
      <c r="CA39" s="665"/>
      <c r="CB39" s="705"/>
      <c r="CD39" s="706" t="s">
        <v>338</v>
      </c>
      <c r="CE39" s="703"/>
      <c r="CF39" s="703"/>
      <c r="CG39" s="703"/>
      <c r="CH39" s="703"/>
      <c r="CI39" s="703"/>
      <c r="CJ39" s="703"/>
      <c r="CK39" s="703"/>
      <c r="CL39" s="703"/>
      <c r="CM39" s="703"/>
      <c r="CN39" s="703"/>
      <c r="CO39" s="703"/>
      <c r="CP39" s="703"/>
      <c r="CQ39" s="704"/>
      <c r="CR39" s="664">
        <v>29821625</v>
      </c>
      <c r="CS39" s="675"/>
      <c r="CT39" s="675"/>
      <c r="CU39" s="675"/>
      <c r="CV39" s="675"/>
      <c r="CW39" s="675"/>
      <c r="CX39" s="675"/>
      <c r="CY39" s="676"/>
      <c r="CZ39" s="667">
        <v>1.4</v>
      </c>
      <c r="DA39" s="677"/>
      <c r="DB39" s="677"/>
      <c r="DC39" s="678"/>
      <c r="DD39" s="670">
        <v>29589730</v>
      </c>
      <c r="DE39" s="675"/>
      <c r="DF39" s="675"/>
      <c r="DG39" s="675"/>
      <c r="DH39" s="675"/>
      <c r="DI39" s="675"/>
      <c r="DJ39" s="675"/>
      <c r="DK39" s="676"/>
      <c r="DL39" s="670" t="s">
        <v>129</v>
      </c>
      <c r="DM39" s="675"/>
      <c r="DN39" s="675"/>
      <c r="DO39" s="675"/>
      <c r="DP39" s="675"/>
      <c r="DQ39" s="675"/>
      <c r="DR39" s="675"/>
      <c r="DS39" s="675"/>
      <c r="DT39" s="675"/>
      <c r="DU39" s="675"/>
      <c r="DV39" s="676"/>
      <c r="DW39" s="667" t="s">
        <v>242</v>
      </c>
      <c r="DX39" s="677"/>
      <c r="DY39" s="677"/>
      <c r="DZ39" s="677"/>
      <c r="EA39" s="677"/>
      <c r="EB39" s="677"/>
      <c r="EC39" s="698"/>
    </row>
    <row r="40" spans="2:133" ht="11.25" customHeight="1" x14ac:dyDescent="0.2">
      <c r="B40" s="661" t="s">
        <v>339</v>
      </c>
      <c r="C40" s="662"/>
      <c r="D40" s="662"/>
      <c r="E40" s="662"/>
      <c r="F40" s="662"/>
      <c r="G40" s="662"/>
      <c r="H40" s="662"/>
      <c r="I40" s="662"/>
      <c r="J40" s="662"/>
      <c r="K40" s="662"/>
      <c r="L40" s="662"/>
      <c r="M40" s="662"/>
      <c r="N40" s="662"/>
      <c r="O40" s="662"/>
      <c r="P40" s="662"/>
      <c r="Q40" s="663"/>
      <c r="R40" s="664">
        <v>168264820</v>
      </c>
      <c r="S40" s="665"/>
      <c r="T40" s="665"/>
      <c r="U40" s="665"/>
      <c r="V40" s="665"/>
      <c r="W40" s="665"/>
      <c r="X40" s="665"/>
      <c r="Y40" s="666"/>
      <c r="Z40" s="691">
        <v>7.5</v>
      </c>
      <c r="AA40" s="691"/>
      <c r="AB40" s="691"/>
      <c r="AC40" s="691"/>
      <c r="AD40" s="692" t="s">
        <v>242</v>
      </c>
      <c r="AE40" s="692"/>
      <c r="AF40" s="692"/>
      <c r="AG40" s="692"/>
      <c r="AH40" s="692"/>
      <c r="AI40" s="692"/>
      <c r="AJ40" s="692"/>
      <c r="AK40" s="692"/>
      <c r="AL40" s="667" t="s">
        <v>129</v>
      </c>
      <c r="AM40" s="668"/>
      <c r="AN40" s="668"/>
      <c r="AO40" s="693"/>
      <c r="AQ40" s="699" t="s">
        <v>340</v>
      </c>
      <c r="AR40" s="700"/>
      <c r="AS40" s="700"/>
      <c r="AT40" s="700"/>
      <c r="AU40" s="700"/>
      <c r="AV40" s="700"/>
      <c r="AW40" s="700"/>
      <c r="AX40" s="700"/>
      <c r="AY40" s="701"/>
      <c r="AZ40" s="664">
        <v>5396577</v>
      </c>
      <c r="BA40" s="665"/>
      <c r="BB40" s="665"/>
      <c r="BC40" s="665"/>
      <c r="BD40" s="675"/>
      <c r="BE40" s="675"/>
      <c r="BF40" s="702"/>
      <c r="BG40" s="707" t="s">
        <v>341</v>
      </c>
      <c r="BH40" s="708"/>
      <c r="BI40" s="708"/>
      <c r="BJ40" s="708"/>
      <c r="BK40" s="708"/>
      <c r="BL40" s="222"/>
      <c r="BM40" s="703" t="s">
        <v>342</v>
      </c>
      <c r="BN40" s="703"/>
      <c r="BO40" s="703"/>
      <c r="BP40" s="703"/>
      <c r="BQ40" s="703"/>
      <c r="BR40" s="703"/>
      <c r="BS40" s="703"/>
      <c r="BT40" s="703"/>
      <c r="BU40" s="704"/>
      <c r="BV40" s="664">
        <v>112</v>
      </c>
      <c r="BW40" s="665"/>
      <c r="BX40" s="665"/>
      <c r="BY40" s="665"/>
      <c r="BZ40" s="665"/>
      <c r="CA40" s="665"/>
      <c r="CB40" s="705"/>
      <c r="CD40" s="706" t="s">
        <v>343</v>
      </c>
      <c r="CE40" s="703"/>
      <c r="CF40" s="703"/>
      <c r="CG40" s="703"/>
      <c r="CH40" s="703"/>
      <c r="CI40" s="703"/>
      <c r="CJ40" s="703"/>
      <c r="CK40" s="703"/>
      <c r="CL40" s="703"/>
      <c r="CM40" s="703"/>
      <c r="CN40" s="703"/>
      <c r="CO40" s="703"/>
      <c r="CP40" s="703"/>
      <c r="CQ40" s="704"/>
      <c r="CR40" s="664">
        <v>203050570</v>
      </c>
      <c r="CS40" s="665"/>
      <c r="CT40" s="665"/>
      <c r="CU40" s="665"/>
      <c r="CV40" s="665"/>
      <c r="CW40" s="665"/>
      <c r="CX40" s="665"/>
      <c r="CY40" s="666"/>
      <c r="CZ40" s="667">
        <v>9.1999999999999993</v>
      </c>
      <c r="DA40" s="677"/>
      <c r="DB40" s="677"/>
      <c r="DC40" s="678"/>
      <c r="DD40" s="670">
        <v>1060757</v>
      </c>
      <c r="DE40" s="665"/>
      <c r="DF40" s="665"/>
      <c r="DG40" s="665"/>
      <c r="DH40" s="665"/>
      <c r="DI40" s="665"/>
      <c r="DJ40" s="665"/>
      <c r="DK40" s="666"/>
      <c r="DL40" s="670">
        <v>61128</v>
      </c>
      <c r="DM40" s="665"/>
      <c r="DN40" s="665"/>
      <c r="DO40" s="665"/>
      <c r="DP40" s="665"/>
      <c r="DQ40" s="665"/>
      <c r="DR40" s="665"/>
      <c r="DS40" s="665"/>
      <c r="DT40" s="665"/>
      <c r="DU40" s="665"/>
      <c r="DV40" s="666"/>
      <c r="DW40" s="667">
        <v>0</v>
      </c>
      <c r="DX40" s="677"/>
      <c r="DY40" s="677"/>
      <c r="DZ40" s="677"/>
      <c r="EA40" s="677"/>
      <c r="EB40" s="677"/>
      <c r="EC40" s="698"/>
    </row>
    <row r="41" spans="2:133" ht="11.25" customHeight="1" x14ac:dyDescent="0.2">
      <c r="B41" s="661" t="s">
        <v>344</v>
      </c>
      <c r="C41" s="662"/>
      <c r="D41" s="662"/>
      <c r="E41" s="662"/>
      <c r="F41" s="662"/>
      <c r="G41" s="662"/>
      <c r="H41" s="662"/>
      <c r="I41" s="662"/>
      <c r="J41" s="662"/>
      <c r="K41" s="662"/>
      <c r="L41" s="662"/>
      <c r="M41" s="662"/>
      <c r="N41" s="662"/>
      <c r="O41" s="662"/>
      <c r="P41" s="662"/>
      <c r="Q41" s="663"/>
      <c r="R41" s="664" t="s">
        <v>129</v>
      </c>
      <c r="S41" s="665"/>
      <c r="T41" s="665"/>
      <c r="U41" s="665"/>
      <c r="V41" s="665"/>
      <c r="W41" s="665"/>
      <c r="X41" s="665"/>
      <c r="Y41" s="666"/>
      <c r="Z41" s="691" t="s">
        <v>129</v>
      </c>
      <c r="AA41" s="691"/>
      <c r="AB41" s="691"/>
      <c r="AC41" s="691"/>
      <c r="AD41" s="692" t="s">
        <v>129</v>
      </c>
      <c r="AE41" s="692"/>
      <c r="AF41" s="692"/>
      <c r="AG41" s="692"/>
      <c r="AH41" s="692"/>
      <c r="AI41" s="692"/>
      <c r="AJ41" s="692"/>
      <c r="AK41" s="692"/>
      <c r="AL41" s="667" t="s">
        <v>242</v>
      </c>
      <c r="AM41" s="668"/>
      <c r="AN41" s="668"/>
      <c r="AO41" s="693"/>
      <c r="AQ41" s="699" t="s">
        <v>345</v>
      </c>
      <c r="AR41" s="700"/>
      <c r="AS41" s="700"/>
      <c r="AT41" s="700"/>
      <c r="AU41" s="700"/>
      <c r="AV41" s="700"/>
      <c r="AW41" s="700"/>
      <c r="AX41" s="700"/>
      <c r="AY41" s="701"/>
      <c r="AZ41" s="664">
        <v>27476475</v>
      </c>
      <c r="BA41" s="665"/>
      <c r="BB41" s="665"/>
      <c r="BC41" s="665"/>
      <c r="BD41" s="675"/>
      <c r="BE41" s="675"/>
      <c r="BF41" s="702"/>
      <c r="BG41" s="707"/>
      <c r="BH41" s="708"/>
      <c r="BI41" s="708"/>
      <c r="BJ41" s="708"/>
      <c r="BK41" s="708"/>
      <c r="BL41" s="222"/>
      <c r="BM41" s="703" t="s">
        <v>346</v>
      </c>
      <c r="BN41" s="703"/>
      <c r="BO41" s="703"/>
      <c r="BP41" s="703"/>
      <c r="BQ41" s="703"/>
      <c r="BR41" s="703"/>
      <c r="BS41" s="703"/>
      <c r="BT41" s="703"/>
      <c r="BU41" s="704"/>
      <c r="BV41" s="664">
        <v>1</v>
      </c>
      <c r="BW41" s="665"/>
      <c r="BX41" s="665"/>
      <c r="BY41" s="665"/>
      <c r="BZ41" s="665"/>
      <c r="CA41" s="665"/>
      <c r="CB41" s="705"/>
      <c r="CD41" s="706" t="s">
        <v>347</v>
      </c>
      <c r="CE41" s="703"/>
      <c r="CF41" s="703"/>
      <c r="CG41" s="703"/>
      <c r="CH41" s="703"/>
      <c r="CI41" s="703"/>
      <c r="CJ41" s="703"/>
      <c r="CK41" s="703"/>
      <c r="CL41" s="703"/>
      <c r="CM41" s="703"/>
      <c r="CN41" s="703"/>
      <c r="CO41" s="703"/>
      <c r="CP41" s="703"/>
      <c r="CQ41" s="704"/>
      <c r="CR41" s="664" t="s">
        <v>129</v>
      </c>
      <c r="CS41" s="675"/>
      <c r="CT41" s="675"/>
      <c r="CU41" s="675"/>
      <c r="CV41" s="675"/>
      <c r="CW41" s="675"/>
      <c r="CX41" s="675"/>
      <c r="CY41" s="676"/>
      <c r="CZ41" s="667" t="s">
        <v>242</v>
      </c>
      <c r="DA41" s="677"/>
      <c r="DB41" s="677"/>
      <c r="DC41" s="678"/>
      <c r="DD41" s="670" t="s">
        <v>242</v>
      </c>
      <c r="DE41" s="675"/>
      <c r="DF41" s="675"/>
      <c r="DG41" s="675"/>
      <c r="DH41" s="675"/>
      <c r="DI41" s="675"/>
      <c r="DJ41" s="675"/>
      <c r="DK41" s="676"/>
      <c r="DL41" s="671"/>
      <c r="DM41" s="672"/>
      <c r="DN41" s="672"/>
      <c r="DO41" s="672"/>
      <c r="DP41" s="672"/>
      <c r="DQ41" s="672"/>
      <c r="DR41" s="672"/>
      <c r="DS41" s="672"/>
      <c r="DT41" s="672"/>
      <c r="DU41" s="672"/>
      <c r="DV41" s="673"/>
      <c r="DW41" s="657"/>
      <c r="DX41" s="658"/>
      <c r="DY41" s="658"/>
      <c r="DZ41" s="658"/>
      <c r="EA41" s="658"/>
      <c r="EB41" s="658"/>
      <c r="EC41" s="659"/>
    </row>
    <row r="42" spans="2:133" ht="11.25" customHeight="1" x14ac:dyDescent="0.2">
      <c r="B42" s="661" t="s">
        <v>348</v>
      </c>
      <c r="C42" s="662"/>
      <c r="D42" s="662"/>
      <c r="E42" s="662"/>
      <c r="F42" s="662"/>
      <c r="G42" s="662"/>
      <c r="H42" s="662"/>
      <c r="I42" s="662"/>
      <c r="J42" s="662"/>
      <c r="K42" s="662"/>
      <c r="L42" s="662"/>
      <c r="M42" s="662"/>
      <c r="N42" s="662"/>
      <c r="O42" s="662"/>
      <c r="P42" s="662"/>
      <c r="Q42" s="663"/>
      <c r="R42" s="664" t="s">
        <v>129</v>
      </c>
      <c r="S42" s="665"/>
      <c r="T42" s="665"/>
      <c r="U42" s="665"/>
      <c r="V42" s="665"/>
      <c r="W42" s="665"/>
      <c r="X42" s="665"/>
      <c r="Y42" s="666"/>
      <c r="Z42" s="691" t="s">
        <v>129</v>
      </c>
      <c r="AA42" s="691"/>
      <c r="AB42" s="691"/>
      <c r="AC42" s="691"/>
      <c r="AD42" s="692" t="s">
        <v>129</v>
      </c>
      <c r="AE42" s="692"/>
      <c r="AF42" s="692"/>
      <c r="AG42" s="692"/>
      <c r="AH42" s="692"/>
      <c r="AI42" s="692"/>
      <c r="AJ42" s="692"/>
      <c r="AK42" s="692"/>
      <c r="AL42" s="667" t="s">
        <v>129</v>
      </c>
      <c r="AM42" s="668"/>
      <c r="AN42" s="668"/>
      <c r="AO42" s="693"/>
      <c r="AQ42" s="711" t="s">
        <v>349</v>
      </c>
      <c r="AR42" s="712"/>
      <c r="AS42" s="712"/>
      <c r="AT42" s="712"/>
      <c r="AU42" s="712"/>
      <c r="AV42" s="712"/>
      <c r="AW42" s="712"/>
      <c r="AX42" s="712"/>
      <c r="AY42" s="713"/>
      <c r="AZ42" s="644">
        <v>91024490</v>
      </c>
      <c r="BA42" s="679"/>
      <c r="BB42" s="679"/>
      <c r="BC42" s="679"/>
      <c r="BD42" s="645"/>
      <c r="BE42" s="645"/>
      <c r="BF42" s="694"/>
      <c r="BG42" s="709"/>
      <c r="BH42" s="710"/>
      <c r="BI42" s="710"/>
      <c r="BJ42" s="710"/>
      <c r="BK42" s="710"/>
      <c r="BL42" s="223"/>
      <c r="BM42" s="695" t="s">
        <v>350</v>
      </c>
      <c r="BN42" s="695"/>
      <c r="BO42" s="695"/>
      <c r="BP42" s="695"/>
      <c r="BQ42" s="695"/>
      <c r="BR42" s="695"/>
      <c r="BS42" s="695"/>
      <c r="BT42" s="695"/>
      <c r="BU42" s="696"/>
      <c r="BV42" s="644">
        <v>334</v>
      </c>
      <c r="BW42" s="679"/>
      <c r="BX42" s="679"/>
      <c r="BY42" s="679"/>
      <c r="BZ42" s="679"/>
      <c r="CA42" s="679"/>
      <c r="CB42" s="697"/>
      <c r="CD42" s="661" t="s">
        <v>351</v>
      </c>
      <c r="CE42" s="662"/>
      <c r="CF42" s="662"/>
      <c r="CG42" s="662"/>
      <c r="CH42" s="662"/>
      <c r="CI42" s="662"/>
      <c r="CJ42" s="662"/>
      <c r="CK42" s="662"/>
      <c r="CL42" s="662"/>
      <c r="CM42" s="662"/>
      <c r="CN42" s="662"/>
      <c r="CO42" s="662"/>
      <c r="CP42" s="662"/>
      <c r="CQ42" s="663"/>
      <c r="CR42" s="664">
        <v>315899623</v>
      </c>
      <c r="CS42" s="675"/>
      <c r="CT42" s="675"/>
      <c r="CU42" s="675"/>
      <c r="CV42" s="675"/>
      <c r="CW42" s="675"/>
      <c r="CX42" s="675"/>
      <c r="CY42" s="676"/>
      <c r="CZ42" s="667">
        <v>14.3</v>
      </c>
      <c r="DA42" s="677"/>
      <c r="DB42" s="677"/>
      <c r="DC42" s="678"/>
      <c r="DD42" s="670">
        <v>83561723</v>
      </c>
      <c r="DE42" s="675"/>
      <c r="DF42" s="675"/>
      <c r="DG42" s="675"/>
      <c r="DH42" s="675"/>
      <c r="DI42" s="675"/>
      <c r="DJ42" s="675"/>
      <c r="DK42" s="676"/>
      <c r="DL42" s="671"/>
      <c r="DM42" s="672"/>
      <c r="DN42" s="672"/>
      <c r="DO42" s="672"/>
      <c r="DP42" s="672"/>
      <c r="DQ42" s="672"/>
      <c r="DR42" s="672"/>
      <c r="DS42" s="672"/>
      <c r="DT42" s="672"/>
      <c r="DU42" s="672"/>
      <c r="DV42" s="673"/>
      <c r="DW42" s="657"/>
      <c r="DX42" s="658"/>
      <c r="DY42" s="658"/>
      <c r="DZ42" s="658"/>
      <c r="EA42" s="658"/>
      <c r="EB42" s="658"/>
      <c r="EC42" s="659"/>
    </row>
    <row r="43" spans="2:133" ht="11.25" customHeight="1" x14ac:dyDescent="0.2">
      <c r="B43" s="661" t="s">
        <v>352</v>
      </c>
      <c r="C43" s="662"/>
      <c r="D43" s="662"/>
      <c r="E43" s="662"/>
      <c r="F43" s="662"/>
      <c r="G43" s="662"/>
      <c r="H43" s="662"/>
      <c r="I43" s="662"/>
      <c r="J43" s="662"/>
      <c r="K43" s="662"/>
      <c r="L43" s="662"/>
      <c r="M43" s="662"/>
      <c r="N43" s="662"/>
      <c r="O43" s="662"/>
      <c r="P43" s="662"/>
      <c r="Q43" s="663"/>
      <c r="R43" s="664">
        <v>58656000</v>
      </c>
      <c r="S43" s="665"/>
      <c r="T43" s="665"/>
      <c r="U43" s="665"/>
      <c r="V43" s="665"/>
      <c r="W43" s="665"/>
      <c r="X43" s="665"/>
      <c r="Y43" s="666"/>
      <c r="Z43" s="691">
        <v>2.6</v>
      </c>
      <c r="AA43" s="691"/>
      <c r="AB43" s="691"/>
      <c r="AC43" s="691"/>
      <c r="AD43" s="692" t="s">
        <v>242</v>
      </c>
      <c r="AE43" s="692"/>
      <c r="AF43" s="692"/>
      <c r="AG43" s="692"/>
      <c r="AH43" s="692"/>
      <c r="AI43" s="692"/>
      <c r="AJ43" s="692"/>
      <c r="AK43" s="692"/>
      <c r="AL43" s="667" t="s">
        <v>129</v>
      </c>
      <c r="AM43" s="668"/>
      <c r="AN43" s="668"/>
      <c r="AO43" s="693"/>
      <c r="BV43" s="224"/>
      <c r="BW43" s="224"/>
      <c r="BX43" s="224"/>
      <c r="BY43" s="224"/>
      <c r="BZ43" s="224"/>
      <c r="CA43" s="224"/>
      <c r="CB43" s="224"/>
      <c r="CD43" s="661" t="s">
        <v>353</v>
      </c>
      <c r="CE43" s="662"/>
      <c r="CF43" s="662"/>
      <c r="CG43" s="662"/>
      <c r="CH43" s="662"/>
      <c r="CI43" s="662"/>
      <c r="CJ43" s="662"/>
      <c r="CK43" s="662"/>
      <c r="CL43" s="662"/>
      <c r="CM43" s="662"/>
      <c r="CN43" s="662"/>
      <c r="CO43" s="662"/>
      <c r="CP43" s="662"/>
      <c r="CQ43" s="663"/>
      <c r="CR43" s="664">
        <v>4501506</v>
      </c>
      <c r="CS43" s="675"/>
      <c r="CT43" s="675"/>
      <c r="CU43" s="675"/>
      <c r="CV43" s="675"/>
      <c r="CW43" s="675"/>
      <c r="CX43" s="675"/>
      <c r="CY43" s="676"/>
      <c r="CZ43" s="667">
        <v>0.2</v>
      </c>
      <c r="DA43" s="677"/>
      <c r="DB43" s="677"/>
      <c r="DC43" s="678"/>
      <c r="DD43" s="670">
        <v>4501506</v>
      </c>
      <c r="DE43" s="675"/>
      <c r="DF43" s="675"/>
      <c r="DG43" s="675"/>
      <c r="DH43" s="675"/>
      <c r="DI43" s="675"/>
      <c r="DJ43" s="675"/>
      <c r="DK43" s="676"/>
      <c r="DL43" s="671"/>
      <c r="DM43" s="672"/>
      <c r="DN43" s="672"/>
      <c r="DO43" s="672"/>
      <c r="DP43" s="672"/>
      <c r="DQ43" s="672"/>
      <c r="DR43" s="672"/>
      <c r="DS43" s="672"/>
      <c r="DT43" s="672"/>
      <c r="DU43" s="672"/>
      <c r="DV43" s="673"/>
      <c r="DW43" s="657"/>
      <c r="DX43" s="658"/>
      <c r="DY43" s="658"/>
      <c r="DZ43" s="658"/>
      <c r="EA43" s="658"/>
      <c r="EB43" s="658"/>
      <c r="EC43" s="659"/>
    </row>
    <row r="44" spans="2:133" ht="11.25" customHeight="1" x14ac:dyDescent="0.2">
      <c r="B44" s="641" t="s">
        <v>354</v>
      </c>
      <c r="C44" s="642"/>
      <c r="D44" s="642"/>
      <c r="E44" s="642"/>
      <c r="F44" s="642"/>
      <c r="G44" s="642"/>
      <c r="H44" s="642"/>
      <c r="I44" s="642"/>
      <c r="J44" s="642"/>
      <c r="K44" s="642"/>
      <c r="L44" s="642"/>
      <c r="M44" s="642"/>
      <c r="N44" s="642"/>
      <c r="O44" s="642"/>
      <c r="P44" s="642"/>
      <c r="Q44" s="643"/>
      <c r="R44" s="644">
        <v>2230290510</v>
      </c>
      <c r="S44" s="679"/>
      <c r="T44" s="679"/>
      <c r="U44" s="679"/>
      <c r="V44" s="679"/>
      <c r="W44" s="679"/>
      <c r="X44" s="679"/>
      <c r="Y44" s="680"/>
      <c r="Z44" s="681">
        <v>100</v>
      </c>
      <c r="AA44" s="681"/>
      <c r="AB44" s="681"/>
      <c r="AC44" s="681"/>
      <c r="AD44" s="682">
        <v>978026650</v>
      </c>
      <c r="AE44" s="682"/>
      <c r="AF44" s="682"/>
      <c r="AG44" s="682"/>
      <c r="AH44" s="682"/>
      <c r="AI44" s="682"/>
      <c r="AJ44" s="682"/>
      <c r="AK44" s="682"/>
      <c r="AL44" s="647">
        <v>100</v>
      </c>
      <c r="AM44" s="683"/>
      <c r="AN44" s="683"/>
      <c r="AO44" s="684"/>
      <c r="CD44" s="685" t="s">
        <v>300</v>
      </c>
      <c r="CE44" s="686"/>
      <c r="CF44" s="661" t="s">
        <v>355</v>
      </c>
      <c r="CG44" s="662"/>
      <c r="CH44" s="662"/>
      <c r="CI44" s="662"/>
      <c r="CJ44" s="662"/>
      <c r="CK44" s="662"/>
      <c r="CL44" s="662"/>
      <c r="CM44" s="662"/>
      <c r="CN44" s="662"/>
      <c r="CO44" s="662"/>
      <c r="CP44" s="662"/>
      <c r="CQ44" s="663"/>
      <c r="CR44" s="664">
        <v>315899623</v>
      </c>
      <c r="CS44" s="665"/>
      <c r="CT44" s="665"/>
      <c r="CU44" s="665"/>
      <c r="CV44" s="665"/>
      <c r="CW44" s="665"/>
      <c r="CX44" s="665"/>
      <c r="CY44" s="666"/>
      <c r="CZ44" s="667">
        <v>14.3</v>
      </c>
      <c r="DA44" s="668"/>
      <c r="DB44" s="668"/>
      <c r="DC44" s="669"/>
      <c r="DD44" s="670">
        <v>83561723</v>
      </c>
      <c r="DE44" s="665"/>
      <c r="DF44" s="665"/>
      <c r="DG44" s="665"/>
      <c r="DH44" s="665"/>
      <c r="DI44" s="665"/>
      <c r="DJ44" s="665"/>
      <c r="DK44" s="666"/>
      <c r="DL44" s="671"/>
      <c r="DM44" s="672"/>
      <c r="DN44" s="672"/>
      <c r="DO44" s="672"/>
      <c r="DP44" s="672"/>
      <c r="DQ44" s="672"/>
      <c r="DR44" s="672"/>
      <c r="DS44" s="672"/>
      <c r="DT44" s="672"/>
      <c r="DU44" s="672"/>
      <c r="DV44" s="673"/>
      <c r="DW44" s="657"/>
      <c r="DX44" s="658"/>
      <c r="DY44" s="658"/>
      <c r="DZ44" s="658"/>
      <c r="EA44" s="658"/>
      <c r="EB44" s="658"/>
      <c r="EC44" s="659"/>
    </row>
    <row r="45" spans="2:133" ht="11.25" customHeight="1" x14ac:dyDescent="0.2">
      <c r="B45" s="225"/>
      <c r="C45" s="225"/>
      <c r="D45" s="225"/>
      <c r="E45" s="225"/>
      <c r="F45" s="225"/>
      <c r="G45" s="225"/>
      <c r="H45" s="225"/>
      <c r="I45" s="225"/>
      <c r="J45" s="225"/>
      <c r="K45" s="225"/>
      <c r="L45" s="225"/>
      <c r="M45" s="225"/>
      <c r="N45" s="225"/>
      <c r="O45" s="225"/>
      <c r="P45" s="225"/>
      <c r="Q45" s="225"/>
      <c r="R45" s="225"/>
      <c r="S45" s="225"/>
      <c r="T45" s="225"/>
      <c r="U45" s="225"/>
      <c r="V45" s="225"/>
      <c r="W45" s="225"/>
      <c r="X45" s="225"/>
      <c r="Y45" s="225"/>
      <c r="Z45" s="225"/>
      <c r="AA45" s="225"/>
      <c r="AB45" s="225"/>
      <c r="AC45" s="225"/>
      <c r="AD45" s="225"/>
      <c r="AE45" s="225"/>
      <c r="AF45" s="225"/>
      <c r="AG45" s="225"/>
      <c r="AH45" s="225"/>
      <c r="AI45" s="225"/>
      <c r="AJ45" s="225"/>
      <c r="AK45" s="225"/>
      <c r="AL45" s="225"/>
      <c r="AM45" s="225"/>
      <c r="AN45" s="225"/>
      <c r="AO45" s="225"/>
      <c r="CD45" s="687"/>
      <c r="CE45" s="688"/>
      <c r="CF45" s="661" t="s">
        <v>356</v>
      </c>
      <c r="CG45" s="662"/>
      <c r="CH45" s="662"/>
      <c r="CI45" s="662"/>
      <c r="CJ45" s="662"/>
      <c r="CK45" s="662"/>
      <c r="CL45" s="662"/>
      <c r="CM45" s="662"/>
      <c r="CN45" s="662"/>
      <c r="CO45" s="662"/>
      <c r="CP45" s="662"/>
      <c r="CQ45" s="663"/>
      <c r="CR45" s="664">
        <v>69014814</v>
      </c>
      <c r="CS45" s="675"/>
      <c r="CT45" s="675"/>
      <c r="CU45" s="675"/>
      <c r="CV45" s="675"/>
      <c r="CW45" s="675"/>
      <c r="CX45" s="675"/>
      <c r="CY45" s="676"/>
      <c r="CZ45" s="667">
        <v>3.1</v>
      </c>
      <c r="DA45" s="677"/>
      <c r="DB45" s="677"/>
      <c r="DC45" s="678"/>
      <c r="DD45" s="670">
        <v>5799754</v>
      </c>
      <c r="DE45" s="675"/>
      <c r="DF45" s="675"/>
      <c r="DG45" s="675"/>
      <c r="DH45" s="675"/>
      <c r="DI45" s="675"/>
      <c r="DJ45" s="675"/>
      <c r="DK45" s="676"/>
      <c r="DL45" s="671"/>
      <c r="DM45" s="672"/>
      <c r="DN45" s="672"/>
      <c r="DO45" s="672"/>
      <c r="DP45" s="672"/>
      <c r="DQ45" s="672"/>
      <c r="DR45" s="672"/>
      <c r="DS45" s="672"/>
      <c r="DT45" s="672"/>
      <c r="DU45" s="672"/>
      <c r="DV45" s="673"/>
      <c r="DW45" s="657"/>
      <c r="DX45" s="658"/>
      <c r="DY45" s="658"/>
      <c r="DZ45" s="658"/>
      <c r="EA45" s="658"/>
      <c r="EB45" s="658"/>
      <c r="EC45" s="659"/>
    </row>
    <row r="46" spans="2:133" ht="11.25" customHeight="1" x14ac:dyDescent="0.2">
      <c r="B46" s="226" t="s">
        <v>357</v>
      </c>
      <c r="C46" s="226"/>
      <c r="D46" s="226"/>
      <c r="E46" s="226"/>
      <c r="F46" s="226"/>
      <c r="G46" s="226"/>
      <c r="H46" s="226"/>
      <c r="I46" s="226"/>
      <c r="J46" s="226"/>
      <c r="K46" s="226"/>
      <c r="L46" s="226"/>
      <c r="M46" s="226"/>
      <c r="N46" s="226"/>
      <c r="O46" s="226"/>
      <c r="P46" s="226"/>
      <c r="Q46" s="226"/>
      <c r="R46" s="226"/>
      <c r="S46" s="226"/>
      <c r="T46" s="226"/>
      <c r="U46" s="226"/>
      <c r="V46" s="226"/>
      <c r="W46" s="226"/>
      <c r="X46" s="226"/>
      <c r="Y46" s="226"/>
      <c r="Z46" s="226"/>
      <c r="AA46" s="226"/>
      <c r="AB46" s="226"/>
      <c r="AC46" s="226"/>
      <c r="AD46" s="226"/>
      <c r="AE46" s="226"/>
      <c r="AF46" s="226"/>
      <c r="AG46" s="226"/>
      <c r="AH46" s="226"/>
      <c r="AI46" s="226"/>
      <c r="AJ46" s="226"/>
      <c r="AK46" s="226"/>
      <c r="AL46" s="226"/>
      <c r="AM46" s="226"/>
      <c r="AN46" s="226"/>
      <c r="AO46" s="226"/>
      <c r="CD46" s="687"/>
      <c r="CE46" s="688"/>
      <c r="CF46" s="661" t="s">
        <v>358</v>
      </c>
      <c r="CG46" s="662"/>
      <c r="CH46" s="662"/>
      <c r="CI46" s="662"/>
      <c r="CJ46" s="662"/>
      <c r="CK46" s="662"/>
      <c r="CL46" s="662"/>
      <c r="CM46" s="662"/>
      <c r="CN46" s="662"/>
      <c r="CO46" s="662"/>
      <c r="CP46" s="662"/>
      <c r="CQ46" s="663"/>
      <c r="CR46" s="664">
        <v>228669087</v>
      </c>
      <c r="CS46" s="665"/>
      <c r="CT46" s="665"/>
      <c r="CU46" s="665"/>
      <c r="CV46" s="665"/>
      <c r="CW46" s="665"/>
      <c r="CX46" s="665"/>
      <c r="CY46" s="666"/>
      <c r="CZ46" s="667">
        <v>10.4</v>
      </c>
      <c r="DA46" s="668"/>
      <c r="DB46" s="668"/>
      <c r="DC46" s="669"/>
      <c r="DD46" s="670">
        <v>77421140</v>
      </c>
      <c r="DE46" s="665"/>
      <c r="DF46" s="665"/>
      <c r="DG46" s="665"/>
      <c r="DH46" s="665"/>
      <c r="DI46" s="665"/>
      <c r="DJ46" s="665"/>
      <c r="DK46" s="666"/>
      <c r="DL46" s="671"/>
      <c r="DM46" s="672"/>
      <c r="DN46" s="672"/>
      <c r="DO46" s="672"/>
      <c r="DP46" s="672"/>
      <c r="DQ46" s="672"/>
      <c r="DR46" s="672"/>
      <c r="DS46" s="672"/>
      <c r="DT46" s="672"/>
      <c r="DU46" s="672"/>
      <c r="DV46" s="673"/>
      <c r="DW46" s="657"/>
      <c r="DX46" s="658"/>
      <c r="DY46" s="658"/>
      <c r="DZ46" s="658"/>
      <c r="EA46" s="658"/>
      <c r="EB46" s="658"/>
      <c r="EC46" s="659"/>
    </row>
    <row r="47" spans="2:133" ht="11.25" customHeight="1" x14ac:dyDescent="0.2">
      <c r="B47" s="674" t="s">
        <v>359</v>
      </c>
      <c r="C47" s="674"/>
      <c r="D47" s="674"/>
      <c r="E47" s="674"/>
      <c r="F47" s="674"/>
      <c r="G47" s="674"/>
      <c r="H47" s="674"/>
      <c r="I47" s="674"/>
      <c r="J47" s="674"/>
      <c r="K47" s="674"/>
      <c r="L47" s="674"/>
      <c r="M47" s="674"/>
      <c r="N47" s="674"/>
      <c r="O47" s="674"/>
      <c r="P47" s="674"/>
      <c r="Q47" s="674"/>
      <c r="R47" s="674"/>
      <c r="S47" s="674"/>
      <c r="T47" s="674"/>
      <c r="U47" s="674"/>
      <c r="V47" s="674"/>
      <c r="W47" s="674"/>
      <c r="X47" s="674"/>
      <c r="Y47" s="674"/>
      <c r="Z47" s="674"/>
      <c r="AA47" s="674"/>
      <c r="AB47" s="674"/>
      <c r="AC47" s="674"/>
      <c r="AD47" s="674"/>
      <c r="AE47" s="674"/>
      <c r="AF47" s="674"/>
      <c r="AG47" s="674"/>
      <c r="AH47" s="674"/>
      <c r="AI47" s="674"/>
      <c r="AJ47" s="674"/>
      <c r="AK47" s="674"/>
      <c r="AL47" s="674"/>
      <c r="AM47" s="674"/>
      <c r="AN47" s="674"/>
      <c r="AO47" s="674"/>
      <c r="AP47" s="674"/>
      <c r="AQ47" s="674"/>
      <c r="AR47" s="674"/>
      <c r="AS47" s="674"/>
      <c r="AT47" s="674"/>
      <c r="AU47" s="674"/>
      <c r="AV47" s="674"/>
      <c r="AW47" s="674"/>
      <c r="AX47" s="674"/>
      <c r="AY47" s="674"/>
      <c r="AZ47" s="674"/>
      <c r="BA47" s="674"/>
      <c r="BB47" s="674"/>
      <c r="BC47" s="674"/>
      <c r="BD47" s="674"/>
      <c r="BE47" s="674"/>
      <c r="BF47" s="674"/>
      <c r="BG47" s="674"/>
      <c r="BH47" s="674"/>
      <c r="BI47" s="674"/>
      <c r="BJ47" s="674"/>
      <c r="BK47" s="674"/>
      <c r="BL47" s="674"/>
      <c r="BM47" s="674"/>
      <c r="BN47" s="674"/>
      <c r="BO47" s="674"/>
      <c r="BP47" s="674"/>
      <c r="BQ47" s="674"/>
      <c r="BR47" s="674"/>
      <c r="BS47" s="674"/>
      <c r="BT47" s="674"/>
      <c r="BU47" s="674"/>
      <c r="BV47" s="674"/>
      <c r="BW47" s="674"/>
      <c r="BX47" s="674"/>
      <c r="BY47" s="674"/>
      <c r="BZ47" s="674"/>
      <c r="CA47" s="674"/>
      <c r="CB47" s="674"/>
      <c r="CD47" s="687"/>
      <c r="CE47" s="688"/>
      <c r="CF47" s="661" t="s">
        <v>360</v>
      </c>
      <c r="CG47" s="662"/>
      <c r="CH47" s="662"/>
      <c r="CI47" s="662"/>
      <c r="CJ47" s="662"/>
      <c r="CK47" s="662"/>
      <c r="CL47" s="662"/>
      <c r="CM47" s="662"/>
      <c r="CN47" s="662"/>
      <c r="CO47" s="662"/>
      <c r="CP47" s="662"/>
      <c r="CQ47" s="663"/>
      <c r="CR47" s="664" t="s">
        <v>242</v>
      </c>
      <c r="CS47" s="675"/>
      <c r="CT47" s="675"/>
      <c r="CU47" s="675"/>
      <c r="CV47" s="675"/>
      <c r="CW47" s="675"/>
      <c r="CX47" s="675"/>
      <c r="CY47" s="676"/>
      <c r="CZ47" s="667" t="s">
        <v>129</v>
      </c>
      <c r="DA47" s="677"/>
      <c r="DB47" s="677"/>
      <c r="DC47" s="678"/>
      <c r="DD47" s="670" t="s">
        <v>129</v>
      </c>
      <c r="DE47" s="675"/>
      <c r="DF47" s="675"/>
      <c r="DG47" s="675"/>
      <c r="DH47" s="675"/>
      <c r="DI47" s="675"/>
      <c r="DJ47" s="675"/>
      <c r="DK47" s="676"/>
      <c r="DL47" s="671"/>
      <c r="DM47" s="672"/>
      <c r="DN47" s="672"/>
      <c r="DO47" s="672"/>
      <c r="DP47" s="672"/>
      <c r="DQ47" s="672"/>
      <c r="DR47" s="672"/>
      <c r="DS47" s="672"/>
      <c r="DT47" s="672"/>
      <c r="DU47" s="672"/>
      <c r="DV47" s="673"/>
      <c r="DW47" s="657"/>
      <c r="DX47" s="658"/>
      <c r="DY47" s="658"/>
      <c r="DZ47" s="658"/>
      <c r="EA47" s="658"/>
      <c r="EB47" s="658"/>
      <c r="EC47" s="659"/>
    </row>
    <row r="48" spans="2:133" ht="10.8" x14ac:dyDescent="0.2">
      <c r="B48" s="660" t="s">
        <v>361</v>
      </c>
      <c r="C48" s="660"/>
      <c r="D48" s="660"/>
      <c r="E48" s="660"/>
      <c r="F48" s="660"/>
      <c r="G48" s="660"/>
      <c r="H48" s="660"/>
      <c r="I48" s="660"/>
      <c r="J48" s="660"/>
      <c r="K48" s="660"/>
      <c r="L48" s="660"/>
      <c r="M48" s="660"/>
      <c r="N48" s="660"/>
      <c r="O48" s="660"/>
      <c r="P48" s="660"/>
      <c r="Q48" s="660"/>
      <c r="R48" s="660"/>
      <c r="S48" s="660"/>
      <c r="T48" s="660"/>
      <c r="U48" s="660"/>
      <c r="V48" s="660"/>
      <c r="W48" s="660"/>
      <c r="X48" s="660"/>
      <c r="Y48" s="660"/>
      <c r="Z48" s="660"/>
      <c r="AA48" s="660"/>
      <c r="AB48" s="660"/>
      <c r="AC48" s="660"/>
      <c r="AD48" s="660"/>
      <c r="AE48" s="660"/>
      <c r="AF48" s="660"/>
      <c r="AG48" s="660"/>
      <c r="AH48" s="660"/>
      <c r="AI48" s="660"/>
      <c r="AJ48" s="660"/>
      <c r="AK48" s="660"/>
      <c r="AL48" s="660"/>
      <c r="AM48" s="660"/>
      <c r="AN48" s="660"/>
      <c r="AO48" s="660"/>
      <c r="AP48" s="660"/>
      <c r="AQ48" s="660"/>
      <c r="AR48" s="660"/>
      <c r="AS48" s="660"/>
      <c r="AT48" s="660"/>
      <c r="AU48" s="660"/>
      <c r="AV48" s="660"/>
      <c r="AW48" s="660"/>
      <c r="AX48" s="660"/>
      <c r="AY48" s="660"/>
      <c r="AZ48" s="660"/>
      <c r="BA48" s="660"/>
      <c r="BB48" s="660"/>
      <c r="BC48" s="660"/>
      <c r="BD48" s="660"/>
      <c r="BE48" s="660"/>
      <c r="BF48" s="660"/>
      <c r="BG48" s="660"/>
      <c r="BH48" s="660"/>
      <c r="BI48" s="660"/>
      <c r="BJ48" s="660"/>
      <c r="BK48" s="660"/>
      <c r="BL48" s="660"/>
      <c r="BM48" s="660"/>
      <c r="BN48" s="660"/>
      <c r="BO48" s="660"/>
      <c r="BP48" s="660"/>
      <c r="BQ48" s="660"/>
      <c r="BR48" s="660"/>
      <c r="BS48" s="660"/>
      <c r="BT48" s="660"/>
      <c r="BU48" s="660"/>
      <c r="BV48" s="660"/>
      <c r="BW48" s="660"/>
      <c r="BX48" s="660"/>
      <c r="BY48" s="660"/>
      <c r="BZ48" s="660"/>
      <c r="CA48" s="660"/>
      <c r="CB48" s="660"/>
      <c r="CD48" s="689"/>
      <c r="CE48" s="690"/>
      <c r="CF48" s="661" t="s">
        <v>362</v>
      </c>
      <c r="CG48" s="662"/>
      <c r="CH48" s="662"/>
      <c r="CI48" s="662"/>
      <c r="CJ48" s="662"/>
      <c r="CK48" s="662"/>
      <c r="CL48" s="662"/>
      <c r="CM48" s="662"/>
      <c r="CN48" s="662"/>
      <c r="CO48" s="662"/>
      <c r="CP48" s="662"/>
      <c r="CQ48" s="663"/>
      <c r="CR48" s="664" t="s">
        <v>242</v>
      </c>
      <c r="CS48" s="665"/>
      <c r="CT48" s="665"/>
      <c r="CU48" s="665"/>
      <c r="CV48" s="665"/>
      <c r="CW48" s="665"/>
      <c r="CX48" s="665"/>
      <c r="CY48" s="666"/>
      <c r="CZ48" s="667" t="s">
        <v>129</v>
      </c>
      <c r="DA48" s="668"/>
      <c r="DB48" s="668"/>
      <c r="DC48" s="669"/>
      <c r="DD48" s="670" t="s">
        <v>242</v>
      </c>
      <c r="DE48" s="665"/>
      <c r="DF48" s="665"/>
      <c r="DG48" s="665"/>
      <c r="DH48" s="665"/>
      <c r="DI48" s="665"/>
      <c r="DJ48" s="665"/>
      <c r="DK48" s="666"/>
      <c r="DL48" s="671"/>
      <c r="DM48" s="672"/>
      <c r="DN48" s="672"/>
      <c r="DO48" s="672"/>
      <c r="DP48" s="672"/>
      <c r="DQ48" s="672"/>
      <c r="DR48" s="672"/>
      <c r="DS48" s="672"/>
      <c r="DT48" s="672"/>
      <c r="DU48" s="672"/>
      <c r="DV48" s="673"/>
      <c r="DW48" s="657"/>
      <c r="DX48" s="658"/>
      <c r="DY48" s="658"/>
      <c r="DZ48" s="658"/>
      <c r="EA48" s="658"/>
      <c r="EB48" s="658"/>
      <c r="EC48" s="659"/>
    </row>
    <row r="49" spans="2:133" ht="11.25" customHeight="1" x14ac:dyDescent="0.2">
      <c r="B49" s="227"/>
      <c r="C49" s="226"/>
      <c r="D49" s="226"/>
      <c r="E49" s="226"/>
      <c r="F49" s="226"/>
      <c r="G49" s="226"/>
      <c r="H49" s="226"/>
      <c r="I49" s="226"/>
      <c r="J49" s="226"/>
      <c r="K49" s="226"/>
      <c r="L49" s="226"/>
      <c r="M49" s="226"/>
      <c r="N49" s="226"/>
      <c r="O49" s="226"/>
      <c r="P49" s="226"/>
      <c r="Q49" s="226"/>
      <c r="R49" s="226"/>
      <c r="S49" s="226"/>
      <c r="T49" s="226"/>
      <c r="U49" s="226"/>
      <c r="V49" s="226"/>
      <c r="W49" s="226"/>
      <c r="X49" s="226"/>
      <c r="Y49" s="226"/>
      <c r="Z49" s="226"/>
      <c r="AA49" s="226"/>
      <c r="AB49" s="226"/>
      <c r="AC49" s="226"/>
      <c r="AD49" s="226"/>
      <c r="AE49" s="226"/>
      <c r="AF49" s="226"/>
      <c r="AG49" s="226"/>
      <c r="AH49" s="226"/>
      <c r="AI49" s="226"/>
      <c r="AJ49" s="226"/>
      <c r="AK49" s="226"/>
      <c r="AL49" s="226"/>
      <c r="AM49" s="226"/>
      <c r="AN49" s="226"/>
      <c r="AO49" s="226"/>
      <c r="CD49" s="641" t="s">
        <v>363</v>
      </c>
      <c r="CE49" s="642"/>
      <c r="CF49" s="642"/>
      <c r="CG49" s="642"/>
      <c r="CH49" s="642"/>
      <c r="CI49" s="642"/>
      <c r="CJ49" s="642"/>
      <c r="CK49" s="642"/>
      <c r="CL49" s="642"/>
      <c r="CM49" s="642"/>
      <c r="CN49" s="642"/>
      <c r="CO49" s="642"/>
      <c r="CP49" s="642"/>
      <c r="CQ49" s="643"/>
      <c r="CR49" s="644">
        <v>2202642428</v>
      </c>
      <c r="CS49" s="645"/>
      <c r="CT49" s="645"/>
      <c r="CU49" s="645"/>
      <c r="CV49" s="645"/>
      <c r="CW49" s="645"/>
      <c r="CX49" s="645"/>
      <c r="CY49" s="646"/>
      <c r="CZ49" s="647">
        <v>100</v>
      </c>
      <c r="DA49" s="648"/>
      <c r="DB49" s="648"/>
      <c r="DC49" s="649"/>
      <c r="DD49" s="650">
        <v>1160927955</v>
      </c>
      <c r="DE49" s="645"/>
      <c r="DF49" s="645"/>
      <c r="DG49" s="645"/>
      <c r="DH49" s="645"/>
      <c r="DI49" s="645"/>
      <c r="DJ49" s="645"/>
      <c r="DK49" s="646"/>
      <c r="DL49" s="651"/>
      <c r="DM49" s="652"/>
      <c r="DN49" s="652"/>
      <c r="DO49" s="652"/>
      <c r="DP49" s="652"/>
      <c r="DQ49" s="652"/>
      <c r="DR49" s="652"/>
      <c r="DS49" s="652"/>
      <c r="DT49" s="652"/>
      <c r="DU49" s="652"/>
      <c r="DV49" s="653"/>
      <c r="DW49" s="654"/>
      <c r="DX49" s="655"/>
      <c r="DY49" s="655"/>
      <c r="DZ49" s="655"/>
      <c r="EA49" s="655"/>
      <c r="EB49" s="655"/>
      <c r="EC49" s="656"/>
    </row>
    <row r="50" spans="2:133" ht="10.8" hidden="1" x14ac:dyDescent="0.2">
      <c r="B50" s="228"/>
      <c r="C50" s="225"/>
      <c r="D50" s="225"/>
      <c r="E50" s="225"/>
      <c r="F50" s="225"/>
      <c r="G50" s="225"/>
      <c r="H50" s="225"/>
      <c r="I50" s="225"/>
      <c r="J50" s="225"/>
      <c r="K50" s="225"/>
      <c r="L50" s="225"/>
      <c r="M50" s="225"/>
      <c r="N50" s="225"/>
      <c r="O50" s="225"/>
      <c r="P50" s="225"/>
      <c r="Q50" s="225"/>
      <c r="R50" s="225"/>
      <c r="S50" s="225"/>
      <c r="T50" s="225"/>
      <c r="U50" s="225"/>
      <c r="V50" s="225"/>
      <c r="W50" s="225"/>
      <c r="X50" s="225"/>
      <c r="Y50" s="225"/>
      <c r="Z50" s="225"/>
      <c r="AA50" s="225"/>
      <c r="AB50" s="225"/>
      <c r="AC50" s="225"/>
      <c r="AD50" s="225"/>
      <c r="AE50" s="225"/>
      <c r="AF50" s="225"/>
      <c r="AG50" s="225"/>
      <c r="AH50" s="225"/>
      <c r="AI50" s="225"/>
      <c r="AJ50" s="225"/>
      <c r="AK50" s="225"/>
      <c r="AL50" s="225"/>
      <c r="AM50" s="225"/>
      <c r="AN50" s="225"/>
      <c r="AO50" s="225"/>
    </row>
  </sheetData>
  <sheetProtection password="C5BB"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8" scale="92"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34" customWidth="1"/>
    <col min="131" max="131" width="1.6640625" style="234" customWidth="1"/>
    <col min="132" max="16384" width="9" style="234" hidden="1"/>
  </cols>
  <sheetData>
    <row r="1" spans="1:131" ht="11.25" customHeight="1" thickBot="1" x14ac:dyDescent="0.25">
      <c r="A1" s="230"/>
      <c r="B1" s="230"/>
      <c r="C1" s="230"/>
      <c r="D1" s="230"/>
      <c r="E1" s="230"/>
      <c r="F1" s="230"/>
      <c r="G1" s="230"/>
      <c r="H1" s="230"/>
      <c r="I1" s="230"/>
      <c r="J1" s="230"/>
      <c r="K1" s="230"/>
      <c r="L1" s="230"/>
      <c r="M1" s="230"/>
      <c r="N1" s="231"/>
      <c r="O1" s="231"/>
      <c r="P1" s="231"/>
      <c r="Q1" s="231"/>
      <c r="R1" s="231"/>
      <c r="S1" s="231"/>
      <c r="T1" s="231"/>
      <c r="U1" s="231"/>
      <c r="V1" s="231"/>
      <c r="W1" s="231"/>
      <c r="X1" s="231"/>
      <c r="Y1" s="231"/>
      <c r="Z1" s="231"/>
      <c r="AA1" s="231"/>
      <c r="AB1" s="231"/>
      <c r="AC1" s="231"/>
      <c r="AD1" s="231"/>
      <c r="AE1" s="231"/>
      <c r="AF1" s="231"/>
      <c r="AG1" s="231"/>
      <c r="AH1" s="231"/>
      <c r="AI1" s="231"/>
      <c r="AJ1" s="231"/>
      <c r="AK1" s="231"/>
      <c r="AL1" s="231"/>
      <c r="AM1" s="231"/>
      <c r="AN1" s="231"/>
      <c r="AO1" s="231"/>
      <c r="AP1" s="231"/>
      <c r="AQ1" s="231"/>
      <c r="AR1" s="231"/>
      <c r="AS1" s="231"/>
      <c r="AT1" s="231"/>
      <c r="AU1" s="231"/>
      <c r="AV1" s="231"/>
      <c r="AW1" s="231"/>
      <c r="AX1" s="231"/>
      <c r="AY1" s="231"/>
      <c r="AZ1" s="231"/>
      <c r="BA1" s="231"/>
      <c r="BB1" s="231"/>
      <c r="BC1" s="231"/>
      <c r="BD1" s="231"/>
      <c r="BE1" s="231"/>
      <c r="BF1" s="231"/>
      <c r="BG1" s="231"/>
      <c r="BH1" s="231"/>
      <c r="BI1" s="231"/>
      <c r="BJ1" s="231"/>
      <c r="BK1" s="231"/>
      <c r="BL1" s="231"/>
      <c r="BM1" s="231"/>
      <c r="BN1" s="231"/>
      <c r="BO1" s="231"/>
      <c r="BP1" s="231"/>
      <c r="BQ1" s="231"/>
      <c r="BR1" s="231"/>
      <c r="BS1" s="231"/>
      <c r="BT1" s="231"/>
      <c r="BU1" s="231"/>
      <c r="BV1" s="231"/>
      <c r="BW1" s="231"/>
      <c r="BX1" s="231"/>
      <c r="BY1" s="231"/>
      <c r="BZ1" s="231"/>
      <c r="CA1" s="231"/>
      <c r="CB1" s="231"/>
      <c r="CC1" s="231"/>
      <c r="CD1" s="231"/>
      <c r="CE1" s="231"/>
      <c r="CF1" s="231"/>
      <c r="CG1" s="231"/>
      <c r="CH1" s="231"/>
      <c r="CI1" s="231"/>
      <c r="CJ1" s="231"/>
      <c r="CK1" s="231"/>
      <c r="CL1" s="231"/>
      <c r="CM1" s="231"/>
      <c r="CN1" s="231"/>
      <c r="CO1" s="231"/>
      <c r="CP1" s="231"/>
      <c r="CQ1" s="231"/>
      <c r="CR1" s="231"/>
      <c r="CS1" s="231"/>
      <c r="CT1" s="231"/>
      <c r="CU1" s="231"/>
      <c r="CV1" s="231"/>
      <c r="CW1" s="231"/>
      <c r="CX1" s="231"/>
      <c r="CY1" s="231"/>
      <c r="CZ1" s="231"/>
      <c r="DA1" s="231"/>
      <c r="DB1" s="231"/>
      <c r="DC1" s="231"/>
      <c r="DD1" s="231"/>
      <c r="DE1" s="231"/>
      <c r="DF1" s="231"/>
      <c r="DG1" s="231"/>
      <c r="DH1" s="231"/>
      <c r="DI1" s="231"/>
      <c r="DJ1" s="231"/>
      <c r="DK1" s="231"/>
      <c r="DL1" s="231"/>
      <c r="DM1" s="231"/>
      <c r="DN1" s="231"/>
      <c r="DO1" s="231"/>
      <c r="DP1" s="231"/>
      <c r="DQ1" s="232"/>
      <c r="DR1" s="232"/>
      <c r="DS1" s="232"/>
      <c r="DT1" s="232"/>
      <c r="DU1" s="232"/>
      <c r="DV1" s="232"/>
      <c r="DW1" s="232"/>
      <c r="DX1" s="232"/>
      <c r="DY1" s="232"/>
      <c r="DZ1" s="232"/>
      <c r="EA1" s="233"/>
    </row>
    <row r="2" spans="1:131" ht="26.25" customHeight="1" thickBot="1" x14ac:dyDescent="0.25">
      <c r="A2" s="1154" t="s">
        <v>364</v>
      </c>
      <c r="B2" s="1154"/>
      <c r="C2" s="1154"/>
      <c r="D2" s="1154"/>
      <c r="E2" s="1154"/>
      <c r="F2" s="1154"/>
      <c r="G2" s="1154"/>
      <c r="H2" s="1154"/>
      <c r="I2" s="1154"/>
      <c r="J2" s="1154"/>
      <c r="K2" s="1154"/>
      <c r="L2" s="1154"/>
      <c r="M2" s="1154"/>
      <c r="N2" s="1154"/>
      <c r="O2" s="1154"/>
      <c r="P2" s="1154"/>
      <c r="Q2" s="1154"/>
      <c r="R2" s="1154"/>
      <c r="S2" s="1154"/>
      <c r="T2" s="1154"/>
      <c r="U2" s="1154"/>
      <c r="V2" s="1154"/>
      <c r="W2" s="1154"/>
      <c r="X2" s="1154"/>
      <c r="Y2" s="1154"/>
      <c r="Z2" s="1154"/>
      <c r="AA2" s="1154"/>
      <c r="AB2" s="1154"/>
      <c r="AC2" s="1154"/>
      <c r="AD2" s="1154"/>
      <c r="AE2" s="1154"/>
      <c r="AF2" s="1154"/>
      <c r="AG2" s="1154"/>
      <c r="AH2" s="1154"/>
      <c r="AI2" s="1154"/>
      <c r="AJ2" s="1154"/>
      <c r="AK2" s="1154"/>
      <c r="AL2" s="1154"/>
      <c r="AM2" s="1154"/>
      <c r="AN2" s="1154"/>
      <c r="AO2" s="1154"/>
      <c r="AP2" s="1154"/>
      <c r="AQ2" s="1154"/>
      <c r="AR2" s="1154"/>
      <c r="AS2" s="1154"/>
      <c r="AT2" s="1154"/>
      <c r="AU2" s="1154"/>
      <c r="AV2" s="1154"/>
      <c r="AW2" s="1154"/>
      <c r="AX2" s="1154"/>
      <c r="AY2" s="1154"/>
      <c r="AZ2" s="1154"/>
      <c r="BA2" s="1154"/>
      <c r="BB2" s="1154"/>
      <c r="BC2" s="1154"/>
      <c r="BD2" s="1154"/>
      <c r="BE2" s="1154"/>
      <c r="BF2" s="1154"/>
      <c r="BG2" s="1154"/>
      <c r="BH2" s="1154"/>
      <c r="BI2" s="1154"/>
      <c r="BJ2" s="231"/>
      <c r="BK2" s="231"/>
      <c r="BL2" s="231"/>
      <c r="BM2" s="231"/>
      <c r="BN2" s="231"/>
      <c r="BO2" s="231"/>
      <c r="BP2" s="231"/>
      <c r="BQ2" s="231"/>
      <c r="BR2" s="231"/>
      <c r="BS2" s="231"/>
      <c r="BT2" s="231"/>
      <c r="BU2" s="231"/>
      <c r="BV2" s="231"/>
      <c r="BW2" s="231"/>
      <c r="BX2" s="231"/>
      <c r="BY2" s="231"/>
      <c r="BZ2" s="231"/>
      <c r="CA2" s="231"/>
      <c r="CB2" s="231"/>
      <c r="CC2" s="231"/>
      <c r="CD2" s="231"/>
      <c r="CE2" s="231"/>
      <c r="CF2" s="231"/>
      <c r="CG2" s="231"/>
      <c r="CH2" s="231"/>
      <c r="CI2" s="231"/>
      <c r="CJ2" s="231"/>
      <c r="CK2" s="231"/>
      <c r="CL2" s="231"/>
      <c r="CM2" s="231"/>
      <c r="CN2" s="231"/>
      <c r="CO2" s="231"/>
      <c r="CP2" s="231"/>
      <c r="CQ2" s="231"/>
      <c r="CR2" s="231"/>
      <c r="CS2" s="231"/>
      <c r="CT2" s="231"/>
      <c r="CU2" s="231"/>
      <c r="CV2" s="231"/>
      <c r="CW2" s="231"/>
      <c r="CX2" s="231"/>
      <c r="CY2" s="231"/>
      <c r="CZ2" s="231"/>
      <c r="DA2" s="231"/>
      <c r="DB2" s="231"/>
      <c r="DC2" s="231"/>
      <c r="DD2" s="231"/>
      <c r="DE2" s="231"/>
      <c r="DF2" s="231"/>
      <c r="DG2" s="231"/>
      <c r="DH2" s="231"/>
      <c r="DI2" s="231"/>
      <c r="DJ2" s="1155" t="s">
        <v>365</v>
      </c>
      <c r="DK2" s="1156"/>
      <c r="DL2" s="1156"/>
      <c r="DM2" s="1156"/>
      <c r="DN2" s="1156"/>
      <c r="DO2" s="1157"/>
      <c r="DP2" s="231"/>
      <c r="DQ2" s="1155" t="s">
        <v>366</v>
      </c>
      <c r="DR2" s="1156"/>
      <c r="DS2" s="1156"/>
      <c r="DT2" s="1156"/>
      <c r="DU2" s="1156"/>
      <c r="DV2" s="1156"/>
      <c r="DW2" s="1156"/>
      <c r="DX2" s="1156"/>
      <c r="DY2" s="1156"/>
      <c r="DZ2" s="1157"/>
      <c r="EA2" s="233"/>
    </row>
    <row r="3" spans="1:131" ht="11.25" customHeight="1" x14ac:dyDescent="0.2">
      <c r="A3" s="231"/>
      <c r="B3" s="231"/>
      <c r="C3" s="231"/>
      <c r="D3" s="231"/>
      <c r="E3" s="231"/>
      <c r="F3" s="231"/>
      <c r="G3" s="231"/>
      <c r="H3" s="231"/>
      <c r="I3" s="231"/>
      <c r="J3" s="231"/>
      <c r="K3" s="231"/>
      <c r="L3" s="231"/>
      <c r="M3" s="231"/>
      <c r="N3" s="231"/>
      <c r="O3" s="231"/>
      <c r="P3" s="231"/>
      <c r="Q3" s="231"/>
      <c r="R3" s="231"/>
      <c r="S3" s="231"/>
      <c r="T3" s="231"/>
      <c r="U3" s="231"/>
      <c r="V3" s="231"/>
      <c r="W3" s="231"/>
      <c r="X3" s="231"/>
      <c r="Y3" s="231"/>
      <c r="Z3" s="231"/>
      <c r="AA3" s="231"/>
      <c r="AB3" s="231"/>
      <c r="AC3" s="231"/>
      <c r="AD3" s="231"/>
      <c r="AE3" s="231"/>
      <c r="AF3" s="231"/>
      <c r="AG3" s="231"/>
      <c r="AH3" s="231"/>
      <c r="AI3" s="231"/>
      <c r="AJ3" s="231"/>
      <c r="AK3" s="231"/>
      <c r="AL3" s="231"/>
      <c r="AM3" s="231"/>
      <c r="AN3" s="231"/>
      <c r="AO3" s="231"/>
      <c r="AP3" s="231"/>
      <c r="AQ3" s="231"/>
      <c r="AR3" s="231"/>
      <c r="AS3" s="231"/>
      <c r="AT3" s="231"/>
      <c r="AU3" s="231"/>
      <c r="AV3" s="231"/>
      <c r="AW3" s="231"/>
      <c r="AX3" s="231"/>
      <c r="AY3" s="231"/>
      <c r="AZ3" s="231"/>
      <c r="BA3" s="231"/>
      <c r="BB3" s="231"/>
      <c r="BC3" s="231"/>
      <c r="BD3" s="231"/>
      <c r="BE3" s="231"/>
      <c r="BF3" s="231"/>
      <c r="BG3" s="231"/>
      <c r="BH3" s="231"/>
      <c r="BI3" s="231"/>
      <c r="BJ3" s="231"/>
      <c r="BK3" s="231"/>
      <c r="BL3" s="231"/>
      <c r="BM3" s="231"/>
      <c r="BN3" s="231"/>
      <c r="BO3" s="231"/>
      <c r="BP3" s="231"/>
      <c r="BQ3" s="231"/>
      <c r="BR3" s="231"/>
      <c r="BS3" s="231"/>
      <c r="BT3" s="231"/>
      <c r="BU3" s="231"/>
      <c r="BV3" s="231"/>
      <c r="BW3" s="231"/>
      <c r="BX3" s="231"/>
      <c r="BY3" s="231"/>
      <c r="BZ3" s="231"/>
      <c r="CA3" s="231"/>
      <c r="CB3" s="231"/>
      <c r="CC3" s="231"/>
      <c r="CD3" s="231"/>
      <c r="CE3" s="231"/>
      <c r="CF3" s="231"/>
      <c r="CG3" s="231"/>
      <c r="CH3" s="231"/>
      <c r="CI3" s="231"/>
      <c r="CJ3" s="231"/>
      <c r="CK3" s="231"/>
      <c r="CL3" s="231"/>
      <c r="CM3" s="231"/>
      <c r="CN3" s="231"/>
      <c r="CO3" s="231"/>
      <c r="CP3" s="231"/>
      <c r="CQ3" s="231"/>
      <c r="CR3" s="231"/>
      <c r="CS3" s="231"/>
      <c r="CT3" s="231"/>
      <c r="CU3" s="231"/>
      <c r="CV3" s="231"/>
      <c r="CW3" s="231"/>
      <c r="CX3" s="231"/>
      <c r="CY3" s="231"/>
      <c r="CZ3" s="231"/>
      <c r="DA3" s="231"/>
      <c r="DB3" s="231"/>
      <c r="DC3" s="231"/>
      <c r="DD3" s="231"/>
      <c r="DE3" s="231"/>
      <c r="DF3" s="231"/>
      <c r="DG3" s="231"/>
      <c r="DH3" s="231"/>
      <c r="DI3" s="231"/>
      <c r="DJ3" s="231"/>
      <c r="DK3" s="231"/>
      <c r="DL3" s="231"/>
      <c r="DM3" s="231"/>
      <c r="DN3" s="231"/>
      <c r="DO3" s="231"/>
      <c r="DP3" s="231"/>
      <c r="DQ3" s="231"/>
      <c r="DR3" s="231"/>
      <c r="DS3" s="231"/>
      <c r="DT3" s="231"/>
      <c r="DU3" s="231"/>
      <c r="DV3" s="231"/>
      <c r="DW3" s="231"/>
      <c r="DX3" s="231"/>
      <c r="DY3" s="231"/>
      <c r="DZ3" s="231"/>
      <c r="EA3" s="233"/>
    </row>
    <row r="4" spans="1:131" s="238" customFormat="1" ht="26.25" customHeight="1" thickBot="1" x14ac:dyDescent="0.25">
      <c r="A4" s="1123" t="s">
        <v>367</v>
      </c>
      <c r="B4" s="1123"/>
      <c r="C4" s="1123"/>
      <c r="D4" s="1123"/>
      <c r="E4" s="1123"/>
      <c r="F4" s="1123"/>
      <c r="G4" s="1123"/>
      <c r="H4" s="1123"/>
      <c r="I4" s="1123"/>
      <c r="J4" s="1123"/>
      <c r="K4" s="1123"/>
      <c r="L4" s="1123"/>
      <c r="M4" s="1123"/>
      <c r="N4" s="1123"/>
      <c r="O4" s="1123"/>
      <c r="P4" s="1123"/>
      <c r="Q4" s="1123"/>
      <c r="R4" s="1123"/>
      <c r="S4" s="1123"/>
      <c r="T4" s="1123"/>
      <c r="U4" s="1123"/>
      <c r="V4" s="1123"/>
      <c r="W4" s="1123"/>
      <c r="X4" s="1123"/>
      <c r="Y4" s="1123"/>
      <c r="Z4" s="1123"/>
      <c r="AA4" s="1123"/>
      <c r="AB4" s="1123"/>
      <c r="AC4" s="1123"/>
      <c r="AD4" s="1123"/>
      <c r="AE4" s="1123"/>
      <c r="AF4" s="1123"/>
      <c r="AG4" s="1123"/>
      <c r="AH4" s="1123"/>
      <c r="AI4" s="1123"/>
      <c r="AJ4" s="1123"/>
      <c r="AK4" s="1123"/>
      <c r="AL4" s="1123"/>
      <c r="AM4" s="1123"/>
      <c r="AN4" s="1123"/>
      <c r="AO4" s="1123"/>
      <c r="AP4" s="1123"/>
      <c r="AQ4" s="1123"/>
      <c r="AR4" s="1123"/>
      <c r="AS4" s="1123"/>
      <c r="AT4" s="1123"/>
      <c r="AU4" s="1123"/>
      <c r="AV4" s="1123"/>
      <c r="AW4" s="1123"/>
      <c r="AX4" s="1123"/>
      <c r="AY4" s="1123"/>
      <c r="AZ4" s="235"/>
      <c r="BA4" s="235"/>
      <c r="BB4" s="235"/>
      <c r="BC4" s="235"/>
      <c r="BD4" s="235"/>
      <c r="BE4" s="236"/>
      <c r="BF4" s="236"/>
      <c r="BG4" s="236"/>
      <c r="BH4" s="236"/>
      <c r="BI4" s="236"/>
      <c r="BJ4" s="236"/>
      <c r="BK4" s="236"/>
      <c r="BL4" s="236"/>
      <c r="BM4" s="236"/>
      <c r="BN4" s="236"/>
      <c r="BO4" s="236"/>
      <c r="BP4" s="236"/>
      <c r="BQ4" s="794" t="s">
        <v>368</v>
      </c>
      <c r="BR4" s="794"/>
      <c r="BS4" s="794"/>
      <c r="BT4" s="794"/>
      <c r="BU4" s="794"/>
      <c r="BV4" s="794"/>
      <c r="BW4" s="794"/>
      <c r="BX4" s="794"/>
      <c r="BY4" s="794"/>
      <c r="BZ4" s="794"/>
      <c r="CA4" s="794"/>
      <c r="CB4" s="794"/>
      <c r="CC4" s="794"/>
      <c r="CD4" s="794"/>
      <c r="CE4" s="794"/>
      <c r="CF4" s="794"/>
      <c r="CG4" s="794"/>
      <c r="CH4" s="794"/>
      <c r="CI4" s="794"/>
      <c r="CJ4" s="794"/>
      <c r="CK4" s="794"/>
      <c r="CL4" s="794"/>
      <c r="CM4" s="794"/>
      <c r="CN4" s="794"/>
      <c r="CO4" s="794"/>
      <c r="CP4" s="794"/>
      <c r="CQ4" s="794"/>
      <c r="CR4" s="794"/>
      <c r="CS4" s="794"/>
      <c r="CT4" s="794"/>
      <c r="CU4" s="794"/>
      <c r="CV4" s="794"/>
      <c r="CW4" s="794"/>
      <c r="CX4" s="794"/>
      <c r="CY4" s="794"/>
      <c r="CZ4" s="794"/>
      <c r="DA4" s="794"/>
      <c r="DB4" s="794"/>
      <c r="DC4" s="794"/>
      <c r="DD4" s="794"/>
      <c r="DE4" s="794"/>
      <c r="DF4" s="794"/>
      <c r="DG4" s="794"/>
      <c r="DH4" s="794"/>
      <c r="DI4" s="794"/>
      <c r="DJ4" s="794"/>
      <c r="DK4" s="794"/>
      <c r="DL4" s="794"/>
      <c r="DM4" s="794"/>
      <c r="DN4" s="794"/>
      <c r="DO4" s="794"/>
      <c r="DP4" s="794"/>
      <c r="DQ4" s="794"/>
      <c r="DR4" s="794"/>
      <c r="DS4" s="794"/>
      <c r="DT4" s="794"/>
      <c r="DU4" s="794"/>
      <c r="DV4" s="794"/>
      <c r="DW4" s="794"/>
      <c r="DX4" s="794"/>
      <c r="DY4" s="794"/>
      <c r="DZ4" s="794"/>
      <c r="EA4" s="237"/>
    </row>
    <row r="5" spans="1:131" s="238" customFormat="1" ht="26.25" customHeight="1" x14ac:dyDescent="0.2">
      <c r="A5" s="1059" t="s">
        <v>369</v>
      </c>
      <c r="B5" s="1060"/>
      <c r="C5" s="1060"/>
      <c r="D5" s="1060"/>
      <c r="E5" s="1060"/>
      <c r="F5" s="1060"/>
      <c r="G5" s="1060"/>
      <c r="H5" s="1060"/>
      <c r="I5" s="1060"/>
      <c r="J5" s="1060"/>
      <c r="K5" s="1060"/>
      <c r="L5" s="1060"/>
      <c r="M5" s="1060"/>
      <c r="N5" s="1060"/>
      <c r="O5" s="1060"/>
      <c r="P5" s="1061"/>
      <c r="Q5" s="1065" t="s">
        <v>370</v>
      </c>
      <c r="R5" s="1066"/>
      <c r="S5" s="1066"/>
      <c r="T5" s="1066"/>
      <c r="U5" s="1067"/>
      <c r="V5" s="1065" t="s">
        <v>371</v>
      </c>
      <c r="W5" s="1066"/>
      <c r="X5" s="1066"/>
      <c r="Y5" s="1066"/>
      <c r="Z5" s="1067"/>
      <c r="AA5" s="1065" t="s">
        <v>372</v>
      </c>
      <c r="AB5" s="1066"/>
      <c r="AC5" s="1066"/>
      <c r="AD5" s="1066"/>
      <c r="AE5" s="1066"/>
      <c r="AF5" s="1158" t="s">
        <v>373</v>
      </c>
      <c r="AG5" s="1066"/>
      <c r="AH5" s="1066"/>
      <c r="AI5" s="1066"/>
      <c r="AJ5" s="1079"/>
      <c r="AK5" s="1066" t="s">
        <v>374</v>
      </c>
      <c r="AL5" s="1066"/>
      <c r="AM5" s="1066"/>
      <c r="AN5" s="1066"/>
      <c r="AO5" s="1067"/>
      <c r="AP5" s="1065" t="s">
        <v>375</v>
      </c>
      <c r="AQ5" s="1066"/>
      <c r="AR5" s="1066"/>
      <c r="AS5" s="1066"/>
      <c r="AT5" s="1067"/>
      <c r="AU5" s="1065" t="s">
        <v>376</v>
      </c>
      <c r="AV5" s="1066"/>
      <c r="AW5" s="1066"/>
      <c r="AX5" s="1066"/>
      <c r="AY5" s="1079"/>
      <c r="AZ5" s="235"/>
      <c r="BA5" s="235"/>
      <c r="BB5" s="235"/>
      <c r="BC5" s="235"/>
      <c r="BD5" s="235"/>
      <c r="BE5" s="236"/>
      <c r="BF5" s="236"/>
      <c r="BG5" s="236"/>
      <c r="BH5" s="236"/>
      <c r="BI5" s="236"/>
      <c r="BJ5" s="236"/>
      <c r="BK5" s="236"/>
      <c r="BL5" s="236"/>
      <c r="BM5" s="236"/>
      <c r="BN5" s="236"/>
      <c r="BO5" s="236"/>
      <c r="BP5" s="236"/>
      <c r="BQ5" s="1059" t="s">
        <v>377</v>
      </c>
      <c r="BR5" s="1060"/>
      <c r="BS5" s="1060"/>
      <c r="BT5" s="1060"/>
      <c r="BU5" s="1060"/>
      <c r="BV5" s="1060"/>
      <c r="BW5" s="1060"/>
      <c r="BX5" s="1060"/>
      <c r="BY5" s="1060"/>
      <c r="BZ5" s="1060"/>
      <c r="CA5" s="1060"/>
      <c r="CB5" s="1060"/>
      <c r="CC5" s="1060"/>
      <c r="CD5" s="1060"/>
      <c r="CE5" s="1060"/>
      <c r="CF5" s="1060"/>
      <c r="CG5" s="1061"/>
      <c r="CH5" s="1065" t="s">
        <v>378</v>
      </c>
      <c r="CI5" s="1066"/>
      <c r="CJ5" s="1066"/>
      <c r="CK5" s="1066"/>
      <c r="CL5" s="1067"/>
      <c r="CM5" s="1065" t="s">
        <v>379</v>
      </c>
      <c r="CN5" s="1066"/>
      <c r="CO5" s="1066"/>
      <c r="CP5" s="1066"/>
      <c r="CQ5" s="1067"/>
      <c r="CR5" s="1065" t="s">
        <v>380</v>
      </c>
      <c r="CS5" s="1066"/>
      <c r="CT5" s="1066"/>
      <c r="CU5" s="1066"/>
      <c r="CV5" s="1067"/>
      <c r="CW5" s="1065" t="s">
        <v>381</v>
      </c>
      <c r="CX5" s="1066"/>
      <c r="CY5" s="1066"/>
      <c r="CZ5" s="1066"/>
      <c r="DA5" s="1067"/>
      <c r="DB5" s="1065" t="s">
        <v>382</v>
      </c>
      <c r="DC5" s="1066"/>
      <c r="DD5" s="1066"/>
      <c r="DE5" s="1066"/>
      <c r="DF5" s="1067"/>
      <c r="DG5" s="1148" t="s">
        <v>383</v>
      </c>
      <c r="DH5" s="1149"/>
      <c r="DI5" s="1149"/>
      <c r="DJ5" s="1149"/>
      <c r="DK5" s="1150"/>
      <c r="DL5" s="1148" t="s">
        <v>384</v>
      </c>
      <c r="DM5" s="1149"/>
      <c r="DN5" s="1149"/>
      <c r="DO5" s="1149"/>
      <c r="DP5" s="1150"/>
      <c r="DQ5" s="1065" t="s">
        <v>385</v>
      </c>
      <c r="DR5" s="1066"/>
      <c r="DS5" s="1066"/>
      <c r="DT5" s="1066"/>
      <c r="DU5" s="1067"/>
      <c r="DV5" s="1065" t="s">
        <v>376</v>
      </c>
      <c r="DW5" s="1066"/>
      <c r="DX5" s="1066"/>
      <c r="DY5" s="1066"/>
      <c r="DZ5" s="1079"/>
      <c r="EA5" s="237"/>
    </row>
    <row r="6" spans="1:131" s="238" customFormat="1" ht="26.25" customHeight="1" thickBot="1" x14ac:dyDescent="0.25">
      <c r="A6" s="1062"/>
      <c r="B6" s="1063"/>
      <c r="C6" s="1063"/>
      <c r="D6" s="1063"/>
      <c r="E6" s="1063"/>
      <c r="F6" s="1063"/>
      <c r="G6" s="1063"/>
      <c r="H6" s="1063"/>
      <c r="I6" s="1063"/>
      <c r="J6" s="1063"/>
      <c r="K6" s="1063"/>
      <c r="L6" s="1063"/>
      <c r="M6" s="1063"/>
      <c r="N6" s="1063"/>
      <c r="O6" s="1063"/>
      <c r="P6" s="1064"/>
      <c r="Q6" s="1068"/>
      <c r="R6" s="1069"/>
      <c r="S6" s="1069"/>
      <c r="T6" s="1069"/>
      <c r="U6" s="1070"/>
      <c r="V6" s="1068"/>
      <c r="W6" s="1069"/>
      <c r="X6" s="1069"/>
      <c r="Y6" s="1069"/>
      <c r="Z6" s="1070"/>
      <c r="AA6" s="1068"/>
      <c r="AB6" s="1069"/>
      <c r="AC6" s="1069"/>
      <c r="AD6" s="1069"/>
      <c r="AE6" s="1069"/>
      <c r="AF6" s="1159"/>
      <c r="AG6" s="1069"/>
      <c r="AH6" s="1069"/>
      <c r="AI6" s="1069"/>
      <c r="AJ6" s="1080"/>
      <c r="AK6" s="1069"/>
      <c r="AL6" s="1069"/>
      <c r="AM6" s="1069"/>
      <c r="AN6" s="1069"/>
      <c r="AO6" s="1070"/>
      <c r="AP6" s="1068"/>
      <c r="AQ6" s="1069"/>
      <c r="AR6" s="1069"/>
      <c r="AS6" s="1069"/>
      <c r="AT6" s="1070"/>
      <c r="AU6" s="1068"/>
      <c r="AV6" s="1069"/>
      <c r="AW6" s="1069"/>
      <c r="AX6" s="1069"/>
      <c r="AY6" s="1080"/>
      <c r="AZ6" s="235"/>
      <c r="BA6" s="235"/>
      <c r="BB6" s="235"/>
      <c r="BC6" s="235"/>
      <c r="BD6" s="235"/>
      <c r="BE6" s="236"/>
      <c r="BF6" s="236"/>
      <c r="BG6" s="236"/>
      <c r="BH6" s="236"/>
      <c r="BI6" s="236"/>
      <c r="BJ6" s="236"/>
      <c r="BK6" s="236"/>
      <c r="BL6" s="236"/>
      <c r="BM6" s="236"/>
      <c r="BN6" s="236"/>
      <c r="BO6" s="236"/>
      <c r="BP6" s="236"/>
      <c r="BQ6" s="1062"/>
      <c r="BR6" s="1063"/>
      <c r="BS6" s="1063"/>
      <c r="BT6" s="1063"/>
      <c r="BU6" s="1063"/>
      <c r="BV6" s="1063"/>
      <c r="BW6" s="1063"/>
      <c r="BX6" s="1063"/>
      <c r="BY6" s="1063"/>
      <c r="BZ6" s="1063"/>
      <c r="CA6" s="1063"/>
      <c r="CB6" s="1063"/>
      <c r="CC6" s="1063"/>
      <c r="CD6" s="1063"/>
      <c r="CE6" s="1063"/>
      <c r="CF6" s="1063"/>
      <c r="CG6" s="1064"/>
      <c r="CH6" s="1068"/>
      <c r="CI6" s="1069"/>
      <c r="CJ6" s="1069"/>
      <c r="CK6" s="1069"/>
      <c r="CL6" s="1070"/>
      <c r="CM6" s="1068"/>
      <c r="CN6" s="1069"/>
      <c r="CO6" s="1069"/>
      <c r="CP6" s="1069"/>
      <c r="CQ6" s="1070"/>
      <c r="CR6" s="1068"/>
      <c r="CS6" s="1069"/>
      <c r="CT6" s="1069"/>
      <c r="CU6" s="1069"/>
      <c r="CV6" s="1070"/>
      <c r="CW6" s="1068"/>
      <c r="CX6" s="1069"/>
      <c r="CY6" s="1069"/>
      <c r="CZ6" s="1069"/>
      <c r="DA6" s="1070"/>
      <c r="DB6" s="1068"/>
      <c r="DC6" s="1069"/>
      <c r="DD6" s="1069"/>
      <c r="DE6" s="1069"/>
      <c r="DF6" s="1070"/>
      <c r="DG6" s="1151"/>
      <c r="DH6" s="1152"/>
      <c r="DI6" s="1152"/>
      <c r="DJ6" s="1152"/>
      <c r="DK6" s="1153"/>
      <c r="DL6" s="1151"/>
      <c r="DM6" s="1152"/>
      <c r="DN6" s="1152"/>
      <c r="DO6" s="1152"/>
      <c r="DP6" s="1153"/>
      <c r="DQ6" s="1068"/>
      <c r="DR6" s="1069"/>
      <c r="DS6" s="1069"/>
      <c r="DT6" s="1069"/>
      <c r="DU6" s="1070"/>
      <c r="DV6" s="1068"/>
      <c r="DW6" s="1069"/>
      <c r="DX6" s="1069"/>
      <c r="DY6" s="1069"/>
      <c r="DZ6" s="1080"/>
      <c r="EA6" s="237"/>
    </row>
    <row r="7" spans="1:131" s="238" customFormat="1" ht="26.25" customHeight="1" thickTop="1" x14ac:dyDescent="0.2">
      <c r="A7" s="239">
        <v>1</v>
      </c>
      <c r="B7" s="1111" t="s">
        <v>386</v>
      </c>
      <c r="C7" s="1112"/>
      <c r="D7" s="1112"/>
      <c r="E7" s="1112"/>
      <c r="F7" s="1112"/>
      <c r="G7" s="1112"/>
      <c r="H7" s="1112"/>
      <c r="I7" s="1112"/>
      <c r="J7" s="1112"/>
      <c r="K7" s="1112"/>
      <c r="L7" s="1112"/>
      <c r="M7" s="1112"/>
      <c r="N7" s="1112"/>
      <c r="O7" s="1112"/>
      <c r="P7" s="1113"/>
      <c r="Q7" s="1166">
        <v>2155410</v>
      </c>
      <c r="R7" s="1167"/>
      <c r="S7" s="1167"/>
      <c r="T7" s="1167"/>
      <c r="U7" s="1167"/>
      <c r="V7" s="1167">
        <v>2134256</v>
      </c>
      <c r="W7" s="1167"/>
      <c r="X7" s="1167"/>
      <c r="Y7" s="1167"/>
      <c r="Z7" s="1167"/>
      <c r="AA7" s="1167">
        <v>21154</v>
      </c>
      <c r="AB7" s="1167"/>
      <c r="AC7" s="1167"/>
      <c r="AD7" s="1167"/>
      <c r="AE7" s="1168"/>
      <c r="AF7" s="1169">
        <v>11245</v>
      </c>
      <c r="AG7" s="1170"/>
      <c r="AH7" s="1170"/>
      <c r="AI7" s="1170"/>
      <c r="AJ7" s="1171"/>
      <c r="AK7" s="1172">
        <v>263</v>
      </c>
      <c r="AL7" s="1173"/>
      <c r="AM7" s="1173"/>
      <c r="AN7" s="1173"/>
      <c r="AO7" s="1173"/>
      <c r="AP7" s="1173">
        <v>2607130</v>
      </c>
      <c r="AQ7" s="1173"/>
      <c r="AR7" s="1173"/>
      <c r="AS7" s="1173"/>
      <c r="AT7" s="1173"/>
      <c r="AU7" s="1174"/>
      <c r="AV7" s="1174"/>
      <c r="AW7" s="1174"/>
      <c r="AX7" s="1174"/>
      <c r="AY7" s="1175"/>
      <c r="AZ7" s="235"/>
      <c r="BA7" s="235"/>
      <c r="BB7" s="235"/>
      <c r="BC7" s="235"/>
      <c r="BD7" s="235"/>
      <c r="BE7" s="236"/>
      <c r="BF7" s="236"/>
      <c r="BG7" s="236"/>
      <c r="BH7" s="236"/>
      <c r="BI7" s="236"/>
      <c r="BJ7" s="236"/>
      <c r="BK7" s="236"/>
      <c r="BL7" s="236"/>
      <c r="BM7" s="236"/>
      <c r="BN7" s="236"/>
      <c r="BO7" s="236"/>
      <c r="BP7" s="236"/>
      <c r="BQ7" s="239">
        <v>1</v>
      </c>
      <c r="BR7" s="240"/>
      <c r="BS7" s="1163" t="s">
        <v>605</v>
      </c>
      <c r="BT7" s="1164"/>
      <c r="BU7" s="1164"/>
      <c r="BV7" s="1164"/>
      <c r="BW7" s="1164"/>
      <c r="BX7" s="1164"/>
      <c r="BY7" s="1164"/>
      <c r="BZ7" s="1164"/>
      <c r="CA7" s="1164"/>
      <c r="CB7" s="1164"/>
      <c r="CC7" s="1164"/>
      <c r="CD7" s="1164"/>
      <c r="CE7" s="1164"/>
      <c r="CF7" s="1164"/>
      <c r="CG7" s="1176"/>
      <c r="CH7" s="1160">
        <v>3</v>
      </c>
      <c r="CI7" s="1161"/>
      <c r="CJ7" s="1161"/>
      <c r="CK7" s="1161"/>
      <c r="CL7" s="1162"/>
      <c r="CM7" s="1160">
        <v>169</v>
      </c>
      <c r="CN7" s="1161"/>
      <c r="CO7" s="1161"/>
      <c r="CP7" s="1161"/>
      <c r="CQ7" s="1162"/>
      <c r="CR7" s="1160">
        <v>30</v>
      </c>
      <c r="CS7" s="1161"/>
      <c r="CT7" s="1161"/>
      <c r="CU7" s="1161"/>
      <c r="CV7" s="1162"/>
      <c r="CW7" s="1160">
        <v>86</v>
      </c>
      <c r="CX7" s="1161"/>
      <c r="CY7" s="1161"/>
      <c r="CZ7" s="1161"/>
      <c r="DA7" s="1162"/>
      <c r="DB7" s="1160">
        <v>0</v>
      </c>
      <c r="DC7" s="1161"/>
      <c r="DD7" s="1161"/>
      <c r="DE7" s="1161"/>
      <c r="DF7" s="1162"/>
      <c r="DG7" s="1160">
        <v>0</v>
      </c>
      <c r="DH7" s="1161"/>
      <c r="DI7" s="1161"/>
      <c r="DJ7" s="1161"/>
      <c r="DK7" s="1162"/>
      <c r="DL7" s="1160">
        <v>0</v>
      </c>
      <c r="DM7" s="1161"/>
      <c r="DN7" s="1161"/>
      <c r="DO7" s="1161"/>
      <c r="DP7" s="1162"/>
      <c r="DQ7" s="1160">
        <v>0</v>
      </c>
      <c r="DR7" s="1161"/>
      <c r="DS7" s="1161"/>
      <c r="DT7" s="1161"/>
      <c r="DU7" s="1162"/>
      <c r="DV7" s="1163"/>
      <c r="DW7" s="1164"/>
      <c r="DX7" s="1164"/>
      <c r="DY7" s="1164"/>
      <c r="DZ7" s="1165"/>
      <c r="EA7" s="237"/>
    </row>
    <row r="8" spans="1:131" s="238" customFormat="1" ht="26.25" customHeight="1" x14ac:dyDescent="0.2">
      <c r="A8" s="241">
        <v>2</v>
      </c>
      <c r="B8" s="1094" t="s">
        <v>387</v>
      </c>
      <c r="C8" s="1095"/>
      <c r="D8" s="1095"/>
      <c r="E8" s="1095"/>
      <c r="F8" s="1095"/>
      <c r="G8" s="1095"/>
      <c r="H8" s="1095"/>
      <c r="I8" s="1095"/>
      <c r="J8" s="1095"/>
      <c r="K8" s="1095"/>
      <c r="L8" s="1095"/>
      <c r="M8" s="1095"/>
      <c r="N8" s="1095"/>
      <c r="O8" s="1095"/>
      <c r="P8" s="1096"/>
      <c r="Q8" s="1102">
        <v>450065</v>
      </c>
      <c r="R8" s="1103"/>
      <c r="S8" s="1103"/>
      <c r="T8" s="1103"/>
      <c r="U8" s="1103"/>
      <c r="V8" s="1103">
        <v>450065</v>
      </c>
      <c r="W8" s="1103"/>
      <c r="X8" s="1103"/>
      <c r="Y8" s="1103"/>
      <c r="Z8" s="1103"/>
      <c r="AA8" s="1103">
        <v>0</v>
      </c>
      <c r="AB8" s="1103"/>
      <c r="AC8" s="1103"/>
      <c r="AD8" s="1103"/>
      <c r="AE8" s="1104"/>
      <c r="AF8" s="1099" t="s">
        <v>388</v>
      </c>
      <c r="AG8" s="1100"/>
      <c r="AH8" s="1100"/>
      <c r="AI8" s="1100"/>
      <c r="AJ8" s="1101"/>
      <c r="AK8" s="1144">
        <v>193276</v>
      </c>
      <c r="AL8" s="1145"/>
      <c r="AM8" s="1145"/>
      <c r="AN8" s="1145"/>
      <c r="AO8" s="1145"/>
      <c r="AP8" s="1145" t="s">
        <v>532</v>
      </c>
      <c r="AQ8" s="1145"/>
      <c r="AR8" s="1145"/>
      <c r="AS8" s="1145"/>
      <c r="AT8" s="1145"/>
      <c r="AU8" s="1146"/>
      <c r="AV8" s="1146"/>
      <c r="AW8" s="1146"/>
      <c r="AX8" s="1146"/>
      <c r="AY8" s="1147"/>
      <c r="AZ8" s="235"/>
      <c r="BA8" s="235"/>
      <c r="BB8" s="235"/>
      <c r="BC8" s="235"/>
      <c r="BD8" s="235"/>
      <c r="BE8" s="236"/>
      <c r="BF8" s="236"/>
      <c r="BG8" s="236"/>
      <c r="BH8" s="236"/>
      <c r="BI8" s="236"/>
      <c r="BJ8" s="236"/>
      <c r="BK8" s="236"/>
      <c r="BL8" s="236"/>
      <c r="BM8" s="236"/>
      <c r="BN8" s="236"/>
      <c r="BO8" s="236"/>
      <c r="BP8" s="236"/>
      <c r="BQ8" s="241">
        <v>2</v>
      </c>
      <c r="BR8" s="242"/>
      <c r="BS8" s="1056" t="s">
        <v>606</v>
      </c>
      <c r="BT8" s="1057"/>
      <c r="BU8" s="1057"/>
      <c r="BV8" s="1057"/>
      <c r="BW8" s="1057"/>
      <c r="BX8" s="1057"/>
      <c r="BY8" s="1057"/>
      <c r="BZ8" s="1057"/>
      <c r="CA8" s="1057"/>
      <c r="CB8" s="1057"/>
      <c r="CC8" s="1057"/>
      <c r="CD8" s="1057"/>
      <c r="CE8" s="1057"/>
      <c r="CF8" s="1057"/>
      <c r="CG8" s="1078"/>
      <c r="CH8" s="1053">
        <v>2</v>
      </c>
      <c r="CI8" s="1054"/>
      <c r="CJ8" s="1054"/>
      <c r="CK8" s="1054"/>
      <c r="CL8" s="1055"/>
      <c r="CM8" s="1053">
        <v>853</v>
      </c>
      <c r="CN8" s="1054"/>
      <c r="CO8" s="1054"/>
      <c r="CP8" s="1054"/>
      <c r="CQ8" s="1055"/>
      <c r="CR8" s="1053">
        <v>100</v>
      </c>
      <c r="CS8" s="1054"/>
      <c r="CT8" s="1054"/>
      <c r="CU8" s="1054"/>
      <c r="CV8" s="1055"/>
      <c r="CW8" s="1053">
        <v>149</v>
      </c>
      <c r="CX8" s="1054"/>
      <c r="CY8" s="1054"/>
      <c r="CZ8" s="1054"/>
      <c r="DA8" s="1055"/>
      <c r="DB8" s="1053">
        <v>0</v>
      </c>
      <c r="DC8" s="1054"/>
      <c r="DD8" s="1054"/>
      <c r="DE8" s="1054"/>
      <c r="DF8" s="1055"/>
      <c r="DG8" s="1053">
        <v>0</v>
      </c>
      <c r="DH8" s="1054"/>
      <c r="DI8" s="1054"/>
      <c r="DJ8" s="1054"/>
      <c r="DK8" s="1055"/>
      <c r="DL8" s="1053">
        <v>0</v>
      </c>
      <c r="DM8" s="1054"/>
      <c r="DN8" s="1054"/>
      <c r="DO8" s="1054"/>
      <c r="DP8" s="1055"/>
      <c r="DQ8" s="1053">
        <v>0</v>
      </c>
      <c r="DR8" s="1054"/>
      <c r="DS8" s="1054"/>
      <c r="DT8" s="1054"/>
      <c r="DU8" s="1055"/>
      <c r="DV8" s="1056"/>
      <c r="DW8" s="1057"/>
      <c r="DX8" s="1057"/>
      <c r="DY8" s="1057"/>
      <c r="DZ8" s="1058"/>
      <c r="EA8" s="237"/>
    </row>
    <row r="9" spans="1:131" s="238" customFormat="1" ht="26.25" customHeight="1" x14ac:dyDescent="0.2">
      <c r="A9" s="241">
        <v>3</v>
      </c>
      <c r="B9" s="1094" t="s">
        <v>389</v>
      </c>
      <c r="C9" s="1095"/>
      <c r="D9" s="1095"/>
      <c r="E9" s="1095"/>
      <c r="F9" s="1095"/>
      <c r="G9" s="1095"/>
      <c r="H9" s="1095"/>
      <c r="I9" s="1095"/>
      <c r="J9" s="1095"/>
      <c r="K9" s="1095"/>
      <c r="L9" s="1095"/>
      <c r="M9" s="1095"/>
      <c r="N9" s="1095"/>
      <c r="O9" s="1095"/>
      <c r="P9" s="1096"/>
      <c r="Q9" s="1102">
        <v>1553</v>
      </c>
      <c r="R9" s="1103"/>
      <c r="S9" s="1103"/>
      <c r="T9" s="1103"/>
      <c r="U9" s="1103"/>
      <c r="V9" s="1103">
        <v>970</v>
      </c>
      <c r="W9" s="1103"/>
      <c r="X9" s="1103"/>
      <c r="Y9" s="1103"/>
      <c r="Z9" s="1103"/>
      <c r="AA9" s="1103">
        <v>583</v>
      </c>
      <c r="AB9" s="1103"/>
      <c r="AC9" s="1103"/>
      <c r="AD9" s="1103"/>
      <c r="AE9" s="1104"/>
      <c r="AF9" s="1099">
        <v>583</v>
      </c>
      <c r="AG9" s="1100"/>
      <c r="AH9" s="1100"/>
      <c r="AI9" s="1100"/>
      <c r="AJ9" s="1101"/>
      <c r="AK9" s="1144">
        <v>22</v>
      </c>
      <c r="AL9" s="1145"/>
      <c r="AM9" s="1145"/>
      <c r="AN9" s="1145"/>
      <c r="AO9" s="1145"/>
      <c r="AP9" s="1145">
        <v>2557</v>
      </c>
      <c r="AQ9" s="1145"/>
      <c r="AR9" s="1145"/>
      <c r="AS9" s="1145"/>
      <c r="AT9" s="1145"/>
      <c r="AU9" s="1146"/>
      <c r="AV9" s="1146"/>
      <c r="AW9" s="1146"/>
      <c r="AX9" s="1146"/>
      <c r="AY9" s="1147"/>
      <c r="AZ9" s="235"/>
      <c r="BA9" s="235"/>
      <c r="BB9" s="235"/>
      <c r="BC9" s="235"/>
      <c r="BD9" s="235"/>
      <c r="BE9" s="236"/>
      <c r="BF9" s="236"/>
      <c r="BG9" s="236"/>
      <c r="BH9" s="236"/>
      <c r="BI9" s="236"/>
      <c r="BJ9" s="236"/>
      <c r="BK9" s="236"/>
      <c r="BL9" s="236"/>
      <c r="BM9" s="236"/>
      <c r="BN9" s="236"/>
      <c r="BO9" s="236"/>
      <c r="BP9" s="236"/>
      <c r="BQ9" s="241">
        <v>3</v>
      </c>
      <c r="BR9" s="242"/>
      <c r="BS9" s="1056" t="s">
        <v>607</v>
      </c>
      <c r="BT9" s="1057"/>
      <c r="BU9" s="1057"/>
      <c r="BV9" s="1057"/>
      <c r="BW9" s="1057"/>
      <c r="BX9" s="1057"/>
      <c r="BY9" s="1057"/>
      <c r="BZ9" s="1057"/>
      <c r="CA9" s="1057"/>
      <c r="CB9" s="1057"/>
      <c r="CC9" s="1057"/>
      <c r="CD9" s="1057"/>
      <c r="CE9" s="1057"/>
      <c r="CF9" s="1057"/>
      <c r="CG9" s="1078"/>
      <c r="CH9" s="1053">
        <v>313</v>
      </c>
      <c r="CI9" s="1054"/>
      <c r="CJ9" s="1054"/>
      <c r="CK9" s="1054"/>
      <c r="CL9" s="1055"/>
      <c r="CM9" s="1053">
        <v>3055</v>
      </c>
      <c r="CN9" s="1054"/>
      <c r="CO9" s="1054"/>
      <c r="CP9" s="1054"/>
      <c r="CQ9" s="1055"/>
      <c r="CR9" s="1053">
        <v>75</v>
      </c>
      <c r="CS9" s="1054"/>
      <c r="CT9" s="1054"/>
      <c r="CU9" s="1054"/>
      <c r="CV9" s="1055"/>
      <c r="CW9" s="1053">
        <v>666</v>
      </c>
      <c r="CX9" s="1054"/>
      <c r="CY9" s="1054"/>
      <c r="CZ9" s="1054"/>
      <c r="DA9" s="1055"/>
      <c r="DB9" s="1053">
        <v>0</v>
      </c>
      <c r="DC9" s="1054"/>
      <c r="DD9" s="1054"/>
      <c r="DE9" s="1054"/>
      <c r="DF9" s="1055"/>
      <c r="DG9" s="1053">
        <v>0</v>
      </c>
      <c r="DH9" s="1054"/>
      <c r="DI9" s="1054"/>
      <c r="DJ9" s="1054"/>
      <c r="DK9" s="1055"/>
      <c r="DL9" s="1053">
        <v>0</v>
      </c>
      <c r="DM9" s="1054"/>
      <c r="DN9" s="1054"/>
      <c r="DO9" s="1054"/>
      <c r="DP9" s="1055"/>
      <c r="DQ9" s="1053">
        <v>0</v>
      </c>
      <c r="DR9" s="1054"/>
      <c r="DS9" s="1054"/>
      <c r="DT9" s="1054"/>
      <c r="DU9" s="1055"/>
      <c r="DV9" s="1056"/>
      <c r="DW9" s="1057"/>
      <c r="DX9" s="1057"/>
      <c r="DY9" s="1057"/>
      <c r="DZ9" s="1058"/>
      <c r="EA9" s="237"/>
    </row>
    <row r="10" spans="1:131" s="238" customFormat="1" ht="26.25" customHeight="1" x14ac:dyDescent="0.2">
      <c r="A10" s="241">
        <v>4</v>
      </c>
      <c r="B10" s="1094" t="s">
        <v>390</v>
      </c>
      <c r="C10" s="1095"/>
      <c r="D10" s="1095"/>
      <c r="E10" s="1095"/>
      <c r="F10" s="1095"/>
      <c r="G10" s="1095"/>
      <c r="H10" s="1095"/>
      <c r="I10" s="1095"/>
      <c r="J10" s="1095"/>
      <c r="K10" s="1095"/>
      <c r="L10" s="1095"/>
      <c r="M10" s="1095"/>
      <c r="N10" s="1095"/>
      <c r="O10" s="1095"/>
      <c r="P10" s="1096"/>
      <c r="Q10" s="1102">
        <v>575</v>
      </c>
      <c r="R10" s="1103"/>
      <c r="S10" s="1103"/>
      <c r="T10" s="1103"/>
      <c r="U10" s="1103"/>
      <c r="V10" s="1103">
        <v>418</v>
      </c>
      <c r="W10" s="1103"/>
      <c r="X10" s="1103"/>
      <c r="Y10" s="1103"/>
      <c r="Z10" s="1103"/>
      <c r="AA10" s="1103">
        <v>156</v>
      </c>
      <c r="AB10" s="1103"/>
      <c r="AC10" s="1103"/>
      <c r="AD10" s="1103"/>
      <c r="AE10" s="1104"/>
      <c r="AF10" s="1099">
        <v>156</v>
      </c>
      <c r="AG10" s="1100"/>
      <c r="AH10" s="1100"/>
      <c r="AI10" s="1100"/>
      <c r="AJ10" s="1101"/>
      <c r="AK10" s="1144">
        <v>15</v>
      </c>
      <c r="AL10" s="1145"/>
      <c r="AM10" s="1145"/>
      <c r="AN10" s="1145"/>
      <c r="AO10" s="1145"/>
      <c r="AP10" s="1145" t="s">
        <v>532</v>
      </c>
      <c r="AQ10" s="1145"/>
      <c r="AR10" s="1145"/>
      <c r="AS10" s="1145"/>
      <c r="AT10" s="1145"/>
      <c r="AU10" s="1146"/>
      <c r="AV10" s="1146"/>
      <c r="AW10" s="1146"/>
      <c r="AX10" s="1146"/>
      <c r="AY10" s="1147"/>
      <c r="AZ10" s="235"/>
      <c r="BA10" s="235"/>
      <c r="BB10" s="235"/>
      <c r="BC10" s="235"/>
      <c r="BD10" s="235"/>
      <c r="BE10" s="236"/>
      <c r="BF10" s="236"/>
      <c r="BG10" s="236"/>
      <c r="BH10" s="236"/>
      <c r="BI10" s="236"/>
      <c r="BJ10" s="236"/>
      <c r="BK10" s="236"/>
      <c r="BL10" s="236"/>
      <c r="BM10" s="236"/>
      <c r="BN10" s="236"/>
      <c r="BO10" s="236"/>
      <c r="BP10" s="236"/>
      <c r="BQ10" s="241">
        <v>4</v>
      </c>
      <c r="BR10" s="242"/>
      <c r="BS10" s="1056" t="s">
        <v>608</v>
      </c>
      <c r="BT10" s="1057"/>
      <c r="BU10" s="1057"/>
      <c r="BV10" s="1057"/>
      <c r="BW10" s="1057"/>
      <c r="BX10" s="1057"/>
      <c r="BY10" s="1057"/>
      <c r="BZ10" s="1057"/>
      <c r="CA10" s="1057"/>
      <c r="CB10" s="1057"/>
      <c r="CC10" s="1057"/>
      <c r="CD10" s="1057"/>
      <c r="CE10" s="1057"/>
      <c r="CF10" s="1057"/>
      <c r="CG10" s="1078"/>
      <c r="CH10" s="1053">
        <v>70</v>
      </c>
      <c r="CI10" s="1054"/>
      <c r="CJ10" s="1054"/>
      <c r="CK10" s="1054"/>
      <c r="CL10" s="1055"/>
      <c r="CM10" s="1053">
        <v>1200</v>
      </c>
      <c r="CN10" s="1054"/>
      <c r="CO10" s="1054"/>
      <c r="CP10" s="1054"/>
      <c r="CQ10" s="1055"/>
      <c r="CR10" s="1053">
        <v>100</v>
      </c>
      <c r="CS10" s="1054"/>
      <c r="CT10" s="1054"/>
      <c r="CU10" s="1054"/>
      <c r="CV10" s="1055"/>
      <c r="CW10" s="1053">
        <v>205</v>
      </c>
      <c r="CX10" s="1054"/>
      <c r="CY10" s="1054"/>
      <c r="CZ10" s="1054"/>
      <c r="DA10" s="1055"/>
      <c r="DB10" s="1053">
        <v>0</v>
      </c>
      <c r="DC10" s="1054"/>
      <c r="DD10" s="1054"/>
      <c r="DE10" s="1054"/>
      <c r="DF10" s="1055"/>
      <c r="DG10" s="1053">
        <v>0</v>
      </c>
      <c r="DH10" s="1054"/>
      <c r="DI10" s="1054"/>
      <c r="DJ10" s="1054"/>
      <c r="DK10" s="1055"/>
      <c r="DL10" s="1053">
        <v>0</v>
      </c>
      <c r="DM10" s="1054"/>
      <c r="DN10" s="1054"/>
      <c r="DO10" s="1054"/>
      <c r="DP10" s="1055"/>
      <c r="DQ10" s="1053">
        <v>0</v>
      </c>
      <c r="DR10" s="1054"/>
      <c r="DS10" s="1054"/>
      <c r="DT10" s="1054"/>
      <c r="DU10" s="1055"/>
      <c r="DV10" s="1056"/>
      <c r="DW10" s="1057"/>
      <c r="DX10" s="1057"/>
      <c r="DY10" s="1057"/>
      <c r="DZ10" s="1058"/>
      <c r="EA10" s="237"/>
    </row>
    <row r="11" spans="1:131" s="238" customFormat="1" ht="26.25" customHeight="1" x14ac:dyDescent="0.2">
      <c r="A11" s="241">
        <v>5</v>
      </c>
      <c r="B11" s="1094" t="s">
        <v>391</v>
      </c>
      <c r="C11" s="1095"/>
      <c r="D11" s="1095"/>
      <c r="E11" s="1095"/>
      <c r="F11" s="1095"/>
      <c r="G11" s="1095"/>
      <c r="H11" s="1095"/>
      <c r="I11" s="1095"/>
      <c r="J11" s="1095"/>
      <c r="K11" s="1095"/>
      <c r="L11" s="1095"/>
      <c r="M11" s="1095"/>
      <c r="N11" s="1095"/>
      <c r="O11" s="1095"/>
      <c r="P11" s="1096"/>
      <c r="Q11" s="1102">
        <v>47</v>
      </c>
      <c r="R11" s="1103"/>
      <c r="S11" s="1103"/>
      <c r="T11" s="1103"/>
      <c r="U11" s="1103"/>
      <c r="V11" s="1103">
        <v>25</v>
      </c>
      <c r="W11" s="1103"/>
      <c r="X11" s="1103"/>
      <c r="Y11" s="1103"/>
      <c r="Z11" s="1103"/>
      <c r="AA11" s="1103">
        <v>22</v>
      </c>
      <c r="AB11" s="1103"/>
      <c r="AC11" s="1103"/>
      <c r="AD11" s="1103"/>
      <c r="AE11" s="1104"/>
      <c r="AF11" s="1099">
        <v>22</v>
      </c>
      <c r="AG11" s="1100"/>
      <c r="AH11" s="1100"/>
      <c r="AI11" s="1100"/>
      <c r="AJ11" s="1101"/>
      <c r="AK11" s="1144">
        <v>10</v>
      </c>
      <c r="AL11" s="1145"/>
      <c r="AM11" s="1145"/>
      <c r="AN11" s="1145"/>
      <c r="AO11" s="1145"/>
      <c r="AP11" s="1145" t="s">
        <v>532</v>
      </c>
      <c r="AQ11" s="1145"/>
      <c r="AR11" s="1145"/>
      <c r="AS11" s="1145"/>
      <c r="AT11" s="1145"/>
      <c r="AU11" s="1146"/>
      <c r="AV11" s="1146"/>
      <c r="AW11" s="1146"/>
      <c r="AX11" s="1146"/>
      <c r="AY11" s="1147"/>
      <c r="AZ11" s="235"/>
      <c r="BA11" s="235"/>
      <c r="BB11" s="235"/>
      <c r="BC11" s="235"/>
      <c r="BD11" s="235"/>
      <c r="BE11" s="236"/>
      <c r="BF11" s="236"/>
      <c r="BG11" s="236"/>
      <c r="BH11" s="236"/>
      <c r="BI11" s="236"/>
      <c r="BJ11" s="236"/>
      <c r="BK11" s="236"/>
      <c r="BL11" s="236"/>
      <c r="BM11" s="236"/>
      <c r="BN11" s="236"/>
      <c r="BO11" s="236"/>
      <c r="BP11" s="236"/>
      <c r="BQ11" s="241">
        <v>5</v>
      </c>
      <c r="BR11" s="242"/>
      <c r="BS11" s="1056" t="s">
        <v>609</v>
      </c>
      <c r="BT11" s="1057"/>
      <c r="BU11" s="1057"/>
      <c r="BV11" s="1057"/>
      <c r="BW11" s="1057"/>
      <c r="BX11" s="1057"/>
      <c r="BY11" s="1057"/>
      <c r="BZ11" s="1057"/>
      <c r="CA11" s="1057"/>
      <c r="CB11" s="1057"/>
      <c r="CC11" s="1057"/>
      <c r="CD11" s="1057"/>
      <c r="CE11" s="1057"/>
      <c r="CF11" s="1057"/>
      <c r="CG11" s="1078"/>
      <c r="CH11" s="1053">
        <v>-76</v>
      </c>
      <c r="CI11" s="1054"/>
      <c r="CJ11" s="1054"/>
      <c r="CK11" s="1054"/>
      <c r="CL11" s="1055"/>
      <c r="CM11" s="1053">
        <v>3226</v>
      </c>
      <c r="CN11" s="1054"/>
      <c r="CO11" s="1054"/>
      <c r="CP11" s="1054"/>
      <c r="CQ11" s="1055"/>
      <c r="CR11" s="1053">
        <v>0</v>
      </c>
      <c r="CS11" s="1054"/>
      <c r="CT11" s="1054"/>
      <c r="CU11" s="1054"/>
      <c r="CV11" s="1055"/>
      <c r="CW11" s="1053">
        <v>159</v>
      </c>
      <c r="CX11" s="1054"/>
      <c r="CY11" s="1054"/>
      <c r="CZ11" s="1054"/>
      <c r="DA11" s="1055"/>
      <c r="DB11" s="1053">
        <v>0</v>
      </c>
      <c r="DC11" s="1054"/>
      <c r="DD11" s="1054"/>
      <c r="DE11" s="1054"/>
      <c r="DF11" s="1055"/>
      <c r="DG11" s="1053">
        <v>0</v>
      </c>
      <c r="DH11" s="1054"/>
      <c r="DI11" s="1054"/>
      <c r="DJ11" s="1054"/>
      <c r="DK11" s="1055"/>
      <c r="DL11" s="1053">
        <v>0</v>
      </c>
      <c r="DM11" s="1054"/>
      <c r="DN11" s="1054"/>
      <c r="DO11" s="1054"/>
      <c r="DP11" s="1055"/>
      <c r="DQ11" s="1053">
        <v>0</v>
      </c>
      <c r="DR11" s="1054"/>
      <c r="DS11" s="1054"/>
      <c r="DT11" s="1054"/>
      <c r="DU11" s="1055"/>
      <c r="DV11" s="1056"/>
      <c r="DW11" s="1057"/>
      <c r="DX11" s="1057"/>
      <c r="DY11" s="1057"/>
      <c r="DZ11" s="1058"/>
      <c r="EA11" s="237"/>
    </row>
    <row r="12" spans="1:131" s="238" customFormat="1" ht="26.25" customHeight="1" x14ac:dyDescent="0.2">
      <c r="A12" s="241">
        <v>6</v>
      </c>
      <c r="B12" s="1094" t="s">
        <v>392</v>
      </c>
      <c r="C12" s="1095"/>
      <c r="D12" s="1095"/>
      <c r="E12" s="1095"/>
      <c r="F12" s="1095"/>
      <c r="G12" s="1095"/>
      <c r="H12" s="1095"/>
      <c r="I12" s="1095"/>
      <c r="J12" s="1095"/>
      <c r="K12" s="1095"/>
      <c r="L12" s="1095"/>
      <c r="M12" s="1095"/>
      <c r="N12" s="1095"/>
      <c r="O12" s="1095"/>
      <c r="P12" s="1096"/>
      <c r="Q12" s="1102">
        <v>56436</v>
      </c>
      <c r="R12" s="1103"/>
      <c r="S12" s="1103"/>
      <c r="T12" s="1103"/>
      <c r="U12" s="1103"/>
      <c r="V12" s="1103">
        <v>53169</v>
      </c>
      <c r="W12" s="1103"/>
      <c r="X12" s="1103"/>
      <c r="Y12" s="1103"/>
      <c r="Z12" s="1103"/>
      <c r="AA12" s="1103">
        <v>3267</v>
      </c>
      <c r="AB12" s="1103"/>
      <c r="AC12" s="1103"/>
      <c r="AD12" s="1103"/>
      <c r="AE12" s="1104"/>
      <c r="AF12" s="1099">
        <v>3267</v>
      </c>
      <c r="AG12" s="1100"/>
      <c r="AH12" s="1100"/>
      <c r="AI12" s="1100"/>
      <c r="AJ12" s="1101"/>
      <c r="AK12" s="1144">
        <v>452</v>
      </c>
      <c r="AL12" s="1145"/>
      <c r="AM12" s="1145"/>
      <c r="AN12" s="1145"/>
      <c r="AO12" s="1145"/>
      <c r="AP12" s="1145">
        <v>5144</v>
      </c>
      <c r="AQ12" s="1145"/>
      <c r="AR12" s="1145"/>
      <c r="AS12" s="1145"/>
      <c r="AT12" s="1145"/>
      <c r="AU12" s="1146"/>
      <c r="AV12" s="1146"/>
      <c r="AW12" s="1146"/>
      <c r="AX12" s="1146"/>
      <c r="AY12" s="1147"/>
      <c r="AZ12" s="235"/>
      <c r="BA12" s="235"/>
      <c r="BB12" s="235"/>
      <c r="BC12" s="235"/>
      <c r="BD12" s="235"/>
      <c r="BE12" s="236"/>
      <c r="BF12" s="236"/>
      <c r="BG12" s="236"/>
      <c r="BH12" s="236"/>
      <c r="BI12" s="236"/>
      <c r="BJ12" s="236"/>
      <c r="BK12" s="236"/>
      <c r="BL12" s="236"/>
      <c r="BM12" s="236"/>
      <c r="BN12" s="236"/>
      <c r="BO12" s="236"/>
      <c r="BP12" s="236"/>
      <c r="BQ12" s="241">
        <v>6</v>
      </c>
      <c r="BR12" s="242"/>
      <c r="BS12" s="1056" t="s">
        <v>610</v>
      </c>
      <c r="BT12" s="1057"/>
      <c r="BU12" s="1057"/>
      <c r="BV12" s="1057"/>
      <c r="BW12" s="1057"/>
      <c r="BX12" s="1057"/>
      <c r="BY12" s="1057"/>
      <c r="BZ12" s="1057"/>
      <c r="CA12" s="1057"/>
      <c r="CB12" s="1057"/>
      <c r="CC12" s="1057"/>
      <c r="CD12" s="1057"/>
      <c r="CE12" s="1057"/>
      <c r="CF12" s="1057"/>
      <c r="CG12" s="1078"/>
      <c r="CH12" s="1053">
        <v>18</v>
      </c>
      <c r="CI12" s="1054"/>
      <c r="CJ12" s="1054"/>
      <c r="CK12" s="1054"/>
      <c r="CL12" s="1055"/>
      <c r="CM12" s="1053">
        <v>1025</v>
      </c>
      <c r="CN12" s="1054"/>
      <c r="CO12" s="1054"/>
      <c r="CP12" s="1054"/>
      <c r="CQ12" s="1055"/>
      <c r="CR12" s="1053">
        <v>350</v>
      </c>
      <c r="CS12" s="1054"/>
      <c r="CT12" s="1054"/>
      <c r="CU12" s="1054"/>
      <c r="CV12" s="1055"/>
      <c r="CW12" s="1053">
        <v>1071</v>
      </c>
      <c r="CX12" s="1054"/>
      <c r="CY12" s="1054"/>
      <c r="CZ12" s="1054"/>
      <c r="DA12" s="1055"/>
      <c r="DB12" s="1053">
        <v>0</v>
      </c>
      <c r="DC12" s="1054"/>
      <c r="DD12" s="1054"/>
      <c r="DE12" s="1054"/>
      <c r="DF12" s="1055"/>
      <c r="DG12" s="1053">
        <v>0</v>
      </c>
      <c r="DH12" s="1054"/>
      <c r="DI12" s="1054"/>
      <c r="DJ12" s="1054"/>
      <c r="DK12" s="1055"/>
      <c r="DL12" s="1053">
        <v>0</v>
      </c>
      <c r="DM12" s="1054"/>
      <c r="DN12" s="1054"/>
      <c r="DO12" s="1054"/>
      <c r="DP12" s="1055"/>
      <c r="DQ12" s="1053">
        <v>0</v>
      </c>
      <c r="DR12" s="1054"/>
      <c r="DS12" s="1054"/>
      <c r="DT12" s="1054"/>
      <c r="DU12" s="1055"/>
      <c r="DV12" s="1056"/>
      <c r="DW12" s="1057"/>
      <c r="DX12" s="1057"/>
      <c r="DY12" s="1057"/>
      <c r="DZ12" s="1058"/>
      <c r="EA12" s="237"/>
    </row>
    <row r="13" spans="1:131" s="238" customFormat="1" ht="26.25" customHeight="1" x14ac:dyDescent="0.2">
      <c r="A13" s="241">
        <v>7</v>
      </c>
      <c r="B13" s="1094" t="s">
        <v>393</v>
      </c>
      <c r="C13" s="1095"/>
      <c r="D13" s="1095"/>
      <c r="E13" s="1095"/>
      <c r="F13" s="1095"/>
      <c r="G13" s="1095"/>
      <c r="H13" s="1095"/>
      <c r="I13" s="1095"/>
      <c r="J13" s="1095"/>
      <c r="K13" s="1095"/>
      <c r="L13" s="1095"/>
      <c r="M13" s="1095"/>
      <c r="N13" s="1095"/>
      <c r="O13" s="1095"/>
      <c r="P13" s="1096"/>
      <c r="Q13" s="1102">
        <v>1245</v>
      </c>
      <c r="R13" s="1103"/>
      <c r="S13" s="1103"/>
      <c r="T13" s="1103"/>
      <c r="U13" s="1103"/>
      <c r="V13" s="1103">
        <v>1245</v>
      </c>
      <c r="W13" s="1103"/>
      <c r="X13" s="1103"/>
      <c r="Y13" s="1103"/>
      <c r="Z13" s="1103"/>
      <c r="AA13" s="1103">
        <v>0</v>
      </c>
      <c r="AB13" s="1103"/>
      <c r="AC13" s="1103"/>
      <c r="AD13" s="1103"/>
      <c r="AE13" s="1104"/>
      <c r="AF13" s="1099">
        <v>0</v>
      </c>
      <c r="AG13" s="1100"/>
      <c r="AH13" s="1100"/>
      <c r="AI13" s="1100"/>
      <c r="AJ13" s="1101"/>
      <c r="AK13" s="1144" t="s">
        <v>532</v>
      </c>
      <c r="AL13" s="1145"/>
      <c r="AM13" s="1145"/>
      <c r="AN13" s="1145"/>
      <c r="AO13" s="1145"/>
      <c r="AP13" s="1145">
        <v>3929</v>
      </c>
      <c r="AQ13" s="1145"/>
      <c r="AR13" s="1145"/>
      <c r="AS13" s="1145"/>
      <c r="AT13" s="1145"/>
      <c r="AU13" s="1146"/>
      <c r="AV13" s="1146"/>
      <c r="AW13" s="1146"/>
      <c r="AX13" s="1146"/>
      <c r="AY13" s="1147"/>
      <c r="AZ13" s="235"/>
      <c r="BA13" s="235"/>
      <c r="BB13" s="235"/>
      <c r="BC13" s="235"/>
      <c r="BD13" s="235"/>
      <c r="BE13" s="236"/>
      <c r="BF13" s="236"/>
      <c r="BG13" s="236"/>
      <c r="BH13" s="236"/>
      <c r="BI13" s="236"/>
      <c r="BJ13" s="236"/>
      <c r="BK13" s="236"/>
      <c r="BL13" s="236"/>
      <c r="BM13" s="236"/>
      <c r="BN13" s="236"/>
      <c r="BO13" s="236"/>
      <c r="BP13" s="236"/>
      <c r="BQ13" s="241">
        <v>7</v>
      </c>
      <c r="BR13" s="242" t="s">
        <v>645</v>
      </c>
      <c r="BS13" s="1056" t="s">
        <v>611</v>
      </c>
      <c r="BT13" s="1057"/>
      <c r="BU13" s="1057"/>
      <c r="BV13" s="1057"/>
      <c r="BW13" s="1057"/>
      <c r="BX13" s="1057"/>
      <c r="BY13" s="1057"/>
      <c r="BZ13" s="1057"/>
      <c r="CA13" s="1057"/>
      <c r="CB13" s="1057"/>
      <c r="CC13" s="1057"/>
      <c r="CD13" s="1057"/>
      <c r="CE13" s="1057"/>
      <c r="CF13" s="1057"/>
      <c r="CG13" s="1078"/>
      <c r="CH13" s="1053">
        <v>-182</v>
      </c>
      <c r="CI13" s="1054"/>
      <c r="CJ13" s="1054"/>
      <c r="CK13" s="1054"/>
      <c r="CL13" s="1055"/>
      <c r="CM13" s="1053">
        <v>9458</v>
      </c>
      <c r="CN13" s="1054"/>
      <c r="CO13" s="1054"/>
      <c r="CP13" s="1054"/>
      <c r="CQ13" s="1055"/>
      <c r="CR13" s="1053">
        <v>4100</v>
      </c>
      <c r="CS13" s="1054"/>
      <c r="CT13" s="1054"/>
      <c r="CU13" s="1054"/>
      <c r="CV13" s="1055"/>
      <c r="CW13" s="1053">
        <v>6</v>
      </c>
      <c r="CX13" s="1054"/>
      <c r="CY13" s="1054"/>
      <c r="CZ13" s="1054"/>
      <c r="DA13" s="1055"/>
      <c r="DB13" s="1053">
        <v>0</v>
      </c>
      <c r="DC13" s="1054"/>
      <c r="DD13" s="1054"/>
      <c r="DE13" s="1054"/>
      <c r="DF13" s="1055"/>
      <c r="DG13" s="1053">
        <v>0</v>
      </c>
      <c r="DH13" s="1054"/>
      <c r="DI13" s="1054"/>
      <c r="DJ13" s="1054"/>
      <c r="DK13" s="1055"/>
      <c r="DL13" s="1053">
        <v>2340</v>
      </c>
      <c r="DM13" s="1054"/>
      <c r="DN13" s="1054"/>
      <c r="DO13" s="1054"/>
      <c r="DP13" s="1055"/>
      <c r="DQ13" s="1053">
        <v>0</v>
      </c>
      <c r="DR13" s="1054"/>
      <c r="DS13" s="1054"/>
      <c r="DT13" s="1054"/>
      <c r="DU13" s="1055"/>
      <c r="DV13" s="1056"/>
      <c r="DW13" s="1057"/>
      <c r="DX13" s="1057"/>
      <c r="DY13" s="1057"/>
      <c r="DZ13" s="1058"/>
      <c r="EA13" s="237"/>
    </row>
    <row r="14" spans="1:131" s="238" customFormat="1" ht="26.25" customHeight="1" x14ac:dyDescent="0.2">
      <c r="A14" s="241">
        <v>8</v>
      </c>
      <c r="B14" s="1094" t="s">
        <v>394</v>
      </c>
      <c r="C14" s="1095"/>
      <c r="D14" s="1095"/>
      <c r="E14" s="1095"/>
      <c r="F14" s="1095"/>
      <c r="G14" s="1095"/>
      <c r="H14" s="1095"/>
      <c r="I14" s="1095"/>
      <c r="J14" s="1095"/>
      <c r="K14" s="1095"/>
      <c r="L14" s="1095"/>
      <c r="M14" s="1095"/>
      <c r="N14" s="1095"/>
      <c r="O14" s="1095"/>
      <c r="P14" s="1096"/>
      <c r="Q14" s="1102">
        <v>10686</v>
      </c>
      <c r="R14" s="1103"/>
      <c r="S14" s="1103"/>
      <c r="T14" s="1103"/>
      <c r="U14" s="1103"/>
      <c r="V14" s="1103">
        <v>10283</v>
      </c>
      <c r="W14" s="1103"/>
      <c r="X14" s="1103"/>
      <c r="Y14" s="1103"/>
      <c r="Z14" s="1103"/>
      <c r="AA14" s="1103">
        <v>403</v>
      </c>
      <c r="AB14" s="1103"/>
      <c r="AC14" s="1103"/>
      <c r="AD14" s="1103"/>
      <c r="AE14" s="1104"/>
      <c r="AF14" s="1099" t="s">
        <v>395</v>
      </c>
      <c r="AG14" s="1100"/>
      <c r="AH14" s="1100"/>
      <c r="AI14" s="1100"/>
      <c r="AJ14" s="1101"/>
      <c r="AK14" s="1144">
        <v>3353</v>
      </c>
      <c r="AL14" s="1145"/>
      <c r="AM14" s="1145"/>
      <c r="AN14" s="1145"/>
      <c r="AO14" s="1145"/>
      <c r="AP14" s="1145">
        <v>43185</v>
      </c>
      <c r="AQ14" s="1145"/>
      <c r="AR14" s="1145"/>
      <c r="AS14" s="1145"/>
      <c r="AT14" s="1145"/>
      <c r="AU14" s="1146"/>
      <c r="AV14" s="1146"/>
      <c r="AW14" s="1146"/>
      <c r="AX14" s="1146"/>
      <c r="AY14" s="1147"/>
      <c r="AZ14" s="235"/>
      <c r="BA14" s="235"/>
      <c r="BB14" s="235"/>
      <c r="BC14" s="235"/>
      <c r="BD14" s="235"/>
      <c r="BE14" s="236"/>
      <c r="BF14" s="236"/>
      <c r="BG14" s="236"/>
      <c r="BH14" s="236"/>
      <c r="BI14" s="236"/>
      <c r="BJ14" s="236"/>
      <c r="BK14" s="236"/>
      <c r="BL14" s="236"/>
      <c r="BM14" s="236"/>
      <c r="BN14" s="236"/>
      <c r="BO14" s="236"/>
      <c r="BP14" s="236"/>
      <c r="BQ14" s="241">
        <v>8</v>
      </c>
      <c r="BR14" s="242"/>
      <c r="BS14" s="1056" t="s">
        <v>612</v>
      </c>
      <c r="BT14" s="1057"/>
      <c r="BU14" s="1057"/>
      <c r="BV14" s="1057"/>
      <c r="BW14" s="1057"/>
      <c r="BX14" s="1057"/>
      <c r="BY14" s="1057"/>
      <c r="BZ14" s="1057"/>
      <c r="CA14" s="1057"/>
      <c r="CB14" s="1057"/>
      <c r="CC14" s="1057"/>
      <c r="CD14" s="1057"/>
      <c r="CE14" s="1057"/>
      <c r="CF14" s="1057"/>
      <c r="CG14" s="1078"/>
      <c r="CH14" s="1053">
        <v>74</v>
      </c>
      <c r="CI14" s="1054"/>
      <c r="CJ14" s="1054"/>
      <c r="CK14" s="1054"/>
      <c r="CL14" s="1055"/>
      <c r="CM14" s="1053">
        <v>1214</v>
      </c>
      <c r="CN14" s="1054"/>
      <c r="CO14" s="1054"/>
      <c r="CP14" s="1054"/>
      <c r="CQ14" s="1055"/>
      <c r="CR14" s="1053">
        <v>500</v>
      </c>
      <c r="CS14" s="1054"/>
      <c r="CT14" s="1054"/>
      <c r="CU14" s="1054"/>
      <c r="CV14" s="1055"/>
      <c r="CW14" s="1053">
        <v>101</v>
      </c>
      <c r="CX14" s="1054"/>
      <c r="CY14" s="1054"/>
      <c r="CZ14" s="1054"/>
      <c r="DA14" s="1055"/>
      <c r="DB14" s="1053">
        <v>0</v>
      </c>
      <c r="DC14" s="1054"/>
      <c r="DD14" s="1054"/>
      <c r="DE14" s="1054"/>
      <c r="DF14" s="1055"/>
      <c r="DG14" s="1053">
        <v>0</v>
      </c>
      <c r="DH14" s="1054"/>
      <c r="DI14" s="1054"/>
      <c r="DJ14" s="1054"/>
      <c r="DK14" s="1055"/>
      <c r="DL14" s="1053">
        <v>0</v>
      </c>
      <c r="DM14" s="1054"/>
      <c r="DN14" s="1054"/>
      <c r="DO14" s="1054"/>
      <c r="DP14" s="1055"/>
      <c r="DQ14" s="1053">
        <v>0</v>
      </c>
      <c r="DR14" s="1054"/>
      <c r="DS14" s="1054"/>
      <c r="DT14" s="1054"/>
      <c r="DU14" s="1055"/>
      <c r="DV14" s="1056"/>
      <c r="DW14" s="1057"/>
      <c r="DX14" s="1057"/>
      <c r="DY14" s="1057"/>
      <c r="DZ14" s="1058"/>
      <c r="EA14" s="237"/>
    </row>
    <row r="15" spans="1:131" s="238" customFormat="1" ht="26.25" customHeight="1" x14ac:dyDescent="0.2">
      <c r="A15" s="241">
        <v>9</v>
      </c>
      <c r="B15" s="1094" t="s">
        <v>396</v>
      </c>
      <c r="C15" s="1095"/>
      <c r="D15" s="1095"/>
      <c r="E15" s="1095"/>
      <c r="F15" s="1095"/>
      <c r="G15" s="1095"/>
      <c r="H15" s="1095"/>
      <c r="I15" s="1095"/>
      <c r="J15" s="1095"/>
      <c r="K15" s="1095"/>
      <c r="L15" s="1095"/>
      <c r="M15" s="1095"/>
      <c r="N15" s="1095"/>
      <c r="O15" s="1095"/>
      <c r="P15" s="1096"/>
      <c r="Q15" s="1102">
        <v>15271</v>
      </c>
      <c r="R15" s="1103"/>
      <c r="S15" s="1103"/>
      <c r="T15" s="1103"/>
      <c r="U15" s="1103"/>
      <c r="V15" s="1103">
        <v>12590</v>
      </c>
      <c r="W15" s="1103"/>
      <c r="X15" s="1103"/>
      <c r="Y15" s="1103"/>
      <c r="Z15" s="1103"/>
      <c r="AA15" s="1103">
        <v>2681</v>
      </c>
      <c r="AB15" s="1103"/>
      <c r="AC15" s="1103"/>
      <c r="AD15" s="1103"/>
      <c r="AE15" s="1104"/>
      <c r="AF15" s="1099">
        <v>15</v>
      </c>
      <c r="AG15" s="1100"/>
      <c r="AH15" s="1100"/>
      <c r="AI15" s="1100"/>
      <c r="AJ15" s="1101"/>
      <c r="AK15" s="1144">
        <v>5303</v>
      </c>
      <c r="AL15" s="1145"/>
      <c r="AM15" s="1145"/>
      <c r="AN15" s="1145"/>
      <c r="AO15" s="1145"/>
      <c r="AP15" s="1145">
        <v>39329</v>
      </c>
      <c r="AQ15" s="1145"/>
      <c r="AR15" s="1145"/>
      <c r="AS15" s="1145"/>
      <c r="AT15" s="1145"/>
      <c r="AU15" s="1146"/>
      <c r="AV15" s="1146"/>
      <c r="AW15" s="1146"/>
      <c r="AX15" s="1146"/>
      <c r="AY15" s="1147"/>
      <c r="AZ15" s="235"/>
      <c r="BA15" s="235"/>
      <c r="BB15" s="235"/>
      <c r="BC15" s="235"/>
      <c r="BD15" s="235"/>
      <c r="BE15" s="236"/>
      <c r="BF15" s="236"/>
      <c r="BG15" s="236"/>
      <c r="BH15" s="236"/>
      <c r="BI15" s="236"/>
      <c r="BJ15" s="236"/>
      <c r="BK15" s="236"/>
      <c r="BL15" s="236"/>
      <c r="BM15" s="236"/>
      <c r="BN15" s="236"/>
      <c r="BO15" s="236"/>
      <c r="BP15" s="236"/>
      <c r="BQ15" s="241">
        <v>9</v>
      </c>
      <c r="BR15" s="242"/>
      <c r="BS15" s="1056" t="s">
        <v>613</v>
      </c>
      <c r="BT15" s="1057"/>
      <c r="BU15" s="1057"/>
      <c r="BV15" s="1057"/>
      <c r="BW15" s="1057"/>
      <c r="BX15" s="1057"/>
      <c r="BY15" s="1057"/>
      <c r="BZ15" s="1057"/>
      <c r="CA15" s="1057"/>
      <c r="CB15" s="1057"/>
      <c r="CC15" s="1057"/>
      <c r="CD15" s="1057"/>
      <c r="CE15" s="1057"/>
      <c r="CF15" s="1057"/>
      <c r="CG15" s="1078"/>
      <c r="CH15" s="1053">
        <v>-10</v>
      </c>
      <c r="CI15" s="1054"/>
      <c r="CJ15" s="1054"/>
      <c r="CK15" s="1054"/>
      <c r="CL15" s="1055"/>
      <c r="CM15" s="1053">
        <v>14927</v>
      </c>
      <c r="CN15" s="1054"/>
      <c r="CO15" s="1054"/>
      <c r="CP15" s="1054"/>
      <c r="CQ15" s="1055"/>
      <c r="CR15" s="1053">
        <v>100</v>
      </c>
      <c r="CS15" s="1054"/>
      <c r="CT15" s="1054"/>
      <c r="CU15" s="1054"/>
      <c r="CV15" s="1055"/>
      <c r="CW15" s="1053">
        <v>449</v>
      </c>
      <c r="CX15" s="1054"/>
      <c r="CY15" s="1054"/>
      <c r="CZ15" s="1054"/>
      <c r="DA15" s="1055"/>
      <c r="DB15" s="1053">
        <v>547</v>
      </c>
      <c r="DC15" s="1054"/>
      <c r="DD15" s="1054"/>
      <c r="DE15" s="1054"/>
      <c r="DF15" s="1055"/>
      <c r="DG15" s="1053">
        <v>0</v>
      </c>
      <c r="DH15" s="1054"/>
      <c r="DI15" s="1054"/>
      <c r="DJ15" s="1054"/>
      <c r="DK15" s="1055"/>
      <c r="DL15" s="1053">
        <v>0</v>
      </c>
      <c r="DM15" s="1054"/>
      <c r="DN15" s="1054"/>
      <c r="DO15" s="1054"/>
      <c r="DP15" s="1055"/>
      <c r="DQ15" s="1053">
        <v>0</v>
      </c>
      <c r="DR15" s="1054"/>
      <c r="DS15" s="1054"/>
      <c r="DT15" s="1054"/>
      <c r="DU15" s="1055"/>
      <c r="DV15" s="1056"/>
      <c r="DW15" s="1057"/>
      <c r="DX15" s="1057"/>
      <c r="DY15" s="1057"/>
      <c r="DZ15" s="1058"/>
      <c r="EA15" s="237"/>
    </row>
    <row r="16" spans="1:131" s="238" customFormat="1" ht="26.25" customHeight="1" x14ac:dyDescent="0.2">
      <c r="A16" s="241">
        <v>10</v>
      </c>
      <c r="B16" s="1094"/>
      <c r="C16" s="1095"/>
      <c r="D16" s="1095"/>
      <c r="E16" s="1095"/>
      <c r="F16" s="1095"/>
      <c r="G16" s="1095"/>
      <c r="H16" s="1095"/>
      <c r="I16" s="1095"/>
      <c r="J16" s="1095"/>
      <c r="K16" s="1095"/>
      <c r="L16" s="1095"/>
      <c r="M16" s="1095"/>
      <c r="N16" s="1095"/>
      <c r="O16" s="1095"/>
      <c r="P16" s="1096"/>
      <c r="Q16" s="1102"/>
      <c r="R16" s="1103"/>
      <c r="S16" s="1103"/>
      <c r="T16" s="1103"/>
      <c r="U16" s="1103"/>
      <c r="V16" s="1103"/>
      <c r="W16" s="1103"/>
      <c r="X16" s="1103"/>
      <c r="Y16" s="1103"/>
      <c r="Z16" s="1103"/>
      <c r="AA16" s="1103"/>
      <c r="AB16" s="1103"/>
      <c r="AC16" s="1103"/>
      <c r="AD16" s="1103"/>
      <c r="AE16" s="1104"/>
      <c r="AF16" s="1099"/>
      <c r="AG16" s="1100"/>
      <c r="AH16" s="1100"/>
      <c r="AI16" s="1100"/>
      <c r="AJ16" s="1101"/>
      <c r="AK16" s="1144"/>
      <c r="AL16" s="1145"/>
      <c r="AM16" s="1145"/>
      <c r="AN16" s="1145"/>
      <c r="AO16" s="1145"/>
      <c r="AP16" s="1145"/>
      <c r="AQ16" s="1145"/>
      <c r="AR16" s="1145"/>
      <c r="AS16" s="1145"/>
      <c r="AT16" s="1145"/>
      <c r="AU16" s="1146"/>
      <c r="AV16" s="1146"/>
      <c r="AW16" s="1146"/>
      <c r="AX16" s="1146"/>
      <c r="AY16" s="1147"/>
      <c r="AZ16" s="235"/>
      <c r="BA16" s="235"/>
      <c r="BB16" s="235"/>
      <c r="BC16" s="235"/>
      <c r="BD16" s="235"/>
      <c r="BE16" s="236"/>
      <c r="BF16" s="236"/>
      <c r="BG16" s="236"/>
      <c r="BH16" s="236"/>
      <c r="BI16" s="236"/>
      <c r="BJ16" s="236"/>
      <c r="BK16" s="236"/>
      <c r="BL16" s="236"/>
      <c r="BM16" s="236"/>
      <c r="BN16" s="236"/>
      <c r="BO16" s="236"/>
      <c r="BP16" s="236"/>
      <c r="BQ16" s="241">
        <v>10</v>
      </c>
      <c r="BR16" s="242"/>
      <c r="BS16" s="1056" t="s">
        <v>614</v>
      </c>
      <c r="BT16" s="1057"/>
      <c r="BU16" s="1057"/>
      <c r="BV16" s="1057"/>
      <c r="BW16" s="1057"/>
      <c r="BX16" s="1057"/>
      <c r="BY16" s="1057"/>
      <c r="BZ16" s="1057"/>
      <c r="CA16" s="1057"/>
      <c r="CB16" s="1057"/>
      <c r="CC16" s="1057"/>
      <c r="CD16" s="1057"/>
      <c r="CE16" s="1057"/>
      <c r="CF16" s="1057"/>
      <c r="CG16" s="1078"/>
      <c r="CH16" s="1053">
        <v>-1</v>
      </c>
      <c r="CI16" s="1054"/>
      <c r="CJ16" s="1054"/>
      <c r="CK16" s="1054"/>
      <c r="CL16" s="1055"/>
      <c r="CM16" s="1053">
        <v>71</v>
      </c>
      <c r="CN16" s="1054"/>
      <c r="CO16" s="1054"/>
      <c r="CP16" s="1054"/>
      <c r="CQ16" s="1055"/>
      <c r="CR16" s="1053">
        <v>5</v>
      </c>
      <c r="CS16" s="1054"/>
      <c r="CT16" s="1054"/>
      <c r="CU16" s="1054"/>
      <c r="CV16" s="1055"/>
      <c r="CW16" s="1053">
        <v>14</v>
      </c>
      <c r="CX16" s="1054"/>
      <c r="CY16" s="1054"/>
      <c r="CZ16" s="1054"/>
      <c r="DA16" s="1055"/>
      <c r="DB16" s="1053">
        <v>0</v>
      </c>
      <c r="DC16" s="1054"/>
      <c r="DD16" s="1054"/>
      <c r="DE16" s="1054"/>
      <c r="DF16" s="1055"/>
      <c r="DG16" s="1053">
        <v>0</v>
      </c>
      <c r="DH16" s="1054"/>
      <c r="DI16" s="1054"/>
      <c r="DJ16" s="1054"/>
      <c r="DK16" s="1055"/>
      <c r="DL16" s="1053">
        <v>0</v>
      </c>
      <c r="DM16" s="1054"/>
      <c r="DN16" s="1054"/>
      <c r="DO16" s="1054"/>
      <c r="DP16" s="1055"/>
      <c r="DQ16" s="1053">
        <v>0</v>
      </c>
      <c r="DR16" s="1054"/>
      <c r="DS16" s="1054"/>
      <c r="DT16" s="1054"/>
      <c r="DU16" s="1055"/>
      <c r="DV16" s="1056"/>
      <c r="DW16" s="1057"/>
      <c r="DX16" s="1057"/>
      <c r="DY16" s="1057"/>
      <c r="DZ16" s="1058"/>
      <c r="EA16" s="237"/>
    </row>
    <row r="17" spans="1:131" s="238" customFormat="1" ht="26.25" customHeight="1" x14ac:dyDescent="0.2">
      <c r="A17" s="241">
        <v>11</v>
      </c>
      <c r="B17" s="1094"/>
      <c r="C17" s="1095"/>
      <c r="D17" s="1095"/>
      <c r="E17" s="1095"/>
      <c r="F17" s="1095"/>
      <c r="G17" s="1095"/>
      <c r="H17" s="1095"/>
      <c r="I17" s="1095"/>
      <c r="J17" s="1095"/>
      <c r="K17" s="1095"/>
      <c r="L17" s="1095"/>
      <c r="M17" s="1095"/>
      <c r="N17" s="1095"/>
      <c r="O17" s="1095"/>
      <c r="P17" s="1096"/>
      <c r="Q17" s="1102"/>
      <c r="R17" s="1103"/>
      <c r="S17" s="1103"/>
      <c r="T17" s="1103"/>
      <c r="U17" s="1103"/>
      <c r="V17" s="1103"/>
      <c r="W17" s="1103"/>
      <c r="X17" s="1103"/>
      <c r="Y17" s="1103"/>
      <c r="Z17" s="1103"/>
      <c r="AA17" s="1103"/>
      <c r="AB17" s="1103"/>
      <c r="AC17" s="1103"/>
      <c r="AD17" s="1103"/>
      <c r="AE17" s="1104"/>
      <c r="AF17" s="1099"/>
      <c r="AG17" s="1100"/>
      <c r="AH17" s="1100"/>
      <c r="AI17" s="1100"/>
      <c r="AJ17" s="1101"/>
      <c r="AK17" s="1144"/>
      <c r="AL17" s="1145"/>
      <c r="AM17" s="1145"/>
      <c r="AN17" s="1145"/>
      <c r="AO17" s="1145"/>
      <c r="AP17" s="1145"/>
      <c r="AQ17" s="1145"/>
      <c r="AR17" s="1145"/>
      <c r="AS17" s="1145"/>
      <c r="AT17" s="1145"/>
      <c r="AU17" s="1146"/>
      <c r="AV17" s="1146"/>
      <c r="AW17" s="1146"/>
      <c r="AX17" s="1146"/>
      <c r="AY17" s="1147"/>
      <c r="AZ17" s="235"/>
      <c r="BA17" s="235"/>
      <c r="BB17" s="235"/>
      <c r="BC17" s="235"/>
      <c r="BD17" s="235"/>
      <c r="BE17" s="236"/>
      <c r="BF17" s="236"/>
      <c r="BG17" s="236"/>
      <c r="BH17" s="236"/>
      <c r="BI17" s="236"/>
      <c r="BJ17" s="236"/>
      <c r="BK17" s="236"/>
      <c r="BL17" s="236"/>
      <c r="BM17" s="236"/>
      <c r="BN17" s="236"/>
      <c r="BO17" s="236"/>
      <c r="BP17" s="236"/>
      <c r="BQ17" s="241">
        <v>11</v>
      </c>
      <c r="BR17" s="242"/>
      <c r="BS17" s="1056" t="s">
        <v>615</v>
      </c>
      <c r="BT17" s="1057"/>
      <c r="BU17" s="1057"/>
      <c r="BV17" s="1057"/>
      <c r="BW17" s="1057"/>
      <c r="BX17" s="1057"/>
      <c r="BY17" s="1057"/>
      <c r="BZ17" s="1057"/>
      <c r="CA17" s="1057"/>
      <c r="CB17" s="1057"/>
      <c r="CC17" s="1057"/>
      <c r="CD17" s="1057"/>
      <c r="CE17" s="1057"/>
      <c r="CF17" s="1057"/>
      <c r="CG17" s="1078"/>
      <c r="CH17" s="1053">
        <v>-11</v>
      </c>
      <c r="CI17" s="1054"/>
      <c r="CJ17" s="1054"/>
      <c r="CK17" s="1054"/>
      <c r="CL17" s="1055"/>
      <c r="CM17" s="1053">
        <v>514</v>
      </c>
      <c r="CN17" s="1054"/>
      <c r="CO17" s="1054"/>
      <c r="CP17" s="1054"/>
      <c r="CQ17" s="1055"/>
      <c r="CR17" s="1053">
        <v>10</v>
      </c>
      <c r="CS17" s="1054"/>
      <c r="CT17" s="1054"/>
      <c r="CU17" s="1054"/>
      <c r="CV17" s="1055"/>
      <c r="CW17" s="1053">
        <v>48</v>
      </c>
      <c r="CX17" s="1054"/>
      <c r="CY17" s="1054"/>
      <c r="CZ17" s="1054"/>
      <c r="DA17" s="1055"/>
      <c r="DB17" s="1053">
        <v>0</v>
      </c>
      <c r="DC17" s="1054"/>
      <c r="DD17" s="1054"/>
      <c r="DE17" s="1054"/>
      <c r="DF17" s="1055"/>
      <c r="DG17" s="1053">
        <v>0</v>
      </c>
      <c r="DH17" s="1054"/>
      <c r="DI17" s="1054"/>
      <c r="DJ17" s="1054"/>
      <c r="DK17" s="1055"/>
      <c r="DL17" s="1053">
        <v>0</v>
      </c>
      <c r="DM17" s="1054"/>
      <c r="DN17" s="1054"/>
      <c r="DO17" s="1054"/>
      <c r="DP17" s="1055"/>
      <c r="DQ17" s="1053">
        <v>0</v>
      </c>
      <c r="DR17" s="1054"/>
      <c r="DS17" s="1054"/>
      <c r="DT17" s="1054"/>
      <c r="DU17" s="1055"/>
      <c r="DV17" s="1056"/>
      <c r="DW17" s="1057"/>
      <c r="DX17" s="1057"/>
      <c r="DY17" s="1057"/>
      <c r="DZ17" s="1058"/>
      <c r="EA17" s="237"/>
    </row>
    <row r="18" spans="1:131" s="238" customFormat="1" ht="26.25" customHeight="1" x14ac:dyDescent="0.2">
      <c r="A18" s="241">
        <v>12</v>
      </c>
      <c r="B18" s="1094"/>
      <c r="C18" s="1095"/>
      <c r="D18" s="1095"/>
      <c r="E18" s="1095"/>
      <c r="F18" s="1095"/>
      <c r="G18" s="1095"/>
      <c r="H18" s="1095"/>
      <c r="I18" s="1095"/>
      <c r="J18" s="1095"/>
      <c r="K18" s="1095"/>
      <c r="L18" s="1095"/>
      <c r="M18" s="1095"/>
      <c r="N18" s="1095"/>
      <c r="O18" s="1095"/>
      <c r="P18" s="1096"/>
      <c r="Q18" s="1102"/>
      <c r="R18" s="1103"/>
      <c r="S18" s="1103"/>
      <c r="T18" s="1103"/>
      <c r="U18" s="1103"/>
      <c r="V18" s="1103"/>
      <c r="W18" s="1103"/>
      <c r="X18" s="1103"/>
      <c r="Y18" s="1103"/>
      <c r="Z18" s="1103"/>
      <c r="AA18" s="1103"/>
      <c r="AB18" s="1103"/>
      <c r="AC18" s="1103"/>
      <c r="AD18" s="1103"/>
      <c r="AE18" s="1104"/>
      <c r="AF18" s="1099"/>
      <c r="AG18" s="1100"/>
      <c r="AH18" s="1100"/>
      <c r="AI18" s="1100"/>
      <c r="AJ18" s="1101"/>
      <c r="AK18" s="1144"/>
      <c r="AL18" s="1145"/>
      <c r="AM18" s="1145"/>
      <c r="AN18" s="1145"/>
      <c r="AO18" s="1145"/>
      <c r="AP18" s="1145"/>
      <c r="AQ18" s="1145"/>
      <c r="AR18" s="1145"/>
      <c r="AS18" s="1145"/>
      <c r="AT18" s="1145"/>
      <c r="AU18" s="1146"/>
      <c r="AV18" s="1146"/>
      <c r="AW18" s="1146"/>
      <c r="AX18" s="1146"/>
      <c r="AY18" s="1147"/>
      <c r="AZ18" s="235"/>
      <c r="BA18" s="235"/>
      <c r="BB18" s="235"/>
      <c r="BC18" s="235"/>
      <c r="BD18" s="235"/>
      <c r="BE18" s="236"/>
      <c r="BF18" s="236"/>
      <c r="BG18" s="236"/>
      <c r="BH18" s="236"/>
      <c r="BI18" s="236"/>
      <c r="BJ18" s="236"/>
      <c r="BK18" s="236"/>
      <c r="BL18" s="236"/>
      <c r="BM18" s="236"/>
      <c r="BN18" s="236"/>
      <c r="BO18" s="236"/>
      <c r="BP18" s="236"/>
      <c r="BQ18" s="241">
        <v>12</v>
      </c>
      <c r="BR18" s="242"/>
      <c r="BS18" s="1056" t="s">
        <v>616</v>
      </c>
      <c r="BT18" s="1057"/>
      <c r="BU18" s="1057"/>
      <c r="BV18" s="1057"/>
      <c r="BW18" s="1057"/>
      <c r="BX18" s="1057"/>
      <c r="BY18" s="1057"/>
      <c r="BZ18" s="1057"/>
      <c r="CA18" s="1057"/>
      <c r="CB18" s="1057"/>
      <c r="CC18" s="1057"/>
      <c r="CD18" s="1057"/>
      <c r="CE18" s="1057"/>
      <c r="CF18" s="1057"/>
      <c r="CG18" s="1078"/>
      <c r="CH18" s="1053">
        <v>2964</v>
      </c>
      <c r="CI18" s="1054"/>
      <c r="CJ18" s="1054"/>
      <c r="CK18" s="1054"/>
      <c r="CL18" s="1055"/>
      <c r="CM18" s="1053">
        <v>35953</v>
      </c>
      <c r="CN18" s="1054"/>
      <c r="CO18" s="1054"/>
      <c r="CP18" s="1054"/>
      <c r="CQ18" s="1055"/>
      <c r="CR18" s="1053">
        <v>7628</v>
      </c>
      <c r="CS18" s="1054"/>
      <c r="CT18" s="1054"/>
      <c r="CU18" s="1054"/>
      <c r="CV18" s="1055"/>
      <c r="CW18" s="1053">
        <v>331</v>
      </c>
      <c r="CX18" s="1054"/>
      <c r="CY18" s="1054"/>
      <c r="CZ18" s="1054"/>
      <c r="DA18" s="1055"/>
      <c r="DB18" s="1053">
        <v>190616</v>
      </c>
      <c r="DC18" s="1054"/>
      <c r="DD18" s="1054"/>
      <c r="DE18" s="1054"/>
      <c r="DF18" s="1055"/>
      <c r="DG18" s="1053">
        <v>0</v>
      </c>
      <c r="DH18" s="1054"/>
      <c r="DI18" s="1054"/>
      <c r="DJ18" s="1054"/>
      <c r="DK18" s="1055"/>
      <c r="DL18" s="1053">
        <v>0</v>
      </c>
      <c r="DM18" s="1054"/>
      <c r="DN18" s="1054"/>
      <c r="DO18" s="1054"/>
      <c r="DP18" s="1055"/>
      <c r="DQ18" s="1053">
        <v>0</v>
      </c>
      <c r="DR18" s="1054"/>
      <c r="DS18" s="1054"/>
      <c r="DT18" s="1054"/>
      <c r="DU18" s="1055"/>
      <c r="DV18" s="1056"/>
      <c r="DW18" s="1057"/>
      <c r="DX18" s="1057"/>
      <c r="DY18" s="1057"/>
      <c r="DZ18" s="1058"/>
      <c r="EA18" s="237"/>
    </row>
    <row r="19" spans="1:131" s="238" customFormat="1" ht="26.25" customHeight="1" x14ac:dyDescent="0.2">
      <c r="A19" s="241">
        <v>13</v>
      </c>
      <c r="B19" s="1094"/>
      <c r="C19" s="1095"/>
      <c r="D19" s="1095"/>
      <c r="E19" s="1095"/>
      <c r="F19" s="1095"/>
      <c r="G19" s="1095"/>
      <c r="H19" s="1095"/>
      <c r="I19" s="1095"/>
      <c r="J19" s="1095"/>
      <c r="K19" s="1095"/>
      <c r="L19" s="1095"/>
      <c r="M19" s="1095"/>
      <c r="N19" s="1095"/>
      <c r="O19" s="1095"/>
      <c r="P19" s="1096"/>
      <c r="Q19" s="1102"/>
      <c r="R19" s="1103"/>
      <c r="S19" s="1103"/>
      <c r="T19" s="1103"/>
      <c r="U19" s="1103"/>
      <c r="V19" s="1103"/>
      <c r="W19" s="1103"/>
      <c r="X19" s="1103"/>
      <c r="Y19" s="1103"/>
      <c r="Z19" s="1103"/>
      <c r="AA19" s="1103"/>
      <c r="AB19" s="1103"/>
      <c r="AC19" s="1103"/>
      <c r="AD19" s="1103"/>
      <c r="AE19" s="1104"/>
      <c r="AF19" s="1099"/>
      <c r="AG19" s="1100"/>
      <c r="AH19" s="1100"/>
      <c r="AI19" s="1100"/>
      <c r="AJ19" s="1101"/>
      <c r="AK19" s="1144"/>
      <c r="AL19" s="1145"/>
      <c r="AM19" s="1145"/>
      <c r="AN19" s="1145"/>
      <c r="AO19" s="1145"/>
      <c r="AP19" s="1145"/>
      <c r="AQ19" s="1145"/>
      <c r="AR19" s="1145"/>
      <c r="AS19" s="1145"/>
      <c r="AT19" s="1145"/>
      <c r="AU19" s="1146"/>
      <c r="AV19" s="1146"/>
      <c r="AW19" s="1146"/>
      <c r="AX19" s="1146"/>
      <c r="AY19" s="1147"/>
      <c r="AZ19" s="235"/>
      <c r="BA19" s="235"/>
      <c r="BB19" s="235"/>
      <c r="BC19" s="235"/>
      <c r="BD19" s="235"/>
      <c r="BE19" s="236"/>
      <c r="BF19" s="236"/>
      <c r="BG19" s="236"/>
      <c r="BH19" s="236"/>
      <c r="BI19" s="236"/>
      <c r="BJ19" s="236"/>
      <c r="BK19" s="236"/>
      <c r="BL19" s="236"/>
      <c r="BM19" s="236"/>
      <c r="BN19" s="236"/>
      <c r="BO19" s="236"/>
      <c r="BP19" s="236"/>
      <c r="BQ19" s="241">
        <v>13</v>
      </c>
      <c r="BR19" s="242"/>
      <c r="BS19" s="1056" t="s">
        <v>617</v>
      </c>
      <c r="BT19" s="1057"/>
      <c r="BU19" s="1057"/>
      <c r="BV19" s="1057"/>
      <c r="BW19" s="1057"/>
      <c r="BX19" s="1057"/>
      <c r="BY19" s="1057"/>
      <c r="BZ19" s="1057"/>
      <c r="CA19" s="1057"/>
      <c r="CB19" s="1057"/>
      <c r="CC19" s="1057"/>
      <c r="CD19" s="1057"/>
      <c r="CE19" s="1057"/>
      <c r="CF19" s="1057"/>
      <c r="CG19" s="1078"/>
      <c r="CH19" s="1053">
        <v>84</v>
      </c>
      <c r="CI19" s="1054"/>
      <c r="CJ19" s="1054"/>
      <c r="CK19" s="1054"/>
      <c r="CL19" s="1055"/>
      <c r="CM19" s="1053">
        <v>1159</v>
      </c>
      <c r="CN19" s="1054"/>
      <c r="CO19" s="1054"/>
      <c r="CP19" s="1054"/>
      <c r="CQ19" s="1055"/>
      <c r="CR19" s="1053">
        <v>25</v>
      </c>
      <c r="CS19" s="1054"/>
      <c r="CT19" s="1054"/>
      <c r="CU19" s="1054"/>
      <c r="CV19" s="1055"/>
      <c r="CW19" s="1053">
        <v>0</v>
      </c>
      <c r="CX19" s="1054"/>
      <c r="CY19" s="1054"/>
      <c r="CZ19" s="1054"/>
      <c r="DA19" s="1055"/>
      <c r="DB19" s="1053">
        <v>0</v>
      </c>
      <c r="DC19" s="1054"/>
      <c r="DD19" s="1054"/>
      <c r="DE19" s="1054"/>
      <c r="DF19" s="1055"/>
      <c r="DG19" s="1053">
        <v>0</v>
      </c>
      <c r="DH19" s="1054"/>
      <c r="DI19" s="1054"/>
      <c r="DJ19" s="1054"/>
      <c r="DK19" s="1055"/>
      <c r="DL19" s="1053">
        <v>0</v>
      </c>
      <c r="DM19" s="1054"/>
      <c r="DN19" s="1054"/>
      <c r="DO19" s="1054"/>
      <c r="DP19" s="1055"/>
      <c r="DQ19" s="1053">
        <v>0</v>
      </c>
      <c r="DR19" s="1054"/>
      <c r="DS19" s="1054"/>
      <c r="DT19" s="1054"/>
      <c r="DU19" s="1055"/>
      <c r="DV19" s="1056"/>
      <c r="DW19" s="1057"/>
      <c r="DX19" s="1057"/>
      <c r="DY19" s="1057"/>
      <c r="DZ19" s="1058"/>
      <c r="EA19" s="237"/>
    </row>
    <row r="20" spans="1:131" s="238" customFormat="1" ht="26.25" customHeight="1" x14ac:dyDescent="0.2">
      <c r="A20" s="241">
        <v>14</v>
      </c>
      <c r="B20" s="1094"/>
      <c r="C20" s="1095"/>
      <c r="D20" s="1095"/>
      <c r="E20" s="1095"/>
      <c r="F20" s="1095"/>
      <c r="G20" s="1095"/>
      <c r="H20" s="1095"/>
      <c r="I20" s="1095"/>
      <c r="J20" s="1095"/>
      <c r="K20" s="1095"/>
      <c r="L20" s="1095"/>
      <c r="M20" s="1095"/>
      <c r="N20" s="1095"/>
      <c r="O20" s="1095"/>
      <c r="P20" s="1096"/>
      <c r="Q20" s="1102"/>
      <c r="R20" s="1103"/>
      <c r="S20" s="1103"/>
      <c r="T20" s="1103"/>
      <c r="U20" s="1103"/>
      <c r="V20" s="1103"/>
      <c r="W20" s="1103"/>
      <c r="X20" s="1103"/>
      <c r="Y20" s="1103"/>
      <c r="Z20" s="1103"/>
      <c r="AA20" s="1103"/>
      <c r="AB20" s="1103"/>
      <c r="AC20" s="1103"/>
      <c r="AD20" s="1103"/>
      <c r="AE20" s="1104"/>
      <c r="AF20" s="1099"/>
      <c r="AG20" s="1100"/>
      <c r="AH20" s="1100"/>
      <c r="AI20" s="1100"/>
      <c r="AJ20" s="1101"/>
      <c r="AK20" s="1144"/>
      <c r="AL20" s="1145"/>
      <c r="AM20" s="1145"/>
      <c r="AN20" s="1145"/>
      <c r="AO20" s="1145"/>
      <c r="AP20" s="1145"/>
      <c r="AQ20" s="1145"/>
      <c r="AR20" s="1145"/>
      <c r="AS20" s="1145"/>
      <c r="AT20" s="1145"/>
      <c r="AU20" s="1146"/>
      <c r="AV20" s="1146"/>
      <c r="AW20" s="1146"/>
      <c r="AX20" s="1146"/>
      <c r="AY20" s="1147"/>
      <c r="AZ20" s="235"/>
      <c r="BA20" s="235"/>
      <c r="BB20" s="235"/>
      <c r="BC20" s="235"/>
      <c r="BD20" s="235"/>
      <c r="BE20" s="236"/>
      <c r="BF20" s="236"/>
      <c r="BG20" s="236"/>
      <c r="BH20" s="236"/>
      <c r="BI20" s="236"/>
      <c r="BJ20" s="236"/>
      <c r="BK20" s="236"/>
      <c r="BL20" s="236"/>
      <c r="BM20" s="236"/>
      <c r="BN20" s="236"/>
      <c r="BO20" s="236"/>
      <c r="BP20" s="236"/>
      <c r="BQ20" s="241">
        <v>14</v>
      </c>
      <c r="BR20" s="242"/>
      <c r="BS20" s="1056" t="s">
        <v>618</v>
      </c>
      <c r="BT20" s="1057"/>
      <c r="BU20" s="1057"/>
      <c r="BV20" s="1057"/>
      <c r="BW20" s="1057"/>
      <c r="BX20" s="1057"/>
      <c r="BY20" s="1057"/>
      <c r="BZ20" s="1057"/>
      <c r="CA20" s="1057"/>
      <c r="CB20" s="1057"/>
      <c r="CC20" s="1057"/>
      <c r="CD20" s="1057"/>
      <c r="CE20" s="1057"/>
      <c r="CF20" s="1057"/>
      <c r="CG20" s="1078"/>
      <c r="CH20" s="1053">
        <v>5</v>
      </c>
      <c r="CI20" s="1054"/>
      <c r="CJ20" s="1054"/>
      <c r="CK20" s="1054"/>
      <c r="CL20" s="1055"/>
      <c r="CM20" s="1053">
        <v>167</v>
      </c>
      <c r="CN20" s="1054"/>
      <c r="CO20" s="1054"/>
      <c r="CP20" s="1054"/>
      <c r="CQ20" s="1055"/>
      <c r="CR20" s="1053">
        <v>50</v>
      </c>
      <c r="CS20" s="1054"/>
      <c r="CT20" s="1054"/>
      <c r="CU20" s="1054"/>
      <c r="CV20" s="1055"/>
      <c r="CW20" s="1053">
        <v>237</v>
      </c>
      <c r="CX20" s="1054"/>
      <c r="CY20" s="1054"/>
      <c r="CZ20" s="1054"/>
      <c r="DA20" s="1055"/>
      <c r="DB20" s="1053">
        <v>580</v>
      </c>
      <c r="DC20" s="1054"/>
      <c r="DD20" s="1054"/>
      <c r="DE20" s="1054"/>
      <c r="DF20" s="1055"/>
      <c r="DG20" s="1053">
        <v>0</v>
      </c>
      <c r="DH20" s="1054"/>
      <c r="DI20" s="1054"/>
      <c r="DJ20" s="1054"/>
      <c r="DK20" s="1055"/>
      <c r="DL20" s="1053">
        <v>0</v>
      </c>
      <c r="DM20" s="1054"/>
      <c r="DN20" s="1054"/>
      <c r="DO20" s="1054"/>
      <c r="DP20" s="1055"/>
      <c r="DQ20" s="1053">
        <v>0</v>
      </c>
      <c r="DR20" s="1054"/>
      <c r="DS20" s="1054"/>
      <c r="DT20" s="1054"/>
      <c r="DU20" s="1055"/>
      <c r="DV20" s="1056"/>
      <c r="DW20" s="1057"/>
      <c r="DX20" s="1057"/>
      <c r="DY20" s="1057"/>
      <c r="DZ20" s="1058"/>
      <c r="EA20" s="237"/>
    </row>
    <row r="21" spans="1:131" s="238" customFormat="1" ht="26.25" customHeight="1" thickBot="1" x14ac:dyDescent="0.25">
      <c r="A21" s="241">
        <v>15</v>
      </c>
      <c r="B21" s="1094"/>
      <c r="C21" s="1095"/>
      <c r="D21" s="1095"/>
      <c r="E21" s="1095"/>
      <c r="F21" s="1095"/>
      <c r="G21" s="1095"/>
      <c r="H21" s="1095"/>
      <c r="I21" s="1095"/>
      <c r="J21" s="1095"/>
      <c r="K21" s="1095"/>
      <c r="L21" s="1095"/>
      <c r="M21" s="1095"/>
      <c r="N21" s="1095"/>
      <c r="O21" s="1095"/>
      <c r="P21" s="1096"/>
      <c r="Q21" s="1102"/>
      <c r="R21" s="1103"/>
      <c r="S21" s="1103"/>
      <c r="T21" s="1103"/>
      <c r="U21" s="1103"/>
      <c r="V21" s="1103"/>
      <c r="W21" s="1103"/>
      <c r="X21" s="1103"/>
      <c r="Y21" s="1103"/>
      <c r="Z21" s="1103"/>
      <c r="AA21" s="1103"/>
      <c r="AB21" s="1103"/>
      <c r="AC21" s="1103"/>
      <c r="AD21" s="1103"/>
      <c r="AE21" s="1104"/>
      <c r="AF21" s="1099"/>
      <c r="AG21" s="1100"/>
      <c r="AH21" s="1100"/>
      <c r="AI21" s="1100"/>
      <c r="AJ21" s="1101"/>
      <c r="AK21" s="1144"/>
      <c r="AL21" s="1145"/>
      <c r="AM21" s="1145"/>
      <c r="AN21" s="1145"/>
      <c r="AO21" s="1145"/>
      <c r="AP21" s="1145"/>
      <c r="AQ21" s="1145"/>
      <c r="AR21" s="1145"/>
      <c r="AS21" s="1145"/>
      <c r="AT21" s="1145"/>
      <c r="AU21" s="1146"/>
      <c r="AV21" s="1146"/>
      <c r="AW21" s="1146"/>
      <c r="AX21" s="1146"/>
      <c r="AY21" s="1147"/>
      <c r="AZ21" s="235"/>
      <c r="BA21" s="235"/>
      <c r="BB21" s="235"/>
      <c r="BC21" s="235"/>
      <c r="BD21" s="235"/>
      <c r="BE21" s="236"/>
      <c r="BF21" s="236"/>
      <c r="BG21" s="236"/>
      <c r="BH21" s="236"/>
      <c r="BI21" s="236"/>
      <c r="BJ21" s="236"/>
      <c r="BK21" s="236"/>
      <c r="BL21" s="236"/>
      <c r="BM21" s="236"/>
      <c r="BN21" s="236"/>
      <c r="BO21" s="236"/>
      <c r="BP21" s="236"/>
      <c r="BQ21" s="241">
        <v>15</v>
      </c>
      <c r="BR21" s="242"/>
      <c r="BS21" s="1056" t="s">
        <v>619</v>
      </c>
      <c r="BT21" s="1057"/>
      <c r="BU21" s="1057"/>
      <c r="BV21" s="1057"/>
      <c r="BW21" s="1057"/>
      <c r="BX21" s="1057"/>
      <c r="BY21" s="1057"/>
      <c r="BZ21" s="1057"/>
      <c r="CA21" s="1057"/>
      <c r="CB21" s="1057"/>
      <c r="CC21" s="1057"/>
      <c r="CD21" s="1057"/>
      <c r="CE21" s="1057"/>
      <c r="CF21" s="1057"/>
      <c r="CG21" s="1078"/>
      <c r="CH21" s="1053">
        <v>-33</v>
      </c>
      <c r="CI21" s="1054"/>
      <c r="CJ21" s="1054"/>
      <c r="CK21" s="1054"/>
      <c r="CL21" s="1055"/>
      <c r="CM21" s="1053">
        <v>6</v>
      </c>
      <c r="CN21" s="1054"/>
      <c r="CO21" s="1054"/>
      <c r="CP21" s="1054"/>
      <c r="CQ21" s="1055"/>
      <c r="CR21" s="1053">
        <v>5</v>
      </c>
      <c r="CS21" s="1054"/>
      <c r="CT21" s="1054"/>
      <c r="CU21" s="1054"/>
      <c r="CV21" s="1055"/>
      <c r="CW21" s="1053">
        <v>582</v>
      </c>
      <c r="CX21" s="1054"/>
      <c r="CY21" s="1054"/>
      <c r="CZ21" s="1054"/>
      <c r="DA21" s="1055"/>
      <c r="DB21" s="1053">
        <v>0</v>
      </c>
      <c r="DC21" s="1054"/>
      <c r="DD21" s="1054"/>
      <c r="DE21" s="1054"/>
      <c r="DF21" s="1055"/>
      <c r="DG21" s="1053">
        <v>0</v>
      </c>
      <c r="DH21" s="1054"/>
      <c r="DI21" s="1054"/>
      <c r="DJ21" s="1054"/>
      <c r="DK21" s="1055"/>
      <c r="DL21" s="1053">
        <v>0</v>
      </c>
      <c r="DM21" s="1054"/>
      <c r="DN21" s="1054"/>
      <c r="DO21" s="1054"/>
      <c r="DP21" s="1055"/>
      <c r="DQ21" s="1053">
        <v>0</v>
      </c>
      <c r="DR21" s="1054"/>
      <c r="DS21" s="1054"/>
      <c r="DT21" s="1054"/>
      <c r="DU21" s="1055"/>
      <c r="DV21" s="1056"/>
      <c r="DW21" s="1057"/>
      <c r="DX21" s="1057"/>
      <c r="DY21" s="1057"/>
      <c r="DZ21" s="1058"/>
      <c r="EA21" s="237"/>
    </row>
    <row r="22" spans="1:131" s="238" customFormat="1" ht="26.25" customHeight="1" x14ac:dyDescent="0.2">
      <c r="A22" s="241">
        <v>16</v>
      </c>
      <c r="B22" s="1094"/>
      <c r="C22" s="1095"/>
      <c r="D22" s="1095"/>
      <c r="E22" s="1095"/>
      <c r="F22" s="1095"/>
      <c r="G22" s="1095"/>
      <c r="H22" s="1095"/>
      <c r="I22" s="1095"/>
      <c r="J22" s="1095"/>
      <c r="K22" s="1095"/>
      <c r="L22" s="1095"/>
      <c r="M22" s="1095"/>
      <c r="N22" s="1095"/>
      <c r="O22" s="1095"/>
      <c r="P22" s="1096"/>
      <c r="Q22" s="1137"/>
      <c r="R22" s="1138"/>
      <c r="S22" s="1138"/>
      <c r="T22" s="1138"/>
      <c r="U22" s="1138"/>
      <c r="V22" s="1138"/>
      <c r="W22" s="1138"/>
      <c r="X22" s="1138"/>
      <c r="Y22" s="1138"/>
      <c r="Z22" s="1138"/>
      <c r="AA22" s="1138"/>
      <c r="AB22" s="1138"/>
      <c r="AC22" s="1138"/>
      <c r="AD22" s="1138"/>
      <c r="AE22" s="1139"/>
      <c r="AF22" s="1099"/>
      <c r="AG22" s="1100"/>
      <c r="AH22" s="1100"/>
      <c r="AI22" s="1100"/>
      <c r="AJ22" s="1101"/>
      <c r="AK22" s="1140"/>
      <c r="AL22" s="1141"/>
      <c r="AM22" s="1141"/>
      <c r="AN22" s="1141"/>
      <c r="AO22" s="1141"/>
      <c r="AP22" s="1141"/>
      <c r="AQ22" s="1141"/>
      <c r="AR22" s="1141"/>
      <c r="AS22" s="1141"/>
      <c r="AT22" s="1141"/>
      <c r="AU22" s="1142"/>
      <c r="AV22" s="1142"/>
      <c r="AW22" s="1142"/>
      <c r="AX22" s="1142"/>
      <c r="AY22" s="1143"/>
      <c r="AZ22" s="1092" t="s">
        <v>397</v>
      </c>
      <c r="BA22" s="1092"/>
      <c r="BB22" s="1092"/>
      <c r="BC22" s="1092"/>
      <c r="BD22" s="1093"/>
      <c r="BE22" s="236"/>
      <c r="BF22" s="236"/>
      <c r="BG22" s="236"/>
      <c r="BH22" s="236"/>
      <c r="BI22" s="236"/>
      <c r="BJ22" s="236"/>
      <c r="BK22" s="236"/>
      <c r="BL22" s="236"/>
      <c r="BM22" s="236"/>
      <c r="BN22" s="236"/>
      <c r="BO22" s="236"/>
      <c r="BP22" s="236"/>
      <c r="BQ22" s="241">
        <v>16</v>
      </c>
      <c r="BR22" s="242"/>
      <c r="BS22" s="1056" t="s">
        <v>620</v>
      </c>
      <c r="BT22" s="1057"/>
      <c r="BU22" s="1057"/>
      <c r="BV22" s="1057"/>
      <c r="BW22" s="1057"/>
      <c r="BX22" s="1057"/>
      <c r="BY22" s="1057"/>
      <c r="BZ22" s="1057"/>
      <c r="CA22" s="1057"/>
      <c r="CB22" s="1057"/>
      <c r="CC22" s="1057"/>
      <c r="CD22" s="1057"/>
      <c r="CE22" s="1057"/>
      <c r="CF22" s="1057"/>
      <c r="CG22" s="1078"/>
      <c r="CH22" s="1053">
        <v>-11</v>
      </c>
      <c r="CI22" s="1054"/>
      <c r="CJ22" s="1054"/>
      <c r="CK22" s="1054"/>
      <c r="CL22" s="1055"/>
      <c r="CM22" s="1053">
        <v>548</v>
      </c>
      <c r="CN22" s="1054"/>
      <c r="CO22" s="1054"/>
      <c r="CP22" s="1054"/>
      <c r="CQ22" s="1055"/>
      <c r="CR22" s="1053">
        <v>290</v>
      </c>
      <c r="CS22" s="1054"/>
      <c r="CT22" s="1054"/>
      <c r="CU22" s="1054"/>
      <c r="CV22" s="1055"/>
      <c r="CW22" s="1053">
        <v>506</v>
      </c>
      <c r="CX22" s="1054"/>
      <c r="CY22" s="1054"/>
      <c r="CZ22" s="1054"/>
      <c r="DA22" s="1055"/>
      <c r="DB22" s="1053">
        <v>0</v>
      </c>
      <c r="DC22" s="1054"/>
      <c r="DD22" s="1054"/>
      <c r="DE22" s="1054"/>
      <c r="DF22" s="1055"/>
      <c r="DG22" s="1053">
        <v>0</v>
      </c>
      <c r="DH22" s="1054"/>
      <c r="DI22" s="1054"/>
      <c r="DJ22" s="1054"/>
      <c r="DK22" s="1055"/>
      <c r="DL22" s="1053">
        <v>0</v>
      </c>
      <c r="DM22" s="1054"/>
      <c r="DN22" s="1054"/>
      <c r="DO22" s="1054"/>
      <c r="DP22" s="1055"/>
      <c r="DQ22" s="1053">
        <v>0</v>
      </c>
      <c r="DR22" s="1054"/>
      <c r="DS22" s="1054"/>
      <c r="DT22" s="1054"/>
      <c r="DU22" s="1055"/>
      <c r="DV22" s="1056"/>
      <c r="DW22" s="1057"/>
      <c r="DX22" s="1057"/>
      <c r="DY22" s="1057"/>
      <c r="DZ22" s="1058"/>
      <c r="EA22" s="237"/>
    </row>
    <row r="23" spans="1:131" s="238" customFormat="1" ht="26.25" customHeight="1" thickBot="1" x14ac:dyDescent="0.25">
      <c r="A23" s="243" t="s">
        <v>398</v>
      </c>
      <c r="B23" s="1001" t="s">
        <v>399</v>
      </c>
      <c r="C23" s="1002"/>
      <c r="D23" s="1002"/>
      <c r="E23" s="1002"/>
      <c r="F23" s="1002"/>
      <c r="G23" s="1002"/>
      <c r="H23" s="1002"/>
      <c r="I23" s="1002"/>
      <c r="J23" s="1002"/>
      <c r="K23" s="1002"/>
      <c r="L23" s="1002"/>
      <c r="M23" s="1002"/>
      <c r="N23" s="1002"/>
      <c r="O23" s="1002"/>
      <c r="P23" s="1012"/>
      <c r="Q23" s="1131">
        <v>2488592</v>
      </c>
      <c r="R23" s="1125"/>
      <c r="S23" s="1125"/>
      <c r="T23" s="1125"/>
      <c r="U23" s="1125"/>
      <c r="V23" s="1125">
        <v>2460326</v>
      </c>
      <c r="W23" s="1125"/>
      <c r="X23" s="1125"/>
      <c r="Y23" s="1125"/>
      <c r="Z23" s="1125"/>
      <c r="AA23" s="1125">
        <v>28267</v>
      </c>
      <c r="AB23" s="1125"/>
      <c r="AC23" s="1125"/>
      <c r="AD23" s="1125"/>
      <c r="AE23" s="1132"/>
      <c r="AF23" s="1133">
        <v>15289</v>
      </c>
      <c r="AG23" s="1125"/>
      <c r="AH23" s="1125"/>
      <c r="AI23" s="1125"/>
      <c r="AJ23" s="1134"/>
      <c r="AK23" s="1135"/>
      <c r="AL23" s="1136"/>
      <c r="AM23" s="1136"/>
      <c r="AN23" s="1136"/>
      <c r="AO23" s="1136"/>
      <c r="AP23" s="1125"/>
      <c r="AQ23" s="1125"/>
      <c r="AR23" s="1125"/>
      <c r="AS23" s="1125"/>
      <c r="AT23" s="1125"/>
      <c r="AU23" s="1126"/>
      <c r="AV23" s="1126"/>
      <c r="AW23" s="1126"/>
      <c r="AX23" s="1126"/>
      <c r="AY23" s="1127"/>
      <c r="AZ23" s="1128" t="s">
        <v>400</v>
      </c>
      <c r="BA23" s="1129"/>
      <c r="BB23" s="1129"/>
      <c r="BC23" s="1129"/>
      <c r="BD23" s="1130"/>
      <c r="BE23" s="236"/>
      <c r="BF23" s="236"/>
      <c r="BG23" s="236"/>
      <c r="BH23" s="236"/>
      <c r="BI23" s="236"/>
      <c r="BJ23" s="236"/>
      <c r="BK23" s="236"/>
      <c r="BL23" s="236"/>
      <c r="BM23" s="236"/>
      <c r="BN23" s="236"/>
      <c r="BO23" s="236"/>
      <c r="BP23" s="236"/>
      <c r="BQ23" s="241">
        <v>17</v>
      </c>
      <c r="BR23" s="242"/>
      <c r="BS23" s="1056" t="s">
        <v>621</v>
      </c>
      <c r="BT23" s="1057"/>
      <c r="BU23" s="1057"/>
      <c r="BV23" s="1057"/>
      <c r="BW23" s="1057"/>
      <c r="BX23" s="1057"/>
      <c r="BY23" s="1057"/>
      <c r="BZ23" s="1057"/>
      <c r="CA23" s="1057"/>
      <c r="CB23" s="1057"/>
      <c r="CC23" s="1057"/>
      <c r="CD23" s="1057"/>
      <c r="CE23" s="1057"/>
      <c r="CF23" s="1057"/>
      <c r="CG23" s="1078"/>
      <c r="CH23" s="1053">
        <v>6</v>
      </c>
      <c r="CI23" s="1054"/>
      <c r="CJ23" s="1054"/>
      <c r="CK23" s="1054"/>
      <c r="CL23" s="1055"/>
      <c r="CM23" s="1053">
        <v>96</v>
      </c>
      <c r="CN23" s="1054"/>
      <c r="CO23" s="1054"/>
      <c r="CP23" s="1054"/>
      <c r="CQ23" s="1055"/>
      <c r="CR23" s="1053">
        <v>1</v>
      </c>
      <c r="CS23" s="1054"/>
      <c r="CT23" s="1054"/>
      <c r="CU23" s="1054"/>
      <c r="CV23" s="1055"/>
      <c r="CW23" s="1053">
        <v>0</v>
      </c>
      <c r="CX23" s="1054"/>
      <c r="CY23" s="1054"/>
      <c r="CZ23" s="1054"/>
      <c r="DA23" s="1055"/>
      <c r="DB23" s="1053">
        <v>0</v>
      </c>
      <c r="DC23" s="1054"/>
      <c r="DD23" s="1054"/>
      <c r="DE23" s="1054"/>
      <c r="DF23" s="1055"/>
      <c r="DG23" s="1053">
        <v>0</v>
      </c>
      <c r="DH23" s="1054"/>
      <c r="DI23" s="1054"/>
      <c r="DJ23" s="1054"/>
      <c r="DK23" s="1055"/>
      <c r="DL23" s="1053">
        <v>0</v>
      </c>
      <c r="DM23" s="1054"/>
      <c r="DN23" s="1054"/>
      <c r="DO23" s="1054"/>
      <c r="DP23" s="1055"/>
      <c r="DQ23" s="1053">
        <v>0</v>
      </c>
      <c r="DR23" s="1054"/>
      <c r="DS23" s="1054"/>
      <c r="DT23" s="1054"/>
      <c r="DU23" s="1055"/>
      <c r="DV23" s="1056"/>
      <c r="DW23" s="1057"/>
      <c r="DX23" s="1057"/>
      <c r="DY23" s="1057"/>
      <c r="DZ23" s="1058"/>
      <c r="EA23" s="237"/>
    </row>
    <row r="24" spans="1:131" s="238" customFormat="1" ht="26.25" customHeight="1" x14ac:dyDescent="0.2">
      <c r="A24" s="1124" t="s">
        <v>401</v>
      </c>
      <c r="B24" s="1124"/>
      <c r="C24" s="1124"/>
      <c r="D24" s="1124"/>
      <c r="E24" s="1124"/>
      <c r="F24" s="1124"/>
      <c r="G24" s="1124"/>
      <c r="H24" s="1124"/>
      <c r="I24" s="1124"/>
      <c r="J24" s="1124"/>
      <c r="K24" s="1124"/>
      <c r="L24" s="1124"/>
      <c r="M24" s="1124"/>
      <c r="N24" s="1124"/>
      <c r="O24" s="1124"/>
      <c r="P24" s="1124"/>
      <c r="Q24" s="1124"/>
      <c r="R24" s="1124"/>
      <c r="S24" s="1124"/>
      <c r="T24" s="1124"/>
      <c r="U24" s="1124"/>
      <c r="V24" s="1124"/>
      <c r="W24" s="1124"/>
      <c r="X24" s="1124"/>
      <c r="Y24" s="1124"/>
      <c r="Z24" s="1124"/>
      <c r="AA24" s="1124"/>
      <c r="AB24" s="1124"/>
      <c r="AC24" s="1124"/>
      <c r="AD24" s="1124"/>
      <c r="AE24" s="1124"/>
      <c r="AF24" s="1124"/>
      <c r="AG24" s="1124"/>
      <c r="AH24" s="1124"/>
      <c r="AI24" s="1124"/>
      <c r="AJ24" s="1124"/>
      <c r="AK24" s="1124"/>
      <c r="AL24" s="1124"/>
      <c r="AM24" s="1124"/>
      <c r="AN24" s="1124"/>
      <c r="AO24" s="1124"/>
      <c r="AP24" s="1124"/>
      <c r="AQ24" s="1124"/>
      <c r="AR24" s="1124"/>
      <c r="AS24" s="1124"/>
      <c r="AT24" s="1124"/>
      <c r="AU24" s="1124"/>
      <c r="AV24" s="1124"/>
      <c r="AW24" s="1124"/>
      <c r="AX24" s="1124"/>
      <c r="AY24" s="1124"/>
      <c r="AZ24" s="235"/>
      <c r="BA24" s="235"/>
      <c r="BB24" s="235"/>
      <c r="BC24" s="235"/>
      <c r="BD24" s="235"/>
      <c r="BE24" s="236"/>
      <c r="BF24" s="236"/>
      <c r="BG24" s="236"/>
      <c r="BH24" s="236"/>
      <c r="BI24" s="236"/>
      <c r="BJ24" s="236"/>
      <c r="BK24" s="236"/>
      <c r="BL24" s="236"/>
      <c r="BM24" s="236"/>
      <c r="BN24" s="236"/>
      <c r="BO24" s="236"/>
      <c r="BP24" s="236"/>
      <c r="BQ24" s="241">
        <v>18</v>
      </c>
      <c r="BR24" s="242"/>
      <c r="BS24" s="1056" t="s">
        <v>622</v>
      </c>
      <c r="BT24" s="1057"/>
      <c r="BU24" s="1057"/>
      <c r="BV24" s="1057"/>
      <c r="BW24" s="1057"/>
      <c r="BX24" s="1057"/>
      <c r="BY24" s="1057"/>
      <c r="BZ24" s="1057"/>
      <c r="CA24" s="1057"/>
      <c r="CB24" s="1057"/>
      <c r="CC24" s="1057"/>
      <c r="CD24" s="1057"/>
      <c r="CE24" s="1057"/>
      <c r="CF24" s="1057"/>
      <c r="CG24" s="1078"/>
      <c r="CH24" s="1053">
        <v>43</v>
      </c>
      <c r="CI24" s="1054"/>
      <c r="CJ24" s="1054"/>
      <c r="CK24" s="1054"/>
      <c r="CL24" s="1055"/>
      <c r="CM24" s="1053">
        <v>974</v>
      </c>
      <c r="CN24" s="1054"/>
      <c r="CO24" s="1054"/>
      <c r="CP24" s="1054"/>
      <c r="CQ24" s="1055"/>
      <c r="CR24" s="1053">
        <v>300</v>
      </c>
      <c r="CS24" s="1054"/>
      <c r="CT24" s="1054"/>
      <c r="CU24" s="1054"/>
      <c r="CV24" s="1055"/>
      <c r="CW24" s="1053">
        <v>4</v>
      </c>
      <c r="CX24" s="1054"/>
      <c r="CY24" s="1054"/>
      <c r="CZ24" s="1054"/>
      <c r="DA24" s="1055"/>
      <c r="DB24" s="1053">
        <v>0</v>
      </c>
      <c r="DC24" s="1054"/>
      <c r="DD24" s="1054"/>
      <c r="DE24" s="1054"/>
      <c r="DF24" s="1055"/>
      <c r="DG24" s="1053">
        <v>0</v>
      </c>
      <c r="DH24" s="1054"/>
      <c r="DI24" s="1054"/>
      <c r="DJ24" s="1054"/>
      <c r="DK24" s="1055"/>
      <c r="DL24" s="1053">
        <v>0</v>
      </c>
      <c r="DM24" s="1054"/>
      <c r="DN24" s="1054"/>
      <c r="DO24" s="1054"/>
      <c r="DP24" s="1055"/>
      <c r="DQ24" s="1053">
        <v>0</v>
      </c>
      <c r="DR24" s="1054"/>
      <c r="DS24" s="1054"/>
      <c r="DT24" s="1054"/>
      <c r="DU24" s="1055"/>
      <c r="DV24" s="1056"/>
      <c r="DW24" s="1057"/>
      <c r="DX24" s="1057"/>
      <c r="DY24" s="1057"/>
      <c r="DZ24" s="1058"/>
      <c r="EA24" s="237"/>
    </row>
    <row r="25" spans="1:131" ht="26.25" customHeight="1" thickBot="1" x14ac:dyDescent="0.25">
      <c r="A25" s="1123" t="s">
        <v>402</v>
      </c>
      <c r="B25" s="1123"/>
      <c r="C25" s="1123"/>
      <c r="D25" s="1123"/>
      <c r="E25" s="1123"/>
      <c r="F25" s="1123"/>
      <c r="G25" s="1123"/>
      <c r="H25" s="1123"/>
      <c r="I25" s="1123"/>
      <c r="J25" s="1123"/>
      <c r="K25" s="1123"/>
      <c r="L25" s="1123"/>
      <c r="M25" s="1123"/>
      <c r="N25" s="1123"/>
      <c r="O25" s="1123"/>
      <c r="P25" s="1123"/>
      <c r="Q25" s="1123"/>
      <c r="R25" s="1123"/>
      <c r="S25" s="1123"/>
      <c r="T25" s="1123"/>
      <c r="U25" s="1123"/>
      <c r="V25" s="1123"/>
      <c r="W25" s="1123"/>
      <c r="X25" s="1123"/>
      <c r="Y25" s="1123"/>
      <c r="Z25" s="1123"/>
      <c r="AA25" s="1123"/>
      <c r="AB25" s="1123"/>
      <c r="AC25" s="1123"/>
      <c r="AD25" s="1123"/>
      <c r="AE25" s="1123"/>
      <c r="AF25" s="1123"/>
      <c r="AG25" s="1123"/>
      <c r="AH25" s="1123"/>
      <c r="AI25" s="1123"/>
      <c r="AJ25" s="1123"/>
      <c r="AK25" s="1123"/>
      <c r="AL25" s="1123"/>
      <c r="AM25" s="1123"/>
      <c r="AN25" s="1123"/>
      <c r="AO25" s="1123"/>
      <c r="AP25" s="1123"/>
      <c r="AQ25" s="1123"/>
      <c r="AR25" s="1123"/>
      <c r="AS25" s="1123"/>
      <c r="AT25" s="1123"/>
      <c r="AU25" s="1123"/>
      <c r="AV25" s="1123"/>
      <c r="AW25" s="1123"/>
      <c r="AX25" s="1123"/>
      <c r="AY25" s="1123"/>
      <c r="AZ25" s="1123"/>
      <c r="BA25" s="1123"/>
      <c r="BB25" s="1123"/>
      <c r="BC25" s="1123"/>
      <c r="BD25" s="1123"/>
      <c r="BE25" s="1123"/>
      <c r="BF25" s="1123"/>
      <c r="BG25" s="1123"/>
      <c r="BH25" s="1123"/>
      <c r="BI25" s="1123"/>
      <c r="BJ25" s="235"/>
      <c r="BK25" s="235"/>
      <c r="BL25" s="235"/>
      <c r="BM25" s="235"/>
      <c r="BN25" s="235"/>
      <c r="BO25" s="244"/>
      <c r="BP25" s="244"/>
      <c r="BQ25" s="241">
        <v>19</v>
      </c>
      <c r="BR25" s="242" t="s">
        <v>645</v>
      </c>
      <c r="BS25" s="1056" t="s">
        <v>623</v>
      </c>
      <c r="BT25" s="1057"/>
      <c r="BU25" s="1057"/>
      <c r="BV25" s="1057"/>
      <c r="BW25" s="1057"/>
      <c r="BX25" s="1057"/>
      <c r="BY25" s="1057"/>
      <c r="BZ25" s="1057"/>
      <c r="CA25" s="1057"/>
      <c r="CB25" s="1057"/>
      <c r="CC25" s="1057"/>
      <c r="CD25" s="1057"/>
      <c r="CE25" s="1057"/>
      <c r="CF25" s="1057"/>
      <c r="CG25" s="1078"/>
      <c r="CH25" s="1053">
        <v>111</v>
      </c>
      <c r="CI25" s="1054"/>
      <c r="CJ25" s="1054"/>
      <c r="CK25" s="1054"/>
      <c r="CL25" s="1055"/>
      <c r="CM25" s="1053">
        <v>6278</v>
      </c>
      <c r="CN25" s="1054"/>
      <c r="CO25" s="1054"/>
      <c r="CP25" s="1054"/>
      <c r="CQ25" s="1055"/>
      <c r="CR25" s="1053">
        <v>0</v>
      </c>
      <c r="CS25" s="1054"/>
      <c r="CT25" s="1054"/>
      <c r="CU25" s="1054"/>
      <c r="CV25" s="1055"/>
      <c r="CW25" s="1053">
        <v>3763</v>
      </c>
      <c r="CX25" s="1054"/>
      <c r="CY25" s="1054"/>
      <c r="CZ25" s="1054"/>
      <c r="DA25" s="1055"/>
      <c r="DB25" s="1053">
        <v>0</v>
      </c>
      <c r="DC25" s="1054"/>
      <c r="DD25" s="1054"/>
      <c r="DE25" s="1054"/>
      <c r="DF25" s="1055"/>
      <c r="DG25" s="1053">
        <v>0</v>
      </c>
      <c r="DH25" s="1054"/>
      <c r="DI25" s="1054"/>
      <c r="DJ25" s="1054"/>
      <c r="DK25" s="1055"/>
      <c r="DL25" s="1053">
        <v>6570</v>
      </c>
      <c r="DM25" s="1054"/>
      <c r="DN25" s="1054"/>
      <c r="DO25" s="1054"/>
      <c r="DP25" s="1055"/>
      <c r="DQ25" s="1053">
        <v>5913</v>
      </c>
      <c r="DR25" s="1054"/>
      <c r="DS25" s="1054"/>
      <c r="DT25" s="1054"/>
      <c r="DU25" s="1055"/>
      <c r="DV25" s="1056"/>
      <c r="DW25" s="1057"/>
      <c r="DX25" s="1057"/>
      <c r="DY25" s="1057"/>
      <c r="DZ25" s="1058"/>
      <c r="EA25" s="233"/>
    </row>
    <row r="26" spans="1:131" ht="26.25" customHeight="1" x14ac:dyDescent="0.2">
      <c r="A26" s="1059" t="s">
        <v>369</v>
      </c>
      <c r="B26" s="1060"/>
      <c r="C26" s="1060"/>
      <c r="D26" s="1060"/>
      <c r="E26" s="1060"/>
      <c r="F26" s="1060"/>
      <c r="G26" s="1060"/>
      <c r="H26" s="1060"/>
      <c r="I26" s="1060"/>
      <c r="J26" s="1060"/>
      <c r="K26" s="1060"/>
      <c r="L26" s="1060"/>
      <c r="M26" s="1060"/>
      <c r="N26" s="1060"/>
      <c r="O26" s="1060"/>
      <c r="P26" s="1061"/>
      <c r="Q26" s="1065" t="s">
        <v>403</v>
      </c>
      <c r="R26" s="1066"/>
      <c r="S26" s="1066"/>
      <c r="T26" s="1066"/>
      <c r="U26" s="1067"/>
      <c r="V26" s="1065" t="s">
        <v>404</v>
      </c>
      <c r="W26" s="1066"/>
      <c r="X26" s="1066"/>
      <c r="Y26" s="1066"/>
      <c r="Z26" s="1067"/>
      <c r="AA26" s="1065" t="s">
        <v>405</v>
      </c>
      <c r="AB26" s="1066"/>
      <c r="AC26" s="1066"/>
      <c r="AD26" s="1066"/>
      <c r="AE26" s="1066"/>
      <c r="AF26" s="1119" t="s">
        <v>406</v>
      </c>
      <c r="AG26" s="1072"/>
      <c r="AH26" s="1072"/>
      <c r="AI26" s="1072"/>
      <c r="AJ26" s="1120"/>
      <c r="AK26" s="1066" t="s">
        <v>407</v>
      </c>
      <c r="AL26" s="1066"/>
      <c r="AM26" s="1066"/>
      <c r="AN26" s="1066"/>
      <c r="AO26" s="1067"/>
      <c r="AP26" s="1065" t="s">
        <v>408</v>
      </c>
      <c r="AQ26" s="1066"/>
      <c r="AR26" s="1066"/>
      <c r="AS26" s="1066"/>
      <c r="AT26" s="1067"/>
      <c r="AU26" s="1065" t="s">
        <v>409</v>
      </c>
      <c r="AV26" s="1066"/>
      <c r="AW26" s="1066"/>
      <c r="AX26" s="1066"/>
      <c r="AY26" s="1067"/>
      <c r="AZ26" s="1065" t="s">
        <v>410</v>
      </c>
      <c r="BA26" s="1066"/>
      <c r="BB26" s="1066"/>
      <c r="BC26" s="1066"/>
      <c r="BD26" s="1067"/>
      <c r="BE26" s="1065" t="s">
        <v>376</v>
      </c>
      <c r="BF26" s="1066"/>
      <c r="BG26" s="1066"/>
      <c r="BH26" s="1066"/>
      <c r="BI26" s="1079"/>
      <c r="BJ26" s="235"/>
      <c r="BK26" s="235"/>
      <c r="BL26" s="235"/>
      <c r="BM26" s="235"/>
      <c r="BN26" s="235"/>
      <c r="BO26" s="244"/>
      <c r="BP26" s="244"/>
      <c r="BQ26" s="241">
        <v>20</v>
      </c>
      <c r="BR26" s="242"/>
      <c r="BS26" s="1056" t="s">
        <v>624</v>
      </c>
      <c r="BT26" s="1057"/>
      <c r="BU26" s="1057"/>
      <c r="BV26" s="1057"/>
      <c r="BW26" s="1057"/>
      <c r="BX26" s="1057"/>
      <c r="BY26" s="1057"/>
      <c r="BZ26" s="1057"/>
      <c r="CA26" s="1057"/>
      <c r="CB26" s="1057"/>
      <c r="CC26" s="1057"/>
      <c r="CD26" s="1057"/>
      <c r="CE26" s="1057"/>
      <c r="CF26" s="1057"/>
      <c r="CG26" s="1078"/>
      <c r="CH26" s="1053">
        <v>13</v>
      </c>
      <c r="CI26" s="1054"/>
      <c r="CJ26" s="1054"/>
      <c r="CK26" s="1054"/>
      <c r="CL26" s="1055"/>
      <c r="CM26" s="1053">
        <v>1329</v>
      </c>
      <c r="CN26" s="1054"/>
      <c r="CO26" s="1054"/>
      <c r="CP26" s="1054"/>
      <c r="CQ26" s="1055"/>
      <c r="CR26" s="1053">
        <v>30</v>
      </c>
      <c r="CS26" s="1054"/>
      <c r="CT26" s="1054"/>
      <c r="CU26" s="1054"/>
      <c r="CV26" s="1055"/>
      <c r="CW26" s="1053">
        <v>379</v>
      </c>
      <c r="CX26" s="1054"/>
      <c r="CY26" s="1054"/>
      <c r="CZ26" s="1054"/>
      <c r="DA26" s="1055"/>
      <c r="DB26" s="1053">
        <v>0</v>
      </c>
      <c r="DC26" s="1054"/>
      <c r="DD26" s="1054"/>
      <c r="DE26" s="1054"/>
      <c r="DF26" s="1055"/>
      <c r="DG26" s="1053">
        <v>0</v>
      </c>
      <c r="DH26" s="1054"/>
      <c r="DI26" s="1054"/>
      <c r="DJ26" s="1054"/>
      <c r="DK26" s="1055"/>
      <c r="DL26" s="1053">
        <v>0</v>
      </c>
      <c r="DM26" s="1054"/>
      <c r="DN26" s="1054"/>
      <c r="DO26" s="1054"/>
      <c r="DP26" s="1055"/>
      <c r="DQ26" s="1053">
        <v>0</v>
      </c>
      <c r="DR26" s="1054"/>
      <c r="DS26" s="1054"/>
      <c r="DT26" s="1054"/>
      <c r="DU26" s="1055"/>
      <c r="DV26" s="1056"/>
      <c r="DW26" s="1057"/>
      <c r="DX26" s="1057"/>
      <c r="DY26" s="1057"/>
      <c r="DZ26" s="1058"/>
      <c r="EA26" s="233"/>
    </row>
    <row r="27" spans="1:131" ht="26.25" customHeight="1" thickBot="1" x14ac:dyDescent="0.25">
      <c r="A27" s="1062"/>
      <c r="B27" s="1063"/>
      <c r="C27" s="1063"/>
      <c r="D27" s="1063"/>
      <c r="E27" s="1063"/>
      <c r="F27" s="1063"/>
      <c r="G27" s="1063"/>
      <c r="H27" s="1063"/>
      <c r="I27" s="1063"/>
      <c r="J27" s="1063"/>
      <c r="K27" s="1063"/>
      <c r="L27" s="1063"/>
      <c r="M27" s="1063"/>
      <c r="N27" s="1063"/>
      <c r="O27" s="1063"/>
      <c r="P27" s="1064"/>
      <c r="Q27" s="1068"/>
      <c r="R27" s="1069"/>
      <c r="S27" s="1069"/>
      <c r="T27" s="1069"/>
      <c r="U27" s="1070"/>
      <c r="V27" s="1068"/>
      <c r="W27" s="1069"/>
      <c r="X27" s="1069"/>
      <c r="Y27" s="1069"/>
      <c r="Z27" s="1070"/>
      <c r="AA27" s="1068"/>
      <c r="AB27" s="1069"/>
      <c r="AC27" s="1069"/>
      <c r="AD27" s="1069"/>
      <c r="AE27" s="1069"/>
      <c r="AF27" s="1121"/>
      <c r="AG27" s="1075"/>
      <c r="AH27" s="1075"/>
      <c r="AI27" s="1075"/>
      <c r="AJ27" s="1122"/>
      <c r="AK27" s="1069"/>
      <c r="AL27" s="1069"/>
      <c r="AM27" s="1069"/>
      <c r="AN27" s="1069"/>
      <c r="AO27" s="1070"/>
      <c r="AP27" s="1068"/>
      <c r="AQ27" s="1069"/>
      <c r="AR27" s="1069"/>
      <c r="AS27" s="1069"/>
      <c r="AT27" s="1070"/>
      <c r="AU27" s="1068"/>
      <c r="AV27" s="1069"/>
      <c r="AW27" s="1069"/>
      <c r="AX27" s="1069"/>
      <c r="AY27" s="1070"/>
      <c r="AZ27" s="1068"/>
      <c r="BA27" s="1069"/>
      <c r="BB27" s="1069"/>
      <c r="BC27" s="1069"/>
      <c r="BD27" s="1070"/>
      <c r="BE27" s="1068"/>
      <c r="BF27" s="1069"/>
      <c r="BG27" s="1069"/>
      <c r="BH27" s="1069"/>
      <c r="BI27" s="1080"/>
      <c r="BJ27" s="235"/>
      <c r="BK27" s="235"/>
      <c r="BL27" s="235"/>
      <c r="BM27" s="235"/>
      <c r="BN27" s="235"/>
      <c r="BO27" s="244"/>
      <c r="BP27" s="244"/>
      <c r="BQ27" s="241">
        <v>21</v>
      </c>
      <c r="BR27" s="242"/>
      <c r="BS27" s="1056" t="s">
        <v>625</v>
      </c>
      <c r="BT27" s="1057"/>
      <c r="BU27" s="1057"/>
      <c r="BV27" s="1057"/>
      <c r="BW27" s="1057"/>
      <c r="BX27" s="1057"/>
      <c r="BY27" s="1057"/>
      <c r="BZ27" s="1057"/>
      <c r="CA27" s="1057"/>
      <c r="CB27" s="1057"/>
      <c r="CC27" s="1057"/>
      <c r="CD27" s="1057"/>
      <c r="CE27" s="1057"/>
      <c r="CF27" s="1057"/>
      <c r="CG27" s="1078"/>
      <c r="CH27" s="1053">
        <v>-54</v>
      </c>
      <c r="CI27" s="1054"/>
      <c r="CJ27" s="1054"/>
      <c r="CK27" s="1054"/>
      <c r="CL27" s="1055"/>
      <c r="CM27" s="1053">
        <v>5689</v>
      </c>
      <c r="CN27" s="1054"/>
      <c r="CO27" s="1054"/>
      <c r="CP27" s="1054"/>
      <c r="CQ27" s="1055"/>
      <c r="CR27" s="1053">
        <v>1</v>
      </c>
      <c r="CS27" s="1054"/>
      <c r="CT27" s="1054"/>
      <c r="CU27" s="1054"/>
      <c r="CV27" s="1055"/>
      <c r="CW27" s="1053">
        <v>0</v>
      </c>
      <c r="CX27" s="1054"/>
      <c r="CY27" s="1054"/>
      <c r="CZ27" s="1054"/>
      <c r="DA27" s="1055"/>
      <c r="DB27" s="1053">
        <v>0</v>
      </c>
      <c r="DC27" s="1054"/>
      <c r="DD27" s="1054"/>
      <c r="DE27" s="1054"/>
      <c r="DF27" s="1055"/>
      <c r="DG27" s="1053">
        <v>0</v>
      </c>
      <c r="DH27" s="1054"/>
      <c r="DI27" s="1054"/>
      <c r="DJ27" s="1054"/>
      <c r="DK27" s="1055"/>
      <c r="DL27" s="1053">
        <v>0</v>
      </c>
      <c r="DM27" s="1054"/>
      <c r="DN27" s="1054"/>
      <c r="DO27" s="1054"/>
      <c r="DP27" s="1055"/>
      <c r="DQ27" s="1053">
        <v>0</v>
      </c>
      <c r="DR27" s="1054"/>
      <c r="DS27" s="1054"/>
      <c r="DT27" s="1054"/>
      <c r="DU27" s="1055"/>
      <c r="DV27" s="1056"/>
      <c r="DW27" s="1057"/>
      <c r="DX27" s="1057"/>
      <c r="DY27" s="1057"/>
      <c r="DZ27" s="1058"/>
      <c r="EA27" s="233"/>
    </row>
    <row r="28" spans="1:131" ht="26.25" customHeight="1" thickTop="1" x14ac:dyDescent="0.2">
      <c r="A28" s="245">
        <v>1</v>
      </c>
      <c r="B28" s="1111" t="s">
        <v>411</v>
      </c>
      <c r="C28" s="1112"/>
      <c r="D28" s="1112"/>
      <c r="E28" s="1112"/>
      <c r="F28" s="1112"/>
      <c r="G28" s="1112"/>
      <c r="H28" s="1112"/>
      <c r="I28" s="1112"/>
      <c r="J28" s="1112"/>
      <c r="K28" s="1112"/>
      <c r="L28" s="1112"/>
      <c r="M28" s="1112"/>
      <c r="N28" s="1112"/>
      <c r="O28" s="1112"/>
      <c r="P28" s="1113"/>
      <c r="Q28" s="1114">
        <v>333552</v>
      </c>
      <c r="R28" s="1115"/>
      <c r="S28" s="1115"/>
      <c r="T28" s="1115"/>
      <c r="U28" s="1115"/>
      <c r="V28" s="1115">
        <v>319696</v>
      </c>
      <c r="W28" s="1115"/>
      <c r="X28" s="1115"/>
      <c r="Y28" s="1115"/>
      <c r="Z28" s="1115"/>
      <c r="AA28" s="1115">
        <v>13857</v>
      </c>
      <c r="AB28" s="1115"/>
      <c r="AC28" s="1115"/>
      <c r="AD28" s="1115"/>
      <c r="AE28" s="1116"/>
      <c r="AF28" s="1117">
        <v>13857</v>
      </c>
      <c r="AG28" s="1115"/>
      <c r="AH28" s="1115"/>
      <c r="AI28" s="1115"/>
      <c r="AJ28" s="1118"/>
      <c r="AK28" s="1106">
        <v>28526</v>
      </c>
      <c r="AL28" s="1107"/>
      <c r="AM28" s="1107"/>
      <c r="AN28" s="1107"/>
      <c r="AO28" s="1107"/>
      <c r="AP28" s="1107" t="s">
        <v>532</v>
      </c>
      <c r="AQ28" s="1107"/>
      <c r="AR28" s="1107"/>
      <c r="AS28" s="1107"/>
      <c r="AT28" s="1107"/>
      <c r="AU28" s="1107" t="s">
        <v>532</v>
      </c>
      <c r="AV28" s="1107"/>
      <c r="AW28" s="1107"/>
      <c r="AX28" s="1107"/>
      <c r="AY28" s="1107"/>
      <c r="AZ28" s="1108" t="s">
        <v>532</v>
      </c>
      <c r="BA28" s="1108"/>
      <c r="BB28" s="1108"/>
      <c r="BC28" s="1108"/>
      <c r="BD28" s="1108"/>
      <c r="BE28" s="1109"/>
      <c r="BF28" s="1109"/>
      <c r="BG28" s="1109"/>
      <c r="BH28" s="1109"/>
      <c r="BI28" s="1110"/>
      <c r="BJ28" s="235"/>
      <c r="BK28" s="235"/>
      <c r="BL28" s="235"/>
      <c r="BM28" s="235"/>
      <c r="BN28" s="235"/>
      <c r="BO28" s="244"/>
      <c r="BP28" s="244"/>
      <c r="BQ28" s="241">
        <v>22</v>
      </c>
      <c r="BR28" s="242"/>
      <c r="BS28" s="1056" t="s">
        <v>626</v>
      </c>
      <c r="BT28" s="1057"/>
      <c r="BU28" s="1057"/>
      <c r="BV28" s="1057"/>
      <c r="BW28" s="1057"/>
      <c r="BX28" s="1057"/>
      <c r="BY28" s="1057"/>
      <c r="BZ28" s="1057"/>
      <c r="CA28" s="1057"/>
      <c r="CB28" s="1057"/>
      <c r="CC28" s="1057"/>
      <c r="CD28" s="1057"/>
      <c r="CE28" s="1057"/>
      <c r="CF28" s="1057"/>
      <c r="CG28" s="1078"/>
      <c r="CH28" s="1053">
        <v>-29</v>
      </c>
      <c r="CI28" s="1054"/>
      <c r="CJ28" s="1054"/>
      <c r="CK28" s="1054"/>
      <c r="CL28" s="1055"/>
      <c r="CM28" s="1053">
        <v>789</v>
      </c>
      <c r="CN28" s="1054"/>
      <c r="CO28" s="1054"/>
      <c r="CP28" s="1054"/>
      <c r="CQ28" s="1055"/>
      <c r="CR28" s="1053">
        <v>10</v>
      </c>
      <c r="CS28" s="1054"/>
      <c r="CT28" s="1054"/>
      <c r="CU28" s="1054"/>
      <c r="CV28" s="1055"/>
      <c r="CW28" s="1053">
        <v>0</v>
      </c>
      <c r="CX28" s="1054"/>
      <c r="CY28" s="1054"/>
      <c r="CZ28" s="1054"/>
      <c r="DA28" s="1055"/>
      <c r="DB28" s="1053">
        <v>0</v>
      </c>
      <c r="DC28" s="1054"/>
      <c r="DD28" s="1054"/>
      <c r="DE28" s="1054"/>
      <c r="DF28" s="1055"/>
      <c r="DG28" s="1053">
        <v>0</v>
      </c>
      <c r="DH28" s="1054"/>
      <c r="DI28" s="1054"/>
      <c r="DJ28" s="1054"/>
      <c r="DK28" s="1055"/>
      <c r="DL28" s="1053">
        <v>0</v>
      </c>
      <c r="DM28" s="1054"/>
      <c r="DN28" s="1054"/>
      <c r="DO28" s="1054"/>
      <c r="DP28" s="1055"/>
      <c r="DQ28" s="1053">
        <v>0</v>
      </c>
      <c r="DR28" s="1054"/>
      <c r="DS28" s="1054"/>
      <c r="DT28" s="1054"/>
      <c r="DU28" s="1055"/>
      <c r="DV28" s="1056"/>
      <c r="DW28" s="1057"/>
      <c r="DX28" s="1057"/>
      <c r="DY28" s="1057"/>
      <c r="DZ28" s="1058"/>
      <c r="EA28" s="233"/>
    </row>
    <row r="29" spans="1:131" ht="26.25" customHeight="1" x14ac:dyDescent="0.2">
      <c r="A29" s="245">
        <v>2</v>
      </c>
      <c r="B29" s="1094" t="s">
        <v>412</v>
      </c>
      <c r="C29" s="1095"/>
      <c r="D29" s="1095"/>
      <c r="E29" s="1095"/>
      <c r="F29" s="1095"/>
      <c r="G29" s="1095"/>
      <c r="H29" s="1095"/>
      <c r="I29" s="1095"/>
      <c r="J29" s="1095"/>
      <c r="K29" s="1095"/>
      <c r="L29" s="1095"/>
      <c r="M29" s="1095"/>
      <c r="N29" s="1095"/>
      <c r="O29" s="1095"/>
      <c r="P29" s="1096"/>
      <c r="Q29" s="1102">
        <v>323637</v>
      </c>
      <c r="R29" s="1103"/>
      <c r="S29" s="1103"/>
      <c r="T29" s="1103"/>
      <c r="U29" s="1103"/>
      <c r="V29" s="1103">
        <v>312000</v>
      </c>
      <c r="W29" s="1103"/>
      <c r="X29" s="1103"/>
      <c r="Y29" s="1103"/>
      <c r="Z29" s="1103"/>
      <c r="AA29" s="1103">
        <v>11637</v>
      </c>
      <c r="AB29" s="1103"/>
      <c r="AC29" s="1103"/>
      <c r="AD29" s="1103"/>
      <c r="AE29" s="1104"/>
      <c r="AF29" s="1099">
        <v>11637</v>
      </c>
      <c r="AG29" s="1100"/>
      <c r="AH29" s="1100"/>
      <c r="AI29" s="1100"/>
      <c r="AJ29" s="1101"/>
      <c r="AK29" s="1044">
        <v>54082</v>
      </c>
      <c r="AL29" s="1035"/>
      <c r="AM29" s="1035"/>
      <c r="AN29" s="1035"/>
      <c r="AO29" s="1035"/>
      <c r="AP29" s="1035" t="s">
        <v>532</v>
      </c>
      <c r="AQ29" s="1035"/>
      <c r="AR29" s="1035"/>
      <c r="AS29" s="1035"/>
      <c r="AT29" s="1035"/>
      <c r="AU29" s="1035" t="s">
        <v>532</v>
      </c>
      <c r="AV29" s="1035"/>
      <c r="AW29" s="1035"/>
      <c r="AX29" s="1035"/>
      <c r="AY29" s="1035"/>
      <c r="AZ29" s="1105" t="s">
        <v>532</v>
      </c>
      <c r="BA29" s="1105"/>
      <c r="BB29" s="1105"/>
      <c r="BC29" s="1105"/>
      <c r="BD29" s="1105"/>
      <c r="BE29" s="1036"/>
      <c r="BF29" s="1036"/>
      <c r="BG29" s="1036"/>
      <c r="BH29" s="1036"/>
      <c r="BI29" s="1037"/>
      <c r="BJ29" s="235"/>
      <c r="BK29" s="235"/>
      <c r="BL29" s="235"/>
      <c r="BM29" s="235"/>
      <c r="BN29" s="235"/>
      <c r="BO29" s="244"/>
      <c r="BP29" s="244"/>
      <c r="BQ29" s="241">
        <v>23</v>
      </c>
      <c r="BR29" s="242" t="s">
        <v>645</v>
      </c>
      <c r="BS29" s="1056" t="s">
        <v>627</v>
      </c>
      <c r="BT29" s="1057"/>
      <c r="BU29" s="1057"/>
      <c r="BV29" s="1057"/>
      <c r="BW29" s="1057"/>
      <c r="BX29" s="1057"/>
      <c r="BY29" s="1057"/>
      <c r="BZ29" s="1057"/>
      <c r="CA29" s="1057"/>
      <c r="CB29" s="1057"/>
      <c r="CC29" s="1057"/>
      <c r="CD29" s="1057"/>
      <c r="CE29" s="1057"/>
      <c r="CF29" s="1057"/>
      <c r="CG29" s="1078"/>
      <c r="CH29" s="1053">
        <v>330</v>
      </c>
      <c r="CI29" s="1054"/>
      <c r="CJ29" s="1054"/>
      <c r="CK29" s="1054"/>
      <c r="CL29" s="1055"/>
      <c r="CM29" s="1053">
        <v>15675</v>
      </c>
      <c r="CN29" s="1054"/>
      <c r="CO29" s="1054"/>
      <c r="CP29" s="1054"/>
      <c r="CQ29" s="1055"/>
      <c r="CR29" s="1053">
        <v>10</v>
      </c>
      <c r="CS29" s="1054"/>
      <c r="CT29" s="1054"/>
      <c r="CU29" s="1054"/>
      <c r="CV29" s="1055"/>
      <c r="CW29" s="1053">
        <v>34</v>
      </c>
      <c r="CX29" s="1054"/>
      <c r="CY29" s="1054"/>
      <c r="CZ29" s="1054"/>
      <c r="DA29" s="1055"/>
      <c r="DB29" s="1053">
        <v>0</v>
      </c>
      <c r="DC29" s="1054"/>
      <c r="DD29" s="1054"/>
      <c r="DE29" s="1054"/>
      <c r="DF29" s="1055"/>
      <c r="DG29" s="1053">
        <v>0</v>
      </c>
      <c r="DH29" s="1054"/>
      <c r="DI29" s="1054"/>
      <c r="DJ29" s="1054"/>
      <c r="DK29" s="1055"/>
      <c r="DL29" s="1053">
        <v>2300</v>
      </c>
      <c r="DM29" s="1054"/>
      <c r="DN29" s="1054"/>
      <c r="DO29" s="1054"/>
      <c r="DP29" s="1055"/>
      <c r="DQ29" s="1053">
        <v>230</v>
      </c>
      <c r="DR29" s="1054"/>
      <c r="DS29" s="1054"/>
      <c r="DT29" s="1054"/>
      <c r="DU29" s="1055"/>
      <c r="DV29" s="1056"/>
      <c r="DW29" s="1057"/>
      <c r="DX29" s="1057"/>
      <c r="DY29" s="1057"/>
      <c r="DZ29" s="1058"/>
      <c r="EA29" s="233"/>
    </row>
    <row r="30" spans="1:131" ht="26.25" customHeight="1" x14ac:dyDescent="0.2">
      <c r="A30" s="245">
        <v>3</v>
      </c>
      <c r="B30" s="1094" t="s">
        <v>413</v>
      </c>
      <c r="C30" s="1095"/>
      <c r="D30" s="1095"/>
      <c r="E30" s="1095"/>
      <c r="F30" s="1095"/>
      <c r="G30" s="1095"/>
      <c r="H30" s="1095"/>
      <c r="I30" s="1095"/>
      <c r="J30" s="1095"/>
      <c r="K30" s="1095"/>
      <c r="L30" s="1095"/>
      <c r="M30" s="1095"/>
      <c r="N30" s="1095"/>
      <c r="O30" s="1095"/>
      <c r="P30" s="1096"/>
      <c r="Q30" s="1102">
        <v>82396</v>
      </c>
      <c r="R30" s="1103"/>
      <c r="S30" s="1103"/>
      <c r="T30" s="1103"/>
      <c r="U30" s="1103"/>
      <c r="V30" s="1103">
        <v>82038</v>
      </c>
      <c r="W30" s="1103"/>
      <c r="X30" s="1103"/>
      <c r="Y30" s="1103"/>
      <c r="Z30" s="1103"/>
      <c r="AA30" s="1103">
        <v>358</v>
      </c>
      <c r="AB30" s="1103"/>
      <c r="AC30" s="1103"/>
      <c r="AD30" s="1103"/>
      <c r="AE30" s="1104"/>
      <c r="AF30" s="1099">
        <v>358</v>
      </c>
      <c r="AG30" s="1100"/>
      <c r="AH30" s="1100"/>
      <c r="AI30" s="1100"/>
      <c r="AJ30" s="1101"/>
      <c r="AK30" s="1044">
        <v>36046</v>
      </c>
      <c r="AL30" s="1035"/>
      <c r="AM30" s="1035"/>
      <c r="AN30" s="1035"/>
      <c r="AO30" s="1035"/>
      <c r="AP30" s="1035" t="s">
        <v>532</v>
      </c>
      <c r="AQ30" s="1035"/>
      <c r="AR30" s="1035"/>
      <c r="AS30" s="1035"/>
      <c r="AT30" s="1035"/>
      <c r="AU30" s="1035" t="s">
        <v>532</v>
      </c>
      <c r="AV30" s="1035"/>
      <c r="AW30" s="1035"/>
      <c r="AX30" s="1035"/>
      <c r="AY30" s="1035"/>
      <c r="AZ30" s="1105" t="s">
        <v>532</v>
      </c>
      <c r="BA30" s="1105"/>
      <c r="BB30" s="1105"/>
      <c r="BC30" s="1105"/>
      <c r="BD30" s="1105"/>
      <c r="BE30" s="1036"/>
      <c r="BF30" s="1036"/>
      <c r="BG30" s="1036"/>
      <c r="BH30" s="1036"/>
      <c r="BI30" s="1037"/>
      <c r="BJ30" s="235"/>
      <c r="BK30" s="235"/>
      <c r="BL30" s="235"/>
      <c r="BM30" s="235"/>
      <c r="BN30" s="235"/>
      <c r="BO30" s="244"/>
      <c r="BP30" s="244"/>
      <c r="BQ30" s="241">
        <v>24</v>
      </c>
      <c r="BR30" s="242"/>
      <c r="BS30" s="1056" t="s">
        <v>628</v>
      </c>
      <c r="BT30" s="1057"/>
      <c r="BU30" s="1057"/>
      <c r="BV30" s="1057"/>
      <c r="BW30" s="1057"/>
      <c r="BX30" s="1057"/>
      <c r="BY30" s="1057"/>
      <c r="BZ30" s="1057"/>
      <c r="CA30" s="1057"/>
      <c r="CB30" s="1057"/>
      <c r="CC30" s="1057"/>
      <c r="CD30" s="1057"/>
      <c r="CE30" s="1057"/>
      <c r="CF30" s="1057"/>
      <c r="CG30" s="1078"/>
      <c r="CH30" s="1053">
        <v>527</v>
      </c>
      <c r="CI30" s="1054"/>
      <c r="CJ30" s="1054"/>
      <c r="CK30" s="1054"/>
      <c r="CL30" s="1055"/>
      <c r="CM30" s="1053">
        <v>27262</v>
      </c>
      <c r="CN30" s="1054"/>
      <c r="CO30" s="1054"/>
      <c r="CP30" s="1054"/>
      <c r="CQ30" s="1055"/>
      <c r="CR30" s="1053">
        <v>3</v>
      </c>
      <c r="CS30" s="1054"/>
      <c r="CT30" s="1054"/>
      <c r="CU30" s="1054"/>
      <c r="CV30" s="1055"/>
      <c r="CW30" s="1053">
        <v>0</v>
      </c>
      <c r="CX30" s="1054"/>
      <c r="CY30" s="1054"/>
      <c r="CZ30" s="1054"/>
      <c r="DA30" s="1055"/>
      <c r="DB30" s="1053">
        <v>0</v>
      </c>
      <c r="DC30" s="1054"/>
      <c r="DD30" s="1054"/>
      <c r="DE30" s="1054"/>
      <c r="DF30" s="1055"/>
      <c r="DG30" s="1053">
        <v>0</v>
      </c>
      <c r="DH30" s="1054"/>
      <c r="DI30" s="1054"/>
      <c r="DJ30" s="1054"/>
      <c r="DK30" s="1055"/>
      <c r="DL30" s="1053">
        <v>0</v>
      </c>
      <c r="DM30" s="1054"/>
      <c r="DN30" s="1054"/>
      <c r="DO30" s="1054"/>
      <c r="DP30" s="1055"/>
      <c r="DQ30" s="1053">
        <v>0</v>
      </c>
      <c r="DR30" s="1054"/>
      <c r="DS30" s="1054"/>
      <c r="DT30" s="1054"/>
      <c r="DU30" s="1055"/>
      <c r="DV30" s="1056"/>
      <c r="DW30" s="1057"/>
      <c r="DX30" s="1057"/>
      <c r="DY30" s="1057"/>
      <c r="DZ30" s="1058"/>
      <c r="EA30" s="233"/>
    </row>
    <row r="31" spans="1:131" ht="26.25" customHeight="1" x14ac:dyDescent="0.2">
      <c r="A31" s="245">
        <v>4</v>
      </c>
      <c r="B31" s="1094" t="s">
        <v>414</v>
      </c>
      <c r="C31" s="1095"/>
      <c r="D31" s="1095"/>
      <c r="E31" s="1095"/>
      <c r="F31" s="1095"/>
      <c r="G31" s="1095"/>
      <c r="H31" s="1095"/>
      <c r="I31" s="1095"/>
      <c r="J31" s="1095"/>
      <c r="K31" s="1095"/>
      <c r="L31" s="1095"/>
      <c r="M31" s="1095"/>
      <c r="N31" s="1095"/>
      <c r="O31" s="1095"/>
      <c r="P31" s="1096"/>
      <c r="Q31" s="1102">
        <v>540</v>
      </c>
      <c r="R31" s="1103"/>
      <c r="S31" s="1103"/>
      <c r="T31" s="1103"/>
      <c r="U31" s="1103"/>
      <c r="V31" s="1103">
        <v>482</v>
      </c>
      <c r="W31" s="1103"/>
      <c r="X31" s="1103"/>
      <c r="Y31" s="1103"/>
      <c r="Z31" s="1103"/>
      <c r="AA31" s="1103">
        <v>58</v>
      </c>
      <c r="AB31" s="1103"/>
      <c r="AC31" s="1103"/>
      <c r="AD31" s="1103"/>
      <c r="AE31" s="1104"/>
      <c r="AF31" s="1099">
        <v>58</v>
      </c>
      <c r="AG31" s="1100"/>
      <c r="AH31" s="1100"/>
      <c r="AI31" s="1100"/>
      <c r="AJ31" s="1101"/>
      <c r="AK31" s="1044">
        <v>370</v>
      </c>
      <c r="AL31" s="1035"/>
      <c r="AM31" s="1035"/>
      <c r="AN31" s="1035"/>
      <c r="AO31" s="1035"/>
      <c r="AP31" s="1035">
        <v>784</v>
      </c>
      <c r="AQ31" s="1035"/>
      <c r="AR31" s="1035"/>
      <c r="AS31" s="1035"/>
      <c r="AT31" s="1035"/>
      <c r="AU31" s="1035">
        <v>566</v>
      </c>
      <c r="AV31" s="1035"/>
      <c r="AW31" s="1035"/>
      <c r="AX31" s="1035"/>
      <c r="AY31" s="1035"/>
      <c r="AZ31" s="1105" t="s">
        <v>532</v>
      </c>
      <c r="BA31" s="1105"/>
      <c r="BB31" s="1105"/>
      <c r="BC31" s="1105"/>
      <c r="BD31" s="1105"/>
      <c r="BE31" s="1036"/>
      <c r="BF31" s="1036"/>
      <c r="BG31" s="1036"/>
      <c r="BH31" s="1036"/>
      <c r="BI31" s="1037"/>
      <c r="BJ31" s="235"/>
      <c r="BK31" s="235"/>
      <c r="BL31" s="235"/>
      <c r="BM31" s="235"/>
      <c r="BN31" s="235"/>
      <c r="BO31" s="244"/>
      <c r="BP31" s="244"/>
      <c r="BQ31" s="241">
        <v>25</v>
      </c>
      <c r="BR31" s="242"/>
      <c r="BS31" s="1056" t="s">
        <v>629</v>
      </c>
      <c r="BT31" s="1057"/>
      <c r="BU31" s="1057"/>
      <c r="BV31" s="1057"/>
      <c r="BW31" s="1057"/>
      <c r="BX31" s="1057"/>
      <c r="BY31" s="1057"/>
      <c r="BZ31" s="1057"/>
      <c r="CA31" s="1057"/>
      <c r="CB31" s="1057"/>
      <c r="CC31" s="1057"/>
      <c r="CD31" s="1057"/>
      <c r="CE31" s="1057"/>
      <c r="CF31" s="1057"/>
      <c r="CG31" s="1078"/>
      <c r="CH31" s="1053">
        <v>-139</v>
      </c>
      <c r="CI31" s="1054"/>
      <c r="CJ31" s="1054"/>
      <c r="CK31" s="1054"/>
      <c r="CL31" s="1055"/>
      <c r="CM31" s="1053">
        <v>854</v>
      </c>
      <c r="CN31" s="1054"/>
      <c r="CO31" s="1054"/>
      <c r="CP31" s="1054"/>
      <c r="CQ31" s="1055"/>
      <c r="CR31" s="1053">
        <v>30</v>
      </c>
      <c r="CS31" s="1054"/>
      <c r="CT31" s="1054"/>
      <c r="CU31" s="1054"/>
      <c r="CV31" s="1055"/>
      <c r="CW31" s="1053">
        <v>0</v>
      </c>
      <c r="CX31" s="1054"/>
      <c r="CY31" s="1054"/>
      <c r="CZ31" s="1054"/>
      <c r="DA31" s="1055"/>
      <c r="DB31" s="1053">
        <v>0</v>
      </c>
      <c r="DC31" s="1054"/>
      <c r="DD31" s="1054"/>
      <c r="DE31" s="1054"/>
      <c r="DF31" s="1055"/>
      <c r="DG31" s="1053">
        <v>0</v>
      </c>
      <c r="DH31" s="1054"/>
      <c r="DI31" s="1054"/>
      <c r="DJ31" s="1054"/>
      <c r="DK31" s="1055"/>
      <c r="DL31" s="1053">
        <v>0</v>
      </c>
      <c r="DM31" s="1054"/>
      <c r="DN31" s="1054"/>
      <c r="DO31" s="1054"/>
      <c r="DP31" s="1055"/>
      <c r="DQ31" s="1053">
        <v>0</v>
      </c>
      <c r="DR31" s="1054"/>
      <c r="DS31" s="1054"/>
      <c r="DT31" s="1054"/>
      <c r="DU31" s="1055"/>
      <c r="DV31" s="1056"/>
      <c r="DW31" s="1057"/>
      <c r="DX31" s="1057"/>
      <c r="DY31" s="1057"/>
      <c r="DZ31" s="1058"/>
      <c r="EA31" s="233"/>
    </row>
    <row r="32" spans="1:131" ht="26.25" customHeight="1" x14ac:dyDescent="0.2">
      <c r="A32" s="245">
        <v>5</v>
      </c>
      <c r="B32" s="1094" t="s">
        <v>415</v>
      </c>
      <c r="C32" s="1095"/>
      <c r="D32" s="1095"/>
      <c r="E32" s="1095"/>
      <c r="F32" s="1095"/>
      <c r="G32" s="1095"/>
      <c r="H32" s="1095"/>
      <c r="I32" s="1095"/>
      <c r="J32" s="1095"/>
      <c r="K32" s="1095"/>
      <c r="L32" s="1095"/>
      <c r="M32" s="1095"/>
      <c r="N32" s="1095"/>
      <c r="O32" s="1095"/>
      <c r="P32" s="1096"/>
      <c r="Q32" s="1102">
        <v>83018</v>
      </c>
      <c r="R32" s="1103"/>
      <c r="S32" s="1103"/>
      <c r="T32" s="1103"/>
      <c r="U32" s="1103"/>
      <c r="V32" s="1103">
        <v>72988</v>
      </c>
      <c r="W32" s="1103"/>
      <c r="X32" s="1103"/>
      <c r="Y32" s="1103"/>
      <c r="Z32" s="1103"/>
      <c r="AA32" s="1103">
        <v>10030</v>
      </c>
      <c r="AB32" s="1103"/>
      <c r="AC32" s="1103"/>
      <c r="AD32" s="1103"/>
      <c r="AE32" s="1104"/>
      <c r="AF32" s="1099">
        <v>24573</v>
      </c>
      <c r="AG32" s="1100"/>
      <c r="AH32" s="1100"/>
      <c r="AI32" s="1100"/>
      <c r="AJ32" s="1101"/>
      <c r="AK32" s="1044">
        <v>2011</v>
      </c>
      <c r="AL32" s="1035"/>
      <c r="AM32" s="1035"/>
      <c r="AN32" s="1035"/>
      <c r="AO32" s="1035"/>
      <c r="AP32" s="1035">
        <v>154592</v>
      </c>
      <c r="AQ32" s="1035"/>
      <c r="AR32" s="1035"/>
      <c r="AS32" s="1035"/>
      <c r="AT32" s="1035"/>
      <c r="AU32" s="1035">
        <v>3246</v>
      </c>
      <c r="AV32" s="1035"/>
      <c r="AW32" s="1035"/>
      <c r="AX32" s="1035"/>
      <c r="AY32" s="1035"/>
      <c r="AZ32" s="1105" t="s">
        <v>532</v>
      </c>
      <c r="BA32" s="1105"/>
      <c r="BB32" s="1105"/>
      <c r="BC32" s="1105"/>
      <c r="BD32" s="1105"/>
      <c r="BE32" s="1036" t="s">
        <v>416</v>
      </c>
      <c r="BF32" s="1036"/>
      <c r="BG32" s="1036"/>
      <c r="BH32" s="1036"/>
      <c r="BI32" s="1037"/>
      <c r="BJ32" s="235"/>
      <c r="BK32" s="235"/>
      <c r="BL32" s="235"/>
      <c r="BM32" s="235"/>
      <c r="BN32" s="235"/>
      <c r="BO32" s="244"/>
      <c r="BP32" s="244"/>
      <c r="BQ32" s="241">
        <v>26</v>
      </c>
      <c r="BR32" s="242"/>
      <c r="BS32" s="1056" t="s">
        <v>630</v>
      </c>
      <c r="BT32" s="1057"/>
      <c r="BU32" s="1057"/>
      <c r="BV32" s="1057"/>
      <c r="BW32" s="1057"/>
      <c r="BX32" s="1057"/>
      <c r="BY32" s="1057"/>
      <c r="BZ32" s="1057"/>
      <c r="CA32" s="1057"/>
      <c r="CB32" s="1057"/>
      <c r="CC32" s="1057"/>
      <c r="CD32" s="1057"/>
      <c r="CE32" s="1057"/>
      <c r="CF32" s="1057"/>
      <c r="CG32" s="1078"/>
      <c r="CH32" s="1053">
        <v>-84</v>
      </c>
      <c r="CI32" s="1054"/>
      <c r="CJ32" s="1054"/>
      <c r="CK32" s="1054"/>
      <c r="CL32" s="1055"/>
      <c r="CM32" s="1053">
        <v>3322</v>
      </c>
      <c r="CN32" s="1054"/>
      <c r="CO32" s="1054"/>
      <c r="CP32" s="1054"/>
      <c r="CQ32" s="1055"/>
      <c r="CR32" s="1053">
        <v>1550</v>
      </c>
      <c r="CS32" s="1054"/>
      <c r="CT32" s="1054"/>
      <c r="CU32" s="1054"/>
      <c r="CV32" s="1055"/>
      <c r="CW32" s="1053">
        <v>0</v>
      </c>
      <c r="CX32" s="1054"/>
      <c r="CY32" s="1054"/>
      <c r="CZ32" s="1054"/>
      <c r="DA32" s="1055"/>
      <c r="DB32" s="1053">
        <v>0</v>
      </c>
      <c r="DC32" s="1054"/>
      <c r="DD32" s="1054"/>
      <c r="DE32" s="1054"/>
      <c r="DF32" s="1055"/>
      <c r="DG32" s="1053">
        <v>0</v>
      </c>
      <c r="DH32" s="1054"/>
      <c r="DI32" s="1054"/>
      <c r="DJ32" s="1054"/>
      <c r="DK32" s="1055"/>
      <c r="DL32" s="1053">
        <v>0</v>
      </c>
      <c r="DM32" s="1054"/>
      <c r="DN32" s="1054"/>
      <c r="DO32" s="1054"/>
      <c r="DP32" s="1055"/>
      <c r="DQ32" s="1053">
        <v>0</v>
      </c>
      <c r="DR32" s="1054"/>
      <c r="DS32" s="1054"/>
      <c r="DT32" s="1054"/>
      <c r="DU32" s="1055"/>
      <c r="DV32" s="1056"/>
      <c r="DW32" s="1057"/>
      <c r="DX32" s="1057"/>
      <c r="DY32" s="1057"/>
      <c r="DZ32" s="1058"/>
      <c r="EA32" s="233"/>
    </row>
    <row r="33" spans="1:131" ht="26.25" customHeight="1" x14ac:dyDescent="0.2">
      <c r="A33" s="245">
        <v>6</v>
      </c>
      <c r="B33" s="1094" t="s">
        <v>417</v>
      </c>
      <c r="C33" s="1095"/>
      <c r="D33" s="1095"/>
      <c r="E33" s="1095"/>
      <c r="F33" s="1095"/>
      <c r="G33" s="1095"/>
      <c r="H33" s="1095"/>
      <c r="I33" s="1095"/>
      <c r="J33" s="1095"/>
      <c r="K33" s="1095"/>
      <c r="L33" s="1095"/>
      <c r="M33" s="1095"/>
      <c r="N33" s="1095"/>
      <c r="O33" s="1095"/>
      <c r="P33" s="1096"/>
      <c r="Q33" s="1102">
        <v>2743</v>
      </c>
      <c r="R33" s="1103"/>
      <c r="S33" s="1103"/>
      <c r="T33" s="1103"/>
      <c r="U33" s="1103"/>
      <c r="V33" s="1103">
        <v>1975</v>
      </c>
      <c r="W33" s="1103"/>
      <c r="X33" s="1103"/>
      <c r="Y33" s="1103"/>
      <c r="Z33" s="1103"/>
      <c r="AA33" s="1103">
        <v>798</v>
      </c>
      <c r="AB33" s="1103"/>
      <c r="AC33" s="1103"/>
      <c r="AD33" s="1103"/>
      <c r="AE33" s="1104"/>
      <c r="AF33" s="1099">
        <v>4767</v>
      </c>
      <c r="AG33" s="1100"/>
      <c r="AH33" s="1100"/>
      <c r="AI33" s="1100"/>
      <c r="AJ33" s="1101"/>
      <c r="AK33" s="1044">
        <v>0</v>
      </c>
      <c r="AL33" s="1035"/>
      <c r="AM33" s="1035"/>
      <c r="AN33" s="1035"/>
      <c r="AO33" s="1035"/>
      <c r="AP33" s="1035">
        <v>3328</v>
      </c>
      <c r="AQ33" s="1035"/>
      <c r="AR33" s="1035"/>
      <c r="AS33" s="1035"/>
      <c r="AT33" s="1035"/>
      <c r="AU33" s="1035" t="s">
        <v>532</v>
      </c>
      <c r="AV33" s="1035"/>
      <c r="AW33" s="1035"/>
      <c r="AX33" s="1035"/>
      <c r="AY33" s="1035"/>
      <c r="AZ33" s="1105" t="s">
        <v>532</v>
      </c>
      <c r="BA33" s="1105"/>
      <c r="BB33" s="1105"/>
      <c r="BC33" s="1105"/>
      <c r="BD33" s="1105"/>
      <c r="BE33" s="1036" t="s">
        <v>416</v>
      </c>
      <c r="BF33" s="1036"/>
      <c r="BG33" s="1036"/>
      <c r="BH33" s="1036"/>
      <c r="BI33" s="1037"/>
      <c r="BJ33" s="235"/>
      <c r="BK33" s="235"/>
      <c r="BL33" s="235"/>
      <c r="BM33" s="235"/>
      <c r="BN33" s="235"/>
      <c r="BO33" s="244"/>
      <c r="BP33" s="244"/>
      <c r="BQ33" s="241">
        <v>27</v>
      </c>
      <c r="BR33" s="242" t="s">
        <v>645</v>
      </c>
      <c r="BS33" s="1056" t="s">
        <v>631</v>
      </c>
      <c r="BT33" s="1057"/>
      <c r="BU33" s="1057"/>
      <c r="BV33" s="1057"/>
      <c r="BW33" s="1057"/>
      <c r="BX33" s="1057"/>
      <c r="BY33" s="1057"/>
      <c r="BZ33" s="1057"/>
      <c r="CA33" s="1057"/>
      <c r="CB33" s="1057"/>
      <c r="CC33" s="1057"/>
      <c r="CD33" s="1057"/>
      <c r="CE33" s="1057"/>
      <c r="CF33" s="1057"/>
      <c r="CG33" s="1078"/>
      <c r="CH33" s="1053">
        <v>-2154</v>
      </c>
      <c r="CI33" s="1054"/>
      <c r="CJ33" s="1054"/>
      <c r="CK33" s="1054"/>
      <c r="CL33" s="1055"/>
      <c r="CM33" s="1053">
        <v>35088</v>
      </c>
      <c r="CN33" s="1054"/>
      <c r="CO33" s="1054"/>
      <c r="CP33" s="1054"/>
      <c r="CQ33" s="1055"/>
      <c r="CR33" s="1053">
        <v>32197</v>
      </c>
      <c r="CS33" s="1054"/>
      <c r="CT33" s="1054"/>
      <c r="CU33" s="1054"/>
      <c r="CV33" s="1055"/>
      <c r="CW33" s="1053">
        <v>266</v>
      </c>
      <c r="CX33" s="1054"/>
      <c r="CY33" s="1054"/>
      <c r="CZ33" s="1054"/>
      <c r="DA33" s="1055"/>
      <c r="DB33" s="1053">
        <v>0</v>
      </c>
      <c r="DC33" s="1054"/>
      <c r="DD33" s="1054"/>
      <c r="DE33" s="1054"/>
      <c r="DF33" s="1055"/>
      <c r="DG33" s="1053">
        <v>0</v>
      </c>
      <c r="DH33" s="1054"/>
      <c r="DI33" s="1054"/>
      <c r="DJ33" s="1054"/>
      <c r="DK33" s="1055"/>
      <c r="DL33" s="1053">
        <v>37534</v>
      </c>
      <c r="DM33" s="1054"/>
      <c r="DN33" s="1054"/>
      <c r="DO33" s="1054"/>
      <c r="DP33" s="1055"/>
      <c r="DQ33" s="1053">
        <v>2245</v>
      </c>
      <c r="DR33" s="1054"/>
      <c r="DS33" s="1054"/>
      <c r="DT33" s="1054"/>
      <c r="DU33" s="1055"/>
      <c r="DV33" s="1056"/>
      <c r="DW33" s="1057"/>
      <c r="DX33" s="1057"/>
      <c r="DY33" s="1057"/>
      <c r="DZ33" s="1058"/>
      <c r="EA33" s="233"/>
    </row>
    <row r="34" spans="1:131" ht="26.25" customHeight="1" x14ac:dyDescent="0.2">
      <c r="A34" s="245">
        <v>7</v>
      </c>
      <c r="B34" s="1094" t="s">
        <v>418</v>
      </c>
      <c r="C34" s="1095"/>
      <c r="D34" s="1095"/>
      <c r="E34" s="1095"/>
      <c r="F34" s="1095"/>
      <c r="G34" s="1095"/>
      <c r="H34" s="1095"/>
      <c r="I34" s="1095"/>
      <c r="J34" s="1095"/>
      <c r="K34" s="1095"/>
      <c r="L34" s="1095"/>
      <c r="M34" s="1095"/>
      <c r="N34" s="1095"/>
      <c r="O34" s="1095"/>
      <c r="P34" s="1096"/>
      <c r="Q34" s="1102">
        <v>18978</v>
      </c>
      <c r="R34" s="1103"/>
      <c r="S34" s="1103"/>
      <c r="T34" s="1103"/>
      <c r="U34" s="1103"/>
      <c r="V34" s="1103">
        <v>20098</v>
      </c>
      <c r="W34" s="1103"/>
      <c r="X34" s="1103"/>
      <c r="Y34" s="1103"/>
      <c r="Z34" s="1103"/>
      <c r="AA34" s="1103">
        <v>-1120</v>
      </c>
      <c r="AB34" s="1103"/>
      <c r="AC34" s="1103"/>
      <c r="AD34" s="1103"/>
      <c r="AE34" s="1104"/>
      <c r="AF34" s="1099">
        <v>4435</v>
      </c>
      <c r="AG34" s="1100"/>
      <c r="AH34" s="1100"/>
      <c r="AI34" s="1100"/>
      <c r="AJ34" s="1101"/>
      <c r="AK34" s="1044">
        <v>956</v>
      </c>
      <c r="AL34" s="1035"/>
      <c r="AM34" s="1035"/>
      <c r="AN34" s="1035"/>
      <c r="AO34" s="1035"/>
      <c r="AP34" s="1035">
        <v>1801</v>
      </c>
      <c r="AQ34" s="1035"/>
      <c r="AR34" s="1035"/>
      <c r="AS34" s="1035"/>
      <c r="AT34" s="1035"/>
      <c r="AU34" s="1035">
        <v>664</v>
      </c>
      <c r="AV34" s="1035"/>
      <c r="AW34" s="1035"/>
      <c r="AX34" s="1035"/>
      <c r="AY34" s="1035"/>
      <c r="AZ34" s="1105" t="s">
        <v>532</v>
      </c>
      <c r="BA34" s="1105"/>
      <c r="BB34" s="1105"/>
      <c r="BC34" s="1105"/>
      <c r="BD34" s="1105"/>
      <c r="BE34" s="1036" t="s">
        <v>416</v>
      </c>
      <c r="BF34" s="1036"/>
      <c r="BG34" s="1036"/>
      <c r="BH34" s="1036"/>
      <c r="BI34" s="1037"/>
      <c r="BJ34" s="235"/>
      <c r="BK34" s="235"/>
      <c r="BL34" s="235"/>
      <c r="BM34" s="235"/>
      <c r="BN34" s="235"/>
      <c r="BO34" s="244"/>
      <c r="BP34" s="244"/>
      <c r="BQ34" s="241">
        <v>28</v>
      </c>
      <c r="BR34" s="242"/>
      <c r="BS34" s="1056" t="s">
        <v>632</v>
      </c>
      <c r="BT34" s="1057"/>
      <c r="BU34" s="1057"/>
      <c r="BV34" s="1057"/>
      <c r="BW34" s="1057"/>
      <c r="BX34" s="1057"/>
      <c r="BY34" s="1057"/>
      <c r="BZ34" s="1057"/>
      <c r="CA34" s="1057"/>
      <c r="CB34" s="1057"/>
      <c r="CC34" s="1057"/>
      <c r="CD34" s="1057"/>
      <c r="CE34" s="1057"/>
      <c r="CF34" s="1057"/>
      <c r="CG34" s="1078"/>
      <c r="CH34" s="1053">
        <v>-501</v>
      </c>
      <c r="CI34" s="1054"/>
      <c r="CJ34" s="1054"/>
      <c r="CK34" s="1054"/>
      <c r="CL34" s="1055"/>
      <c r="CM34" s="1053">
        <v>7021</v>
      </c>
      <c r="CN34" s="1054"/>
      <c r="CO34" s="1054"/>
      <c r="CP34" s="1054"/>
      <c r="CQ34" s="1055"/>
      <c r="CR34" s="1053">
        <v>100</v>
      </c>
      <c r="CS34" s="1054"/>
      <c r="CT34" s="1054"/>
      <c r="CU34" s="1054"/>
      <c r="CV34" s="1055"/>
      <c r="CW34" s="1053">
        <v>63</v>
      </c>
      <c r="CX34" s="1054"/>
      <c r="CY34" s="1054"/>
      <c r="CZ34" s="1054"/>
      <c r="DA34" s="1055"/>
      <c r="DB34" s="1053">
        <v>0</v>
      </c>
      <c r="DC34" s="1054"/>
      <c r="DD34" s="1054"/>
      <c r="DE34" s="1054"/>
      <c r="DF34" s="1055"/>
      <c r="DG34" s="1053">
        <v>0</v>
      </c>
      <c r="DH34" s="1054"/>
      <c r="DI34" s="1054"/>
      <c r="DJ34" s="1054"/>
      <c r="DK34" s="1055"/>
      <c r="DL34" s="1053">
        <v>0</v>
      </c>
      <c r="DM34" s="1054"/>
      <c r="DN34" s="1054"/>
      <c r="DO34" s="1054"/>
      <c r="DP34" s="1055"/>
      <c r="DQ34" s="1053">
        <v>0</v>
      </c>
      <c r="DR34" s="1054"/>
      <c r="DS34" s="1054"/>
      <c r="DT34" s="1054"/>
      <c r="DU34" s="1055"/>
      <c r="DV34" s="1056"/>
      <c r="DW34" s="1057"/>
      <c r="DX34" s="1057"/>
      <c r="DY34" s="1057"/>
      <c r="DZ34" s="1058"/>
      <c r="EA34" s="233"/>
    </row>
    <row r="35" spans="1:131" ht="26.25" customHeight="1" x14ac:dyDescent="0.2">
      <c r="A35" s="245">
        <v>8</v>
      </c>
      <c r="B35" s="1094" t="s">
        <v>419</v>
      </c>
      <c r="C35" s="1095"/>
      <c r="D35" s="1095"/>
      <c r="E35" s="1095"/>
      <c r="F35" s="1095"/>
      <c r="G35" s="1095"/>
      <c r="H35" s="1095"/>
      <c r="I35" s="1095"/>
      <c r="J35" s="1095"/>
      <c r="K35" s="1095"/>
      <c r="L35" s="1095"/>
      <c r="M35" s="1095"/>
      <c r="N35" s="1095"/>
      <c r="O35" s="1095"/>
      <c r="P35" s="1096"/>
      <c r="Q35" s="1102">
        <v>40491</v>
      </c>
      <c r="R35" s="1103"/>
      <c r="S35" s="1103"/>
      <c r="T35" s="1103"/>
      <c r="U35" s="1103"/>
      <c r="V35" s="1103">
        <v>40010</v>
      </c>
      <c r="W35" s="1103"/>
      <c r="X35" s="1103"/>
      <c r="Y35" s="1103"/>
      <c r="Z35" s="1103"/>
      <c r="AA35" s="1103">
        <v>481</v>
      </c>
      <c r="AB35" s="1103"/>
      <c r="AC35" s="1103"/>
      <c r="AD35" s="1103"/>
      <c r="AE35" s="1104"/>
      <c r="AF35" s="1099" t="s">
        <v>400</v>
      </c>
      <c r="AG35" s="1100"/>
      <c r="AH35" s="1100"/>
      <c r="AI35" s="1100"/>
      <c r="AJ35" s="1101"/>
      <c r="AK35" s="1044">
        <v>5625</v>
      </c>
      <c r="AL35" s="1035"/>
      <c r="AM35" s="1035"/>
      <c r="AN35" s="1035"/>
      <c r="AO35" s="1035"/>
      <c r="AP35" s="1035">
        <v>320290</v>
      </c>
      <c r="AQ35" s="1035"/>
      <c r="AR35" s="1035"/>
      <c r="AS35" s="1035"/>
      <c r="AT35" s="1035"/>
      <c r="AU35" s="1035">
        <v>40036</v>
      </c>
      <c r="AV35" s="1035"/>
      <c r="AW35" s="1035"/>
      <c r="AX35" s="1035"/>
      <c r="AY35" s="1035"/>
      <c r="AZ35" s="1105" t="s">
        <v>532</v>
      </c>
      <c r="BA35" s="1105"/>
      <c r="BB35" s="1105"/>
      <c r="BC35" s="1105"/>
      <c r="BD35" s="1105"/>
      <c r="BE35" s="1036" t="s">
        <v>416</v>
      </c>
      <c r="BF35" s="1036"/>
      <c r="BG35" s="1036"/>
      <c r="BH35" s="1036"/>
      <c r="BI35" s="1037"/>
      <c r="BJ35" s="235"/>
      <c r="BK35" s="235"/>
      <c r="BL35" s="235"/>
      <c r="BM35" s="235"/>
      <c r="BN35" s="235"/>
      <c r="BO35" s="244"/>
      <c r="BP35" s="244"/>
      <c r="BQ35" s="241">
        <v>29</v>
      </c>
      <c r="BR35" s="242"/>
      <c r="BS35" s="1056" t="s">
        <v>633</v>
      </c>
      <c r="BT35" s="1057"/>
      <c r="BU35" s="1057"/>
      <c r="BV35" s="1057"/>
      <c r="BW35" s="1057"/>
      <c r="BX35" s="1057"/>
      <c r="BY35" s="1057"/>
      <c r="BZ35" s="1057"/>
      <c r="CA35" s="1057"/>
      <c r="CB35" s="1057"/>
      <c r="CC35" s="1057"/>
      <c r="CD35" s="1057"/>
      <c r="CE35" s="1057"/>
      <c r="CF35" s="1057"/>
      <c r="CG35" s="1078"/>
      <c r="CH35" s="1053">
        <v>189</v>
      </c>
      <c r="CI35" s="1054"/>
      <c r="CJ35" s="1054"/>
      <c r="CK35" s="1054"/>
      <c r="CL35" s="1055"/>
      <c r="CM35" s="1053">
        <v>5113</v>
      </c>
      <c r="CN35" s="1054"/>
      <c r="CO35" s="1054"/>
      <c r="CP35" s="1054"/>
      <c r="CQ35" s="1055"/>
      <c r="CR35" s="1053">
        <v>6400</v>
      </c>
      <c r="CS35" s="1054"/>
      <c r="CT35" s="1054"/>
      <c r="CU35" s="1054"/>
      <c r="CV35" s="1055"/>
      <c r="CW35" s="1053">
        <v>0</v>
      </c>
      <c r="CX35" s="1054"/>
      <c r="CY35" s="1054"/>
      <c r="CZ35" s="1054"/>
      <c r="DA35" s="1055"/>
      <c r="DB35" s="1053">
        <v>0</v>
      </c>
      <c r="DC35" s="1054"/>
      <c r="DD35" s="1054"/>
      <c r="DE35" s="1054"/>
      <c r="DF35" s="1055"/>
      <c r="DG35" s="1053">
        <v>0</v>
      </c>
      <c r="DH35" s="1054"/>
      <c r="DI35" s="1054"/>
      <c r="DJ35" s="1054"/>
      <c r="DK35" s="1055"/>
      <c r="DL35" s="1053">
        <v>0</v>
      </c>
      <c r="DM35" s="1054"/>
      <c r="DN35" s="1054"/>
      <c r="DO35" s="1054"/>
      <c r="DP35" s="1055"/>
      <c r="DQ35" s="1053">
        <v>0</v>
      </c>
      <c r="DR35" s="1054"/>
      <c r="DS35" s="1054"/>
      <c r="DT35" s="1054"/>
      <c r="DU35" s="1055"/>
      <c r="DV35" s="1056"/>
      <c r="DW35" s="1057"/>
      <c r="DX35" s="1057"/>
      <c r="DY35" s="1057"/>
      <c r="DZ35" s="1058"/>
      <c r="EA35" s="233"/>
    </row>
    <row r="36" spans="1:131" ht="26.25" customHeight="1" x14ac:dyDescent="0.2">
      <c r="A36" s="245">
        <v>9</v>
      </c>
      <c r="B36" s="1094" t="s">
        <v>420</v>
      </c>
      <c r="C36" s="1095"/>
      <c r="D36" s="1095"/>
      <c r="E36" s="1095"/>
      <c r="F36" s="1095"/>
      <c r="G36" s="1095"/>
      <c r="H36" s="1095"/>
      <c r="I36" s="1095"/>
      <c r="J36" s="1095"/>
      <c r="K36" s="1095"/>
      <c r="L36" s="1095"/>
      <c r="M36" s="1095"/>
      <c r="N36" s="1095"/>
      <c r="O36" s="1095"/>
      <c r="P36" s="1096"/>
      <c r="Q36" s="1102">
        <v>125062</v>
      </c>
      <c r="R36" s="1103"/>
      <c r="S36" s="1103"/>
      <c r="T36" s="1103"/>
      <c r="U36" s="1103"/>
      <c r="V36" s="1103">
        <v>112168</v>
      </c>
      <c r="W36" s="1103"/>
      <c r="X36" s="1103"/>
      <c r="Y36" s="1103"/>
      <c r="Z36" s="1103"/>
      <c r="AA36" s="1103">
        <v>12894</v>
      </c>
      <c r="AB36" s="1103"/>
      <c r="AC36" s="1103"/>
      <c r="AD36" s="1103"/>
      <c r="AE36" s="1104"/>
      <c r="AF36" s="1099">
        <v>48258</v>
      </c>
      <c r="AG36" s="1100"/>
      <c r="AH36" s="1100"/>
      <c r="AI36" s="1100"/>
      <c r="AJ36" s="1101"/>
      <c r="AK36" s="1044">
        <v>39641</v>
      </c>
      <c r="AL36" s="1035"/>
      <c r="AM36" s="1035"/>
      <c r="AN36" s="1035"/>
      <c r="AO36" s="1035"/>
      <c r="AP36" s="1035">
        <v>618439</v>
      </c>
      <c r="AQ36" s="1035"/>
      <c r="AR36" s="1035"/>
      <c r="AS36" s="1035"/>
      <c r="AT36" s="1035"/>
      <c r="AU36" s="1035">
        <v>345707</v>
      </c>
      <c r="AV36" s="1035"/>
      <c r="AW36" s="1035"/>
      <c r="AX36" s="1035"/>
      <c r="AY36" s="1035"/>
      <c r="AZ36" s="1105" t="s">
        <v>532</v>
      </c>
      <c r="BA36" s="1105"/>
      <c r="BB36" s="1105"/>
      <c r="BC36" s="1105"/>
      <c r="BD36" s="1105"/>
      <c r="BE36" s="1036" t="s">
        <v>416</v>
      </c>
      <c r="BF36" s="1036"/>
      <c r="BG36" s="1036"/>
      <c r="BH36" s="1036"/>
      <c r="BI36" s="1037"/>
      <c r="BJ36" s="235"/>
      <c r="BK36" s="235"/>
      <c r="BL36" s="235"/>
      <c r="BM36" s="235"/>
      <c r="BN36" s="235"/>
      <c r="BO36" s="244"/>
      <c r="BP36" s="244"/>
      <c r="BQ36" s="241">
        <v>30</v>
      </c>
      <c r="BR36" s="242" t="s">
        <v>645</v>
      </c>
      <c r="BS36" s="1056" t="s">
        <v>634</v>
      </c>
      <c r="BT36" s="1057"/>
      <c r="BU36" s="1057"/>
      <c r="BV36" s="1057"/>
      <c r="BW36" s="1057"/>
      <c r="BX36" s="1057"/>
      <c r="BY36" s="1057"/>
      <c r="BZ36" s="1057"/>
      <c r="CA36" s="1057"/>
      <c r="CB36" s="1057"/>
      <c r="CC36" s="1057"/>
      <c r="CD36" s="1057"/>
      <c r="CE36" s="1057"/>
      <c r="CF36" s="1057"/>
      <c r="CG36" s="1078"/>
      <c r="CH36" s="1053">
        <v>-970</v>
      </c>
      <c r="CI36" s="1054"/>
      <c r="CJ36" s="1054"/>
      <c r="CK36" s="1054"/>
      <c r="CL36" s="1055"/>
      <c r="CM36" s="1053">
        <v>2178</v>
      </c>
      <c r="CN36" s="1054"/>
      <c r="CO36" s="1054"/>
      <c r="CP36" s="1054"/>
      <c r="CQ36" s="1055"/>
      <c r="CR36" s="1053">
        <v>50</v>
      </c>
      <c r="CS36" s="1054"/>
      <c r="CT36" s="1054"/>
      <c r="CU36" s="1054"/>
      <c r="CV36" s="1055"/>
      <c r="CW36" s="1053">
        <v>27930</v>
      </c>
      <c r="CX36" s="1054"/>
      <c r="CY36" s="1054"/>
      <c r="CZ36" s="1054"/>
      <c r="DA36" s="1055"/>
      <c r="DB36" s="1053">
        <v>0</v>
      </c>
      <c r="DC36" s="1054"/>
      <c r="DD36" s="1054"/>
      <c r="DE36" s="1054"/>
      <c r="DF36" s="1055"/>
      <c r="DG36" s="1053">
        <v>0</v>
      </c>
      <c r="DH36" s="1054"/>
      <c r="DI36" s="1054"/>
      <c r="DJ36" s="1054"/>
      <c r="DK36" s="1055"/>
      <c r="DL36" s="1053">
        <v>2193</v>
      </c>
      <c r="DM36" s="1054"/>
      <c r="DN36" s="1054"/>
      <c r="DO36" s="1054"/>
      <c r="DP36" s="1055"/>
      <c r="DQ36" s="1053">
        <v>1973</v>
      </c>
      <c r="DR36" s="1054"/>
      <c r="DS36" s="1054"/>
      <c r="DT36" s="1054"/>
      <c r="DU36" s="1055"/>
      <c r="DV36" s="1056"/>
      <c r="DW36" s="1057"/>
      <c r="DX36" s="1057"/>
      <c r="DY36" s="1057"/>
      <c r="DZ36" s="1058"/>
      <c r="EA36" s="233"/>
    </row>
    <row r="37" spans="1:131" ht="26.25" customHeight="1" x14ac:dyDescent="0.2">
      <c r="A37" s="245">
        <v>10</v>
      </c>
      <c r="B37" s="1094" t="s">
        <v>421</v>
      </c>
      <c r="C37" s="1095"/>
      <c r="D37" s="1095"/>
      <c r="E37" s="1095"/>
      <c r="F37" s="1095"/>
      <c r="G37" s="1095"/>
      <c r="H37" s="1095"/>
      <c r="I37" s="1095"/>
      <c r="J37" s="1095"/>
      <c r="K37" s="1095"/>
      <c r="L37" s="1095"/>
      <c r="M37" s="1095"/>
      <c r="N37" s="1095"/>
      <c r="O37" s="1095"/>
      <c r="P37" s="1096"/>
      <c r="Q37" s="1102">
        <v>47991</v>
      </c>
      <c r="R37" s="1103"/>
      <c r="S37" s="1103"/>
      <c r="T37" s="1103"/>
      <c r="U37" s="1103"/>
      <c r="V37" s="1103">
        <v>49228</v>
      </c>
      <c r="W37" s="1103"/>
      <c r="X37" s="1103"/>
      <c r="Y37" s="1103"/>
      <c r="Z37" s="1103"/>
      <c r="AA37" s="1103">
        <v>-1237</v>
      </c>
      <c r="AB37" s="1103"/>
      <c r="AC37" s="1103"/>
      <c r="AD37" s="1103"/>
      <c r="AE37" s="1104"/>
      <c r="AF37" s="1099">
        <v>5832</v>
      </c>
      <c r="AG37" s="1100"/>
      <c r="AH37" s="1100"/>
      <c r="AI37" s="1100"/>
      <c r="AJ37" s="1101"/>
      <c r="AK37" s="1044">
        <v>7168</v>
      </c>
      <c r="AL37" s="1035"/>
      <c r="AM37" s="1035"/>
      <c r="AN37" s="1035"/>
      <c r="AO37" s="1035"/>
      <c r="AP37" s="1035">
        <v>73083</v>
      </c>
      <c r="AQ37" s="1035"/>
      <c r="AR37" s="1035"/>
      <c r="AS37" s="1035"/>
      <c r="AT37" s="1035"/>
      <c r="AU37" s="1035">
        <v>40999</v>
      </c>
      <c r="AV37" s="1035"/>
      <c r="AW37" s="1035"/>
      <c r="AX37" s="1035"/>
      <c r="AY37" s="1035"/>
      <c r="AZ37" s="1105" t="s">
        <v>532</v>
      </c>
      <c r="BA37" s="1105"/>
      <c r="BB37" s="1105"/>
      <c r="BC37" s="1105"/>
      <c r="BD37" s="1105"/>
      <c r="BE37" s="1036" t="s">
        <v>416</v>
      </c>
      <c r="BF37" s="1036"/>
      <c r="BG37" s="1036"/>
      <c r="BH37" s="1036"/>
      <c r="BI37" s="1037"/>
      <c r="BJ37" s="235"/>
      <c r="BK37" s="235"/>
      <c r="BL37" s="235"/>
      <c r="BM37" s="235"/>
      <c r="BN37" s="235"/>
      <c r="BO37" s="244"/>
      <c r="BP37" s="244"/>
      <c r="BQ37" s="241">
        <v>31</v>
      </c>
      <c r="BR37" s="242" t="s">
        <v>645</v>
      </c>
      <c r="BS37" s="1056" t="s">
        <v>635</v>
      </c>
      <c r="BT37" s="1057"/>
      <c r="BU37" s="1057"/>
      <c r="BV37" s="1057"/>
      <c r="BW37" s="1057"/>
      <c r="BX37" s="1057"/>
      <c r="BY37" s="1057"/>
      <c r="BZ37" s="1057"/>
      <c r="CA37" s="1057"/>
      <c r="CB37" s="1057"/>
      <c r="CC37" s="1057"/>
      <c r="CD37" s="1057"/>
      <c r="CE37" s="1057"/>
      <c r="CF37" s="1057"/>
      <c r="CG37" s="1078"/>
      <c r="CH37" s="1053">
        <v>576</v>
      </c>
      <c r="CI37" s="1054"/>
      <c r="CJ37" s="1054"/>
      <c r="CK37" s="1054"/>
      <c r="CL37" s="1055"/>
      <c r="CM37" s="1053">
        <v>6113</v>
      </c>
      <c r="CN37" s="1054"/>
      <c r="CO37" s="1054"/>
      <c r="CP37" s="1054"/>
      <c r="CQ37" s="1055"/>
      <c r="CR37" s="1053">
        <v>1921</v>
      </c>
      <c r="CS37" s="1054"/>
      <c r="CT37" s="1054"/>
      <c r="CU37" s="1054"/>
      <c r="CV37" s="1055"/>
      <c r="CW37" s="1053">
        <v>0</v>
      </c>
      <c r="CX37" s="1054"/>
      <c r="CY37" s="1054"/>
      <c r="CZ37" s="1054"/>
      <c r="DA37" s="1055"/>
      <c r="DB37" s="1053">
        <v>0</v>
      </c>
      <c r="DC37" s="1054"/>
      <c r="DD37" s="1054"/>
      <c r="DE37" s="1054"/>
      <c r="DF37" s="1055"/>
      <c r="DG37" s="1053">
        <v>0</v>
      </c>
      <c r="DH37" s="1054"/>
      <c r="DI37" s="1054"/>
      <c r="DJ37" s="1054"/>
      <c r="DK37" s="1055"/>
      <c r="DL37" s="1053">
        <v>594</v>
      </c>
      <c r="DM37" s="1054"/>
      <c r="DN37" s="1054"/>
      <c r="DO37" s="1054"/>
      <c r="DP37" s="1055"/>
      <c r="DQ37" s="1053">
        <v>0</v>
      </c>
      <c r="DR37" s="1054"/>
      <c r="DS37" s="1054"/>
      <c r="DT37" s="1054"/>
      <c r="DU37" s="1055"/>
      <c r="DV37" s="1056"/>
      <c r="DW37" s="1057"/>
      <c r="DX37" s="1057"/>
      <c r="DY37" s="1057"/>
      <c r="DZ37" s="1058"/>
      <c r="EA37" s="233"/>
    </row>
    <row r="38" spans="1:131" ht="26.25" customHeight="1" x14ac:dyDescent="0.2">
      <c r="A38" s="245">
        <v>11</v>
      </c>
      <c r="B38" s="1094" t="s">
        <v>422</v>
      </c>
      <c r="C38" s="1095"/>
      <c r="D38" s="1095"/>
      <c r="E38" s="1095"/>
      <c r="F38" s="1095"/>
      <c r="G38" s="1095"/>
      <c r="H38" s="1095"/>
      <c r="I38" s="1095"/>
      <c r="J38" s="1095"/>
      <c r="K38" s="1095"/>
      <c r="L38" s="1095"/>
      <c r="M38" s="1095"/>
      <c r="N38" s="1095"/>
      <c r="O38" s="1095"/>
      <c r="P38" s="1096"/>
      <c r="Q38" s="1102">
        <v>1216</v>
      </c>
      <c r="R38" s="1103"/>
      <c r="S38" s="1103"/>
      <c r="T38" s="1103"/>
      <c r="U38" s="1103"/>
      <c r="V38" s="1103">
        <v>1885</v>
      </c>
      <c r="W38" s="1103"/>
      <c r="X38" s="1103"/>
      <c r="Y38" s="1103"/>
      <c r="Z38" s="1103"/>
      <c r="AA38" s="1103">
        <v>-669</v>
      </c>
      <c r="AB38" s="1103"/>
      <c r="AC38" s="1103"/>
      <c r="AD38" s="1103"/>
      <c r="AE38" s="1104"/>
      <c r="AF38" s="1099" t="s">
        <v>423</v>
      </c>
      <c r="AG38" s="1100"/>
      <c r="AH38" s="1100"/>
      <c r="AI38" s="1100"/>
      <c r="AJ38" s="1101"/>
      <c r="AK38" s="1044">
        <v>201</v>
      </c>
      <c r="AL38" s="1035"/>
      <c r="AM38" s="1035"/>
      <c r="AN38" s="1035"/>
      <c r="AO38" s="1035"/>
      <c r="AP38" s="1035">
        <v>131000</v>
      </c>
      <c r="AQ38" s="1035"/>
      <c r="AR38" s="1035"/>
      <c r="AS38" s="1035"/>
      <c r="AT38" s="1035"/>
      <c r="AU38" s="1035">
        <v>17043</v>
      </c>
      <c r="AV38" s="1035"/>
      <c r="AW38" s="1035"/>
      <c r="AX38" s="1035"/>
      <c r="AY38" s="1035"/>
      <c r="AZ38" s="1105" t="s">
        <v>532</v>
      </c>
      <c r="BA38" s="1105"/>
      <c r="BB38" s="1105"/>
      <c r="BC38" s="1105"/>
      <c r="BD38" s="1105"/>
      <c r="BE38" s="1036" t="s">
        <v>424</v>
      </c>
      <c r="BF38" s="1036"/>
      <c r="BG38" s="1036"/>
      <c r="BH38" s="1036"/>
      <c r="BI38" s="1037"/>
      <c r="BJ38" s="235"/>
      <c r="BK38" s="235"/>
      <c r="BL38" s="235"/>
      <c r="BM38" s="235"/>
      <c r="BN38" s="235"/>
      <c r="BO38" s="244"/>
      <c r="BP38" s="244"/>
      <c r="BQ38" s="241">
        <v>32</v>
      </c>
      <c r="BR38" s="242"/>
      <c r="BS38" s="1056" t="s">
        <v>636</v>
      </c>
      <c r="BT38" s="1057"/>
      <c r="BU38" s="1057"/>
      <c r="BV38" s="1057"/>
      <c r="BW38" s="1057"/>
      <c r="BX38" s="1057"/>
      <c r="BY38" s="1057"/>
      <c r="BZ38" s="1057"/>
      <c r="CA38" s="1057"/>
      <c r="CB38" s="1057"/>
      <c r="CC38" s="1057"/>
      <c r="CD38" s="1057"/>
      <c r="CE38" s="1057"/>
      <c r="CF38" s="1057"/>
      <c r="CG38" s="1078"/>
      <c r="CH38" s="1053">
        <v>1274</v>
      </c>
      <c r="CI38" s="1054"/>
      <c r="CJ38" s="1054"/>
      <c r="CK38" s="1054"/>
      <c r="CL38" s="1055"/>
      <c r="CM38" s="1053">
        <v>29606</v>
      </c>
      <c r="CN38" s="1054"/>
      <c r="CO38" s="1054"/>
      <c r="CP38" s="1054"/>
      <c r="CQ38" s="1055"/>
      <c r="CR38" s="1053">
        <v>28292</v>
      </c>
      <c r="CS38" s="1054"/>
      <c r="CT38" s="1054"/>
      <c r="CU38" s="1054"/>
      <c r="CV38" s="1055"/>
      <c r="CW38" s="1053">
        <v>0</v>
      </c>
      <c r="CX38" s="1054"/>
      <c r="CY38" s="1054"/>
      <c r="CZ38" s="1054"/>
      <c r="DA38" s="1055"/>
      <c r="DB38" s="1053">
        <v>0</v>
      </c>
      <c r="DC38" s="1054"/>
      <c r="DD38" s="1054"/>
      <c r="DE38" s="1054"/>
      <c r="DF38" s="1055"/>
      <c r="DG38" s="1053">
        <v>0</v>
      </c>
      <c r="DH38" s="1054"/>
      <c r="DI38" s="1054"/>
      <c r="DJ38" s="1054"/>
      <c r="DK38" s="1055"/>
      <c r="DL38" s="1053">
        <v>0</v>
      </c>
      <c r="DM38" s="1054"/>
      <c r="DN38" s="1054"/>
      <c r="DO38" s="1054"/>
      <c r="DP38" s="1055"/>
      <c r="DQ38" s="1053">
        <v>0</v>
      </c>
      <c r="DR38" s="1054"/>
      <c r="DS38" s="1054"/>
      <c r="DT38" s="1054"/>
      <c r="DU38" s="1055"/>
      <c r="DV38" s="1056"/>
      <c r="DW38" s="1057"/>
      <c r="DX38" s="1057"/>
      <c r="DY38" s="1057"/>
      <c r="DZ38" s="1058"/>
      <c r="EA38" s="233"/>
    </row>
    <row r="39" spans="1:131" ht="26.25" customHeight="1" x14ac:dyDescent="0.2">
      <c r="A39" s="245">
        <v>12</v>
      </c>
      <c r="B39" s="1094" t="s">
        <v>425</v>
      </c>
      <c r="C39" s="1095"/>
      <c r="D39" s="1095"/>
      <c r="E39" s="1095"/>
      <c r="F39" s="1095"/>
      <c r="G39" s="1095"/>
      <c r="H39" s="1095"/>
      <c r="I39" s="1095"/>
      <c r="J39" s="1095"/>
      <c r="K39" s="1095"/>
      <c r="L39" s="1095"/>
      <c r="M39" s="1095"/>
      <c r="N39" s="1095"/>
      <c r="O39" s="1095"/>
      <c r="P39" s="1096"/>
      <c r="Q39" s="1102">
        <v>43790</v>
      </c>
      <c r="R39" s="1103"/>
      <c r="S39" s="1103"/>
      <c r="T39" s="1103"/>
      <c r="U39" s="1103"/>
      <c r="V39" s="1103">
        <v>41040</v>
      </c>
      <c r="W39" s="1103"/>
      <c r="X39" s="1103"/>
      <c r="Y39" s="1103"/>
      <c r="Z39" s="1103"/>
      <c r="AA39" s="1103">
        <v>2750</v>
      </c>
      <c r="AB39" s="1103"/>
      <c r="AC39" s="1103"/>
      <c r="AD39" s="1103"/>
      <c r="AE39" s="1104"/>
      <c r="AF39" s="1099" t="s">
        <v>129</v>
      </c>
      <c r="AG39" s="1100"/>
      <c r="AH39" s="1100"/>
      <c r="AI39" s="1100"/>
      <c r="AJ39" s="1101"/>
      <c r="AK39" s="1044">
        <v>71</v>
      </c>
      <c r="AL39" s="1035"/>
      <c r="AM39" s="1035"/>
      <c r="AN39" s="1035"/>
      <c r="AO39" s="1035"/>
      <c r="AP39" s="1035">
        <v>74185</v>
      </c>
      <c r="AQ39" s="1035"/>
      <c r="AR39" s="1035"/>
      <c r="AS39" s="1035"/>
      <c r="AT39" s="1035"/>
      <c r="AU39" s="1035">
        <v>317</v>
      </c>
      <c r="AV39" s="1035"/>
      <c r="AW39" s="1035"/>
      <c r="AX39" s="1035"/>
      <c r="AY39" s="1035"/>
      <c r="AZ39" s="1105" t="s">
        <v>532</v>
      </c>
      <c r="BA39" s="1105"/>
      <c r="BB39" s="1105"/>
      <c r="BC39" s="1105"/>
      <c r="BD39" s="1105"/>
      <c r="BE39" s="1036" t="s">
        <v>426</v>
      </c>
      <c r="BF39" s="1036"/>
      <c r="BG39" s="1036"/>
      <c r="BH39" s="1036"/>
      <c r="BI39" s="1037"/>
      <c r="BJ39" s="235"/>
      <c r="BK39" s="235"/>
      <c r="BL39" s="235"/>
      <c r="BM39" s="235"/>
      <c r="BN39" s="235"/>
      <c r="BO39" s="244"/>
      <c r="BP39" s="244"/>
      <c r="BQ39" s="241">
        <v>33</v>
      </c>
      <c r="BR39" s="242"/>
      <c r="BS39" s="1056" t="s">
        <v>637</v>
      </c>
      <c r="BT39" s="1057"/>
      <c r="BU39" s="1057"/>
      <c r="BV39" s="1057"/>
      <c r="BW39" s="1057"/>
      <c r="BX39" s="1057"/>
      <c r="BY39" s="1057"/>
      <c r="BZ39" s="1057"/>
      <c r="CA39" s="1057"/>
      <c r="CB39" s="1057"/>
      <c r="CC39" s="1057"/>
      <c r="CD39" s="1057"/>
      <c r="CE39" s="1057"/>
      <c r="CF39" s="1057"/>
      <c r="CG39" s="1078"/>
      <c r="CH39" s="1053">
        <v>-27</v>
      </c>
      <c r="CI39" s="1054"/>
      <c r="CJ39" s="1054"/>
      <c r="CK39" s="1054"/>
      <c r="CL39" s="1055"/>
      <c r="CM39" s="1053">
        <v>1597</v>
      </c>
      <c r="CN39" s="1054"/>
      <c r="CO39" s="1054"/>
      <c r="CP39" s="1054"/>
      <c r="CQ39" s="1055"/>
      <c r="CR39" s="1053">
        <v>810</v>
      </c>
      <c r="CS39" s="1054"/>
      <c r="CT39" s="1054"/>
      <c r="CU39" s="1054"/>
      <c r="CV39" s="1055"/>
      <c r="CW39" s="1053">
        <v>0</v>
      </c>
      <c r="CX39" s="1054"/>
      <c r="CY39" s="1054"/>
      <c r="CZ39" s="1054"/>
      <c r="DA39" s="1055"/>
      <c r="DB39" s="1053">
        <v>0</v>
      </c>
      <c r="DC39" s="1054"/>
      <c r="DD39" s="1054"/>
      <c r="DE39" s="1054"/>
      <c r="DF39" s="1055"/>
      <c r="DG39" s="1053">
        <v>0</v>
      </c>
      <c r="DH39" s="1054"/>
      <c r="DI39" s="1054"/>
      <c r="DJ39" s="1054"/>
      <c r="DK39" s="1055"/>
      <c r="DL39" s="1053">
        <v>0</v>
      </c>
      <c r="DM39" s="1054"/>
      <c r="DN39" s="1054"/>
      <c r="DO39" s="1054"/>
      <c r="DP39" s="1055"/>
      <c r="DQ39" s="1053">
        <v>0</v>
      </c>
      <c r="DR39" s="1054"/>
      <c r="DS39" s="1054"/>
      <c r="DT39" s="1054"/>
      <c r="DU39" s="1055"/>
      <c r="DV39" s="1056"/>
      <c r="DW39" s="1057"/>
      <c r="DX39" s="1057"/>
      <c r="DY39" s="1057"/>
      <c r="DZ39" s="1058"/>
      <c r="EA39" s="233"/>
    </row>
    <row r="40" spans="1:131" ht="26.25" customHeight="1" x14ac:dyDescent="0.2">
      <c r="A40" s="241">
        <v>13</v>
      </c>
      <c r="B40" s="1094" t="s">
        <v>427</v>
      </c>
      <c r="C40" s="1095"/>
      <c r="D40" s="1095"/>
      <c r="E40" s="1095"/>
      <c r="F40" s="1095"/>
      <c r="G40" s="1095"/>
      <c r="H40" s="1095"/>
      <c r="I40" s="1095"/>
      <c r="J40" s="1095"/>
      <c r="K40" s="1095"/>
      <c r="L40" s="1095"/>
      <c r="M40" s="1095"/>
      <c r="N40" s="1095"/>
      <c r="O40" s="1095"/>
      <c r="P40" s="1096"/>
      <c r="Q40" s="1102">
        <v>3516</v>
      </c>
      <c r="R40" s="1103"/>
      <c r="S40" s="1103"/>
      <c r="T40" s="1103"/>
      <c r="U40" s="1103"/>
      <c r="V40" s="1103">
        <v>2848</v>
      </c>
      <c r="W40" s="1103"/>
      <c r="X40" s="1103"/>
      <c r="Y40" s="1103"/>
      <c r="Z40" s="1103"/>
      <c r="AA40" s="1103">
        <v>668</v>
      </c>
      <c r="AB40" s="1103"/>
      <c r="AC40" s="1103"/>
      <c r="AD40" s="1103"/>
      <c r="AE40" s="1104"/>
      <c r="AF40" s="1099">
        <v>668</v>
      </c>
      <c r="AG40" s="1100"/>
      <c r="AH40" s="1100"/>
      <c r="AI40" s="1100"/>
      <c r="AJ40" s="1101"/>
      <c r="AK40" s="1044">
        <v>63</v>
      </c>
      <c r="AL40" s="1035"/>
      <c r="AM40" s="1035"/>
      <c r="AN40" s="1035"/>
      <c r="AO40" s="1035"/>
      <c r="AP40" s="1035">
        <v>7886</v>
      </c>
      <c r="AQ40" s="1035"/>
      <c r="AR40" s="1035"/>
      <c r="AS40" s="1035"/>
      <c r="AT40" s="1035"/>
      <c r="AU40" s="1035">
        <v>2460</v>
      </c>
      <c r="AV40" s="1035"/>
      <c r="AW40" s="1035"/>
      <c r="AX40" s="1035"/>
      <c r="AY40" s="1035"/>
      <c r="AZ40" s="1105" t="s">
        <v>532</v>
      </c>
      <c r="BA40" s="1105"/>
      <c r="BB40" s="1105"/>
      <c r="BC40" s="1105"/>
      <c r="BD40" s="1105"/>
      <c r="BE40" s="1036" t="s">
        <v>428</v>
      </c>
      <c r="BF40" s="1036"/>
      <c r="BG40" s="1036"/>
      <c r="BH40" s="1036"/>
      <c r="BI40" s="1037"/>
      <c r="BJ40" s="235"/>
      <c r="BK40" s="235"/>
      <c r="BL40" s="235"/>
      <c r="BM40" s="235"/>
      <c r="BN40" s="235"/>
      <c r="BO40" s="244"/>
      <c r="BP40" s="244"/>
      <c r="BQ40" s="241">
        <v>34</v>
      </c>
      <c r="BR40" s="242"/>
      <c r="BS40" s="1056" t="s">
        <v>638</v>
      </c>
      <c r="BT40" s="1057"/>
      <c r="BU40" s="1057"/>
      <c r="BV40" s="1057"/>
      <c r="BW40" s="1057"/>
      <c r="BX40" s="1057"/>
      <c r="BY40" s="1057"/>
      <c r="BZ40" s="1057"/>
      <c r="CA40" s="1057"/>
      <c r="CB40" s="1057"/>
      <c r="CC40" s="1057"/>
      <c r="CD40" s="1057"/>
      <c r="CE40" s="1057"/>
      <c r="CF40" s="1057"/>
      <c r="CG40" s="1078"/>
      <c r="CH40" s="1053">
        <v>247</v>
      </c>
      <c r="CI40" s="1054"/>
      <c r="CJ40" s="1054"/>
      <c r="CK40" s="1054"/>
      <c r="CL40" s="1055"/>
      <c r="CM40" s="1053">
        <v>5649</v>
      </c>
      <c r="CN40" s="1054"/>
      <c r="CO40" s="1054"/>
      <c r="CP40" s="1054"/>
      <c r="CQ40" s="1055"/>
      <c r="CR40" s="1053">
        <v>2040</v>
      </c>
      <c r="CS40" s="1054"/>
      <c r="CT40" s="1054"/>
      <c r="CU40" s="1054"/>
      <c r="CV40" s="1055"/>
      <c r="CW40" s="1053">
        <v>0</v>
      </c>
      <c r="CX40" s="1054"/>
      <c r="CY40" s="1054"/>
      <c r="CZ40" s="1054"/>
      <c r="DA40" s="1055"/>
      <c r="DB40" s="1053">
        <v>0</v>
      </c>
      <c r="DC40" s="1054"/>
      <c r="DD40" s="1054"/>
      <c r="DE40" s="1054"/>
      <c r="DF40" s="1055"/>
      <c r="DG40" s="1053">
        <v>0</v>
      </c>
      <c r="DH40" s="1054"/>
      <c r="DI40" s="1054"/>
      <c r="DJ40" s="1054"/>
      <c r="DK40" s="1055"/>
      <c r="DL40" s="1053">
        <v>0</v>
      </c>
      <c r="DM40" s="1054"/>
      <c r="DN40" s="1054"/>
      <c r="DO40" s="1054"/>
      <c r="DP40" s="1055"/>
      <c r="DQ40" s="1053">
        <v>0</v>
      </c>
      <c r="DR40" s="1054"/>
      <c r="DS40" s="1054"/>
      <c r="DT40" s="1054"/>
      <c r="DU40" s="1055"/>
      <c r="DV40" s="1056"/>
      <c r="DW40" s="1057"/>
      <c r="DX40" s="1057"/>
      <c r="DY40" s="1057"/>
      <c r="DZ40" s="1058"/>
      <c r="EA40" s="233"/>
    </row>
    <row r="41" spans="1:131" ht="26.25" customHeight="1" x14ac:dyDescent="0.2">
      <c r="A41" s="241">
        <v>14</v>
      </c>
      <c r="B41" s="1094" t="s">
        <v>429</v>
      </c>
      <c r="C41" s="1095"/>
      <c r="D41" s="1095"/>
      <c r="E41" s="1095"/>
      <c r="F41" s="1095"/>
      <c r="G41" s="1095"/>
      <c r="H41" s="1095"/>
      <c r="I41" s="1095"/>
      <c r="J41" s="1095"/>
      <c r="K41" s="1095"/>
      <c r="L41" s="1095"/>
      <c r="M41" s="1095"/>
      <c r="N41" s="1095"/>
      <c r="O41" s="1095"/>
      <c r="P41" s="1096"/>
      <c r="Q41" s="1102">
        <v>3511</v>
      </c>
      <c r="R41" s="1103"/>
      <c r="S41" s="1103"/>
      <c r="T41" s="1103"/>
      <c r="U41" s="1103"/>
      <c r="V41" s="1103">
        <v>3270</v>
      </c>
      <c r="W41" s="1103"/>
      <c r="X41" s="1103"/>
      <c r="Y41" s="1103"/>
      <c r="Z41" s="1103"/>
      <c r="AA41" s="1103">
        <v>241</v>
      </c>
      <c r="AB41" s="1103"/>
      <c r="AC41" s="1103"/>
      <c r="AD41" s="1103"/>
      <c r="AE41" s="1104"/>
      <c r="AF41" s="1099">
        <v>241</v>
      </c>
      <c r="AG41" s="1100"/>
      <c r="AH41" s="1100"/>
      <c r="AI41" s="1100"/>
      <c r="AJ41" s="1101"/>
      <c r="AK41" s="1044">
        <v>2517</v>
      </c>
      <c r="AL41" s="1035"/>
      <c r="AM41" s="1035"/>
      <c r="AN41" s="1035"/>
      <c r="AO41" s="1035"/>
      <c r="AP41" s="1035">
        <v>4599</v>
      </c>
      <c r="AQ41" s="1035"/>
      <c r="AR41" s="1035"/>
      <c r="AS41" s="1035"/>
      <c r="AT41" s="1035"/>
      <c r="AU41" s="1035">
        <v>3505</v>
      </c>
      <c r="AV41" s="1035"/>
      <c r="AW41" s="1035"/>
      <c r="AX41" s="1035"/>
      <c r="AY41" s="1035"/>
      <c r="AZ41" s="1105" t="s">
        <v>532</v>
      </c>
      <c r="BA41" s="1105"/>
      <c r="BB41" s="1105"/>
      <c r="BC41" s="1105"/>
      <c r="BD41" s="1105"/>
      <c r="BE41" s="1036" t="s">
        <v>428</v>
      </c>
      <c r="BF41" s="1036"/>
      <c r="BG41" s="1036"/>
      <c r="BH41" s="1036"/>
      <c r="BI41" s="1037"/>
      <c r="BJ41" s="235"/>
      <c r="BK41" s="235"/>
      <c r="BL41" s="235"/>
      <c r="BM41" s="235"/>
      <c r="BN41" s="235"/>
      <c r="BO41" s="244"/>
      <c r="BP41" s="244"/>
      <c r="BQ41" s="241">
        <v>35</v>
      </c>
      <c r="BR41" s="242"/>
      <c r="BS41" s="1056" t="s">
        <v>639</v>
      </c>
      <c r="BT41" s="1057"/>
      <c r="BU41" s="1057"/>
      <c r="BV41" s="1057"/>
      <c r="BW41" s="1057"/>
      <c r="BX41" s="1057"/>
      <c r="BY41" s="1057"/>
      <c r="BZ41" s="1057"/>
      <c r="CA41" s="1057"/>
      <c r="CB41" s="1057"/>
      <c r="CC41" s="1057"/>
      <c r="CD41" s="1057"/>
      <c r="CE41" s="1057"/>
      <c r="CF41" s="1057"/>
      <c r="CG41" s="1078"/>
      <c r="CH41" s="1053">
        <v>4</v>
      </c>
      <c r="CI41" s="1054"/>
      <c r="CJ41" s="1054"/>
      <c r="CK41" s="1054"/>
      <c r="CL41" s="1055"/>
      <c r="CM41" s="1053">
        <v>284</v>
      </c>
      <c r="CN41" s="1054"/>
      <c r="CO41" s="1054"/>
      <c r="CP41" s="1054"/>
      <c r="CQ41" s="1055"/>
      <c r="CR41" s="1053">
        <v>100</v>
      </c>
      <c r="CS41" s="1054"/>
      <c r="CT41" s="1054"/>
      <c r="CU41" s="1054"/>
      <c r="CV41" s="1055"/>
      <c r="CW41" s="1053">
        <v>0</v>
      </c>
      <c r="CX41" s="1054"/>
      <c r="CY41" s="1054"/>
      <c r="CZ41" s="1054"/>
      <c r="DA41" s="1055"/>
      <c r="DB41" s="1053">
        <v>0</v>
      </c>
      <c r="DC41" s="1054"/>
      <c r="DD41" s="1054"/>
      <c r="DE41" s="1054"/>
      <c r="DF41" s="1055"/>
      <c r="DG41" s="1053">
        <v>0</v>
      </c>
      <c r="DH41" s="1054"/>
      <c r="DI41" s="1054"/>
      <c r="DJ41" s="1054"/>
      <c r="DK41" s="1055"/>
      <c r="DL41" s="1053">
        <v>0</v>
      </c>
      <c r="DM41" s="1054"/>
      <c r="DN41" s="1054"/>
      <c r="DO41" s="1054"/>
      <c r="DP41" s="1055"/>
      <c r="DQ41" s="1053">
        <v>0</v>
      </c>
      <c r="DR41" s="1054"/>
      <c r="DS41" s="1054"/>
      <c r="DT41" s="1054"/>
      <c r="DU41" s="1055"/>
      <c r="DV41" s="1056"/>
      <c r="DW41" s="1057"/>
      <c r="DX41" s="1057"/>
      <c r="DY41" s="1057"/>
      <c r="DZ41" s="1058"/>
      <c r="EA41" s="233"/>
    </row>
    <row r="42" spans="1:131" ht="26.25" customHeight="1" x14ac:dyDescent="0.2">
      <c r="A42" s="241">
        <v>15</v>
      </c>
      <c r="B42" s="1094" t="s">
        <v>430</v>
      </c>
      <c r="C42" s="1095"/>
      <c r="D42" s="1095"/>
      <c r="E42" s="1095"/>
      <c r="F42" s="1095"/>
      <c r="G42" s="1095"/>
      <c r="H42" s="1095"/>
      <c r="I42" s="1095"/>
      <c r="J42" s="1095"/>
      <c r="K42" s="1095"/>
      <c r="L42" s="1095"/>
      <c r="M42" s="1095"/>
      <c r="N42" s="1095"/>
      <c r="O42" s="1095"/>
      <c r="P42" s="1096"/>
      <c r="Q42" s="1102">
        <v>145</v>
      </c>
      <c r="R42" s="1103"/>
      <c r="S42" s="1103"/>
      <c r="T42" s="1103"/>
      <c r="U42" s="1103"/>
      <c r="V42" s="1103">
        <v>47</v>
      </c>
      <c r="W42" s="1103"/>
      <c r="X42" s="1103"/>
      <c r="Y42" s="1103"/>
      <c r="Z42" s="1103"/>
      <c r="AA42" s="1103">
        <v>98</v>
      </c>
      <c r="AB42" s="1103"/>
      <c r="AC42" s="1103"/>
      <c r="AD42" s="1103"/>
      <c r="AE42" s="1104"/>
      <c r="AF42" s="1099">
        <v>98</v>
      </c>
      <c r="AG42" s="1100"/>
      <c r="AH42" s="1100"/>
      <c r="AI42" s="1100"/>
      <c r="AJ42" s="1101"/>
      <c r="AK42" s="1044" t="s">
        <v>532</v>
      </c>
      <c r="AL42" s="1035"/>
      <c r="AM42" s="1035"/>
      <c r="AN42" s="1035"/>
      <c r="AO42" s="1035"/>
      <c r="AP42" s="1035" t="s">
        <v>532</v>
      </c>
      <c r="AQ42" s="1035"/>
      <c r="AR42" s="1035"/>
      <c r="AS42" s="1035"/>
      <c r="AT42" s="1035"/>
      <c r="AU42" s="1035" t="s">
        <v>532</v>
      </c>
      <c r="AV42" s="1035"/>
      <c r="AW42" s="1035"/>
      <c r="AX42" s="1035"/>
      <c r="AY42" s="1035"/>
      <c r="AZ42" s="1105" t="s">
        <v>532</v>
      </c>
      <c r="BA42" s="1105"/>
      <c r="BB42" s="1105"/>
      <c r="BC42" s="1105"/>
      <c r="BD42" s="1105"/>
      <c r="BE42" s="1036" t="s">
        <v>428</v>
      </c>
      <c r="BF42" s="1036"/>
      <c r="BG42" s="1036"/>
      <c r="BH42" s="1036"/>
      <c r="BI42" s="1037"/>
      <c r="BJ42" s="235"/>
      <c r="BK42" s="235"/>
      <c r="BL42" s="235"/>
      <c r="BM42" s="235"/>
      <c r="BN42" s="235"/>
      <c r="BO42" s="244"/>
      <c r="BP42" s="244"/>
      <c r="BQ42" s="241">
        <v>36</v>
      </c>
      <c r="BR42" s="242"/>
      <c r="BS42" s="1056" t="s">
        <v>640</v>
      </c>
      <c r="BT42" s="1057"/>
      <c r="BU42" s="1057"/>
      <c r="BV42" s="1057"/>
      <c r="BW42" s="1057"/>
      <c r="BX42" s="1057"/>
      <c r="BY42" s="1057"/>
      <c r="BZ42" s="1057"/>
      <c r="CA42" s="1057"/>
      <c r="CB42" s="1057"/>
      <c r="CC42" s="1057"/>
      <c r="CD42" s="1057"/>
      <c r="CE42" s="1057"/>
      <c r="CF42" s="1057"/>
      <c r="CG42" s="1078"/>
      <c r="CH42" s="1053">
        <v>108</v>
      </c>
      <c r="CI42" s="1054"/>
      <c r="CJ42" s="1054"/>
      <c r="CK42" s="1054"/>
      <c r="CL42" s="1055"/>
      <c r="CM42" s="1053">
        <v>1277</v>
      </c>
      <c r="CN42" s="1054"/>
      <c r="CO42" s="1054"/>
      <c r="CP42" s="1054"/>
      <c r="CQ42" s="1055"/>
      <c r="CR42" s="1053">
        <v>90</v>
      </c>
      <c r="CS42" s="1054"/>
      <c r="CT42" s="1054"/>
      <c r="CU42" s="1054"/>
      <c r="CV42" s="1055"/>
      <c r="CW42" s="1053">
        <v>0</v>
      </c>
      <c r="CX42" s="1054"/>
      <c r="CY42" s="1054"/>
      <c r="CZ42" s="1054"/>
      <c r="DA42" s="1055"/>
      <c r="DB42" s="1053">
        <v>0</v>
      </c>
      <c r="DC42" s="1054"/>
      <c r="DD42" s="1054"/>
      <c r="DE42" s="1054"/>
      <c r="DF42" s="1055"/>
      <c r="DG42" s="1053">
        <v>0</v>
      </c>
      <c r="DH42" s="1054"/>
      <c r="DI42" s="1054"/>
      <c r="DJ42" s="1054"/>
      <c r="DK42" s="1055"/>
      <c r="DL42" s="1053">
        <v>0</v>
      </c>
      <c r="DM42" s="1054"/>
      <c r="DN42" s="1054"/>
      <c r="DO42" s="1054"/>
      <c r="DP42" s="1055"/>
      <c r="DQ42" s="1053">
        <v>0</v>
      </c>
      <c r="DR42" s="1054"/>
      <c r="DS42" s="1054"/>
      <c r="DT42" s="1054"/>
      <c r="DU42" s="1055"/>
      <c r="DV42" s="1056"/>
      <c r="DW42" s="1057"/>
      <c r="DX42" s="1057"/>
      <c r="DY42" s="1057"/>
      <c r="DZ42" s="1058"/>
      <c r="EA42" s="233"/>
    </row>
    <row r="43" spans="1:131" ht="26.25" customHeight="1" x14ac:dyDescent="0.2">
      <c r="A43" s="241">
        <v>16</v>
      </c>
      <c r="B43" s="1094"/>
      <c r="C43" s="1095"/>
      <c r="D43" s="1095"/>
      <c r="E43" s="1095"/>
      <c r="F43" s="1095"/>
      <c r="G43" s="1095"/>
      <c r="H43" s="1095"/>
      <c r="I43" s="1095"/>
      <c r="J43" s="1095"/>
      <c r="K43" s="1095"/>
      <c r="L43" s="1095"/>
      <c r="M43" s="1095"/>
      <c r="N43" s="1095"/>
      <c r="O43" s="1095"/>
      <c r="P43" s="1096"/>
      <c r="Q43" s="1102"/>
      <c r="R43" s="1103"/>
      <c r="S43" s="1103"/>
      <c r="T43" s="1103"/>
      <c r="U43" s="1103"/>
      <c r="V43" s="1103"/>
      <c r="W43" s="1103"/>
      <c r="X43" s="1103"/>
      <c r="Y43" s="1103"/>
      <c r="Z43" s="1103"/>
      <c r="AA43" s="1103"/>
      <c r="AB43" s="1103"/>
      <c r="AC43" s="1103"/>
      <c r="AD43" s="1103"/>
      <c r="AE43" s="1104"/>
      <c r="AF43" s="1099"/>
      <c r="AG43" s="1100"/>
      <c r="AH43" s="1100"/>
      <c r="AI43" s="1100"/>
      <c r="AJ43" s="1101"/>
      <c r="AK43" s="1044"/>
      <c r="AL43" s="1035"/>
      <c r="AM43" s="1035"/>
      <c r="AN43" s="1035"/>
      <c r="AO43" s="1035"/>
      <c r="AP43" s="1035"/>
      <c r="AQ43" s="1035"/>
      <c r="AR43" s="1035"/>
      <c r="AS43" s="1035"/>
      <c r="AT43" s="1035"/>
      <c r="AU43" s="1035"/>
      <c r="AV43" s="1035"/>
      <c r="AW43" s="1035"/>
      <c r="AX43" s="1035"/>
      <c r="AY43" s="1035"/>
      <c r="AZ43" s="1105"/>
      <c r="BA43" s="1105"/>
      <c r="BB43" s="1105"/>
      <c r="BC43" s="1105"/>
      <c r="BD43" s="1105"/>
      <c r="BE43" s="1036"/>
      <c r="BF43" s="1036"/>
      <c r="BG43" s="1036"/>
      <c r="BH43" s="1036"/>
      <c r="BI43" s="1037"/>
      <c r="BJ43" s="235"/>
      <c r="BK43" s="235"/>
      <c r="BL43" s="235"/>
      <c r="BM43" s="235"/>
      <c r="BN43" s="235"/>
      <c r="BO43" s="244"/>
      <c r="BP43" s="244"/>
      <c r="BQ43" s="241">
        <v>37</v>
      </c>
      <c r="BR43" s="242"/>
      <c r="BS43" s="1056" t="s">
        <v>641</v>
      </c>
      <c r="BT43" s="1057"/>
      <c r="BU43" s="1057"/>
      <c r="BV43" s="1057"/>
      <c r="BW43" s="1057"/>
      <c r="BX43" s="1057"/>
      <c r="BY43" s="1057"/>
      <c r="BZ43" s="1057"/>
      <c r="CA43" s="1057"/>
      <c r="CB43" s="1057"/>
      <c r="CC43" s="1057"/>
      <c r="CD43" s="1057"/>
      <c r="CE43" s="1057"/>
      <c r="CF43" s="1057"/>
      <c r="CG43" s="1078"/>
      <c r="CH43" s="1053">
        <v>34</v>
      </c>
      <c r="CI43" s="1054"/>
      <c r="CJ43" s="1054"/>
      <c r="CK43" s="1054"/>
      <c r="CL43" s="1055"/>
      <c r="CM43" s="1053">
        <v>250</v>
      </c>
      <c r="CN43" s="1054"/>
      <c r="CO43" s="1054"/>
      <c r="CP43" s="1054"/>
      <c r="CQ43" s="1055"/>
      <c r="CR43" s="1053">
        <v>100</v>
      </c>
      <c r="CS43" s="1054"/>
      <c r="CT43" s="1054"/>
      <c r="CU43" s="1054"/>
      <c r="CV43" s="1055"/>
      <c r="CW43" s="1053">
        <v>0</v>
      </c>
      <c r="CX43" s="1054"/>
      <c r="CY43" s="1054"/>
      <c r="CZ43" s="1054"/>
      <c r="DA43" s="1055"/>
      <c r="DB43" s="1053">
        <v>0</v>
      </c>
      <c r="DC43" s="1054"/>
      <c r="DD43" s="1054"/>
      <c r="DE43" s="1054"/>
      <c r="DF43" s="1055"/>
      <c r="DG43" s="1053">
        <v>0</v>
      </c>
      <c r="DH43" s="1054"/>
      <c r="DI43" s="1054"/>
      <c r="DJ43" s="1054"/>
      <c r="DK43" s="1055"/>
      <c r="DL43" s="1053">
        <v>0</v>
      </c>
      <c r="DM43" s="1054"/>
      <c r="DN43" s="1054"/>
      <c r="DO43" s="1054"/>
      <c r="DP43" s="1055"/>
      <c r="DQ43" s="1053">
        <v>0</v>
      </c>
      <c r="DR43" s="1054"/>
      <c r="DS43" s="1054"/>
      <c r="DT43" s="1054"/>
      <c r="DU43" s="1055"/>
      <c r="DV43" s="1056"/>
      <c r="DW43" s="1057"/>
      <c r="DX43" s="1057"/>
      <c r="DY43" s="1057"/>
      <c r="DZ43" s="1058"/>
      <c r="EA43" s="233"/>
    </row>
    <row r="44" spans="1:131" ht="26.25" customHeight="1" x14ac:dyDescent="0.2">
      <c r="A44" s="241">
        <v>17</v>
      </c>
      <c r="B44" s="1094"/>
      <c r="C44" s="1095"/>
      <c r="D44" s="1095"/>
      <c r="E44" s="1095"/>
      <c r="F44" s="1095"/>
      <c r="G44" s="1095"/>
      <c r="H44" s="1095"/>
      <c r="I44" s="1095"/>
      <c r="J44" s="1095"/>
      <c r="K44" s="1095"/>
      <c r="L44" s="1095"/>
      <c r="M44" s="1095"/>
      <c r="N44" s="1095"/>
      <c r="O44" s="1095"/>
      <c r="P44" s="1096"/>
      <c r="Q44" s="1102"/>
      <c r="R44" s="1103"/>
      <c r="S44" s="1103"/>
      <c r="T44" s="1103"/>
      <c r="U44" s="1103"/>
      <c r="V44" s="1103"/>
      <c r="W44" s="1103"/>
      <c r="X44" s="1103"/>
      <c r="Y44" s="1103"/>
      <c r="Z44" s="1103"/>
      <c r="AA44" s="1103"/>
      <c r="AB44" s="1103"/>
      <c r="AC44" s="1103"/>
      <c r="AD44" s="1103"/>
      <c r="AE44" s="1104"/>
      <c r="AF44" s="1099"/>
      <c r="AG44" s="1100"/>
      <c r="AH44" s="1100"/>
      <c r="AI44" s="1100"/>
      <c r="AJ44" s="1101"/>
      <c r="AK44" s="1044"/>
      <c r="AL44" s="1035"/>
      <c r="AM44" s="1035"/>
      <c r="AN44" s="1035"/>
      <c r="AO44" s="1035"/>
      <c r="AP44" s="1035"/>
      <c r="AQ44" s="1035"/>
      <c r="AR44" s="1035"/>
      <c r="AS44" s="1035"/>
      <c r="AT44" s="1035"/>
      <c r="AU44" s="1035"/>
      <c r="AV44" s="1035"/>
      <c r="AW44" s="1035"/>
      <c r="AX44" s="1035"/>
      <c r="AY44" s="1035"/>
      <c r="AZ44" s="1105"/>
      <c r="BA44" s="1105"/>
      <c r="BB44" s="1105"/>
      <c r="BC44" s="1105"/>
      <c r="BD44" s="1105"/>
      <c r="BE44" s="1036"/>
      <c r="BF44" s="1036"/>
      <c r="BG44" s="1036"/>
      <c r="BH44" s="1036"/>
      <c r="BI44" s="1037"/>
      <c r="BJ44" s="235"/>
      <c r="BK44" s="235"/>
      <c r="BL44" s="235"/>
      <c r="BM44" s="235"/>
      <c r="BN44" s="235"/>
      <c r="BO44" s="244"/>
      <c r="BP44" s="244"/>
      <c r="BQ44" s="241">
        <v>38</v>
      </c>
      <c r="BR44" s="242"/>
      <c r="BS44" s="1056" t="s">
        <v>642</v>
      </c>
      <c r="BT44" s="1057"/>
      <c r="BU44" s="1057"/>
      <c r="BV44" s="1057"/>
      <c r="BW44" s="1057"/>
      <c r="BX44" s="1057"/>
      <c r="BY44" s="1057"/>
      <c r="BZ44" s="1057"/>
      <c r="CA44" s="1057"/>
      <c r="CB44" s="1057"/>
      <c r="CC44" s="1057"/>
      <c r="CD44" s="1057"/>
      <c r="CE44" s="1057"/>
      <c r="CF44" s="1057"/>
      <c r="CG44" s="1078"/>
      <c r="CH44" s="1053">
        <v>14</v>
      </c>
      <c r="CI44" s="1054"/>
      <c r="CJ44" s="1054"/>
      <c r="CK44" s="1054"/>
      <c r="CL44" s="1055"/>
      <c r="CM44" s="1053">
        <v>140</v>
      </c>
      <c r="CN44" s="1054"/>
      <c r="CO44" s="1054"/>
      <c r="CP44" s="1054"/>
      <c r="CQ44" s="1055"/>
      <c r="CR44" s="1053">
        <v>0</v>
      </c>
      <c r="CS44" s="1054"/>
      <c r="CT44" s="1054"/>
      <c r="CU44" s="1054"/>
      <c r="CV44" s="1055"/>
      <c r="CW44" s="1053">
        <v>0</v>
      </c>
      <c r="CX44" s="1054"/>
      <c r="CY44" s="1054"/>
      <c r="CZ44" s="1054"/>
      <c r="DA44" s="1055"/>
      <c r="DB44" s="1053">
        <v>0</v>
      </c>
      <c r="DC44" s="1054"/>
      <c r="DD44" s="1054"/>
      <c r="DE44" s="1054"/>
      <c r="DF44" s="1055"/>
      <c r="DG44" s="1053">
        <v>0</v>
      </c>
      <c r="DH44" s="1054"/>
      <c r="DI44" s="1054"/>
      <c r="DJ44" s="1054"/>
      <c r="DK44" s="1055"/>
      <c r="DL44" s="1053">
        <v>0</v>
      </c>
      <c r="DM44" s="1054"/>
      <c r="DN44" s="1054"/>
      <c r="DO44" s="1054"/>
      <c r="DP44" s="1055"/>
      <c r="DQ44" s="1053">
        <v>0</v>
      </c>
      <c r="DR44" s="1054"/>
      <c r="DS44" s="1054"/>
      <c r="DT44" s="1054"/>
      <c r="DU44" s="1055"/>
      <c r="DV44" s="1056"/>
      <c r="DW44" s="1057"/>
      <c r="DX44" s="1057"/>
      <c r="DY44" s="1057"/>
      <c r="DZ44" s="1058"/>
      <c r="EA44" s="233"/>
    </row>
    <row r="45" spans="1:131" ht="26.25" customHeight="1" x14ac:dyDescent="0.2">
      <c r="A45" s="241">
        <v>18</v>
      </c>
      <c r="B45" s="1094"/>
      <c r="C45" s="1095"/>
      <c r="D45" s="1095"/>
      <c r="E45" s="1095"/>
      <c r="F45" s="1095"/>
      <c r="G45" s="1095"/>
      <c r="H45" s="1095"/>
      <c r="I45" s="1095"/>
      <c r="J45" s="1095"/>
      <c r="K45" s="1095"/>
      <c r="L45" s="1095"/>
      <c r="M45" s="1095"/>
      <c r="N45" s="1095"/>
      <c r="O45" s="1095"/>
      <c r="P45" s="1096"/>
      <c r="Q45" s="1102"/>
      <c r="R45" s="1103"/>
      <c r="S45" s="1103"/>
      <c r="T45" s="1103"/>
      <c r="U45" s="1103"/>
      <c r="V45" s="1103"/>
      <c r="W45" s="1103"/>
      <c r="X45" s="1103"/>
      <c r="Y45" s="1103"/>
      <c r="Z45" s="1103"/>
      <c r="AA45" s="1103"/>
      <c r="AB45" s="1103"/>
      <c r="AC45" s="1103"/>
      <c r="AD45" s="1103"/>
      <c r="AE45" s="1104"/>
      <c r="AF45" s="1099"/>
      <c r="AG45" s="1100"/>
      <c r="AH45" s="1100"/>
      <c r="AI45" s="1100"/>
      <c r="AJ45" s="1101"/>
      <c r="AK45" s="1044"/>
      <c r="AL45" s="1035"/>
      <c r="AM45" s="1035"/>
      <c r="AN45" s="1035"/>
      <c r="AO45" s="1035"/>
      <c r="AP45" s="1035"/>
      <c r="AQ45" s="1035"/>
      <c r="AR45" s="1035"/>
      <c r="AS45" s="1035"/>
      <c r="AT45" s="1035"/>
      <c r="AU45" s="1035"/>
      <c r="AV45" s="1035"/>
      <c r="AW45" s="1035"/>
      <c r="AX45" s="1035"/>
      <c r="AY45" s="1035"/>
      <c r="AZ45" s="1105"/>
      <c r="BA45" s="1105"/>
      <c r="BB45" s="1105"/>
      <c r="BC45" s="1105"/>
      <c r="BD45" s="1105"/>
      <c r="BE45" s="1036"/>
      <c r="BF45" s="1036"/>
      <c r="BG45" s="1036"/>
      <c r="BH45" s="1036"/>
      <c r="BI45" s="1037"/>
      <c r="BJ45" s="235"/>
      <c r="BK45" s="235"/>
      <c r="BL45" s="235"/>
      <c r="BM45" s="235"/>
      <c r="BN45" s="235"/>
      <c r="BO45" s="244"/>
      <c r="BP45" s="244"/>
      <c r="BQ45" s="241">
        <v>39</v>
      </c>
      <c r="BR45" s="242"/>
      <c r="BS45" s="1056" t="s">
        <v>643</v>
      </c>
      <c r="BT45" s="1057"/>
      <c r="BU45" s="1057"/>
      <c r="BV45" s="1057"/>
      <c r="BW45" s="1057"/>
      <c r="BX45" s="1057"/>
      <c r="BY45" s="1057"/>
      <c r="BZ45" s="1057"/>
      <c r="CA45" s="1057"/>
      <c r="CB45" s="1057"/>
      <c r="CC45" s="1057"/>
      <c r="CD45" s="1057"/>
      <c r="CE45" s="1057"/>
      <c r="CF45" s="1057"/>
      <c r="CG45" s="1078"/>
      <c r="CH45" s="1053">
        <v>2779</v>
      </c>
      <c r="CI45" s="1054"/>
      <c r="CJ45" s="1054"/>
      <c r="CK45" s="1054"/>
      <c r="CL45" s="1055"/>
      <c r="CM45" s="1053">
        <v>31157</v>
      </c>
      <c r="CN45" s="1054"/>
      <c r="CO45" s="1054"/>
      <c r="CP45" s="1054"/>
      <c r="CQ45" s="1055"/>
      <c r="CR45" s="1053">
        <v>19047</v>
      </c>
      <c r="CS45" s="1054"/>
      <c r="CT45" s="1054"/>
      <c r="CU45" s="1054"/>
      <c r="CV45" s="1055"/>
      <c r="CW45" s="1053">
        <v>532</v>
      </c>
      <c r="CX45" s="1054"/>
      <c r="CY45" s="1054"/>
      <c r="CZ45" s="1054"/>
      <c r="DA45" s="1055"/>
      <c r="DB45" s="1053">
        <v>1500</v>
      </c>
      <c r="DC45" s="1054"/>
      <c r="DD45" s="1054"/>
      <c r="DE45" s="1054"/>
      <c r="DF45" s="1055"/>
      <c r="DG45" s="1053">
        <v>0</v>
      </c>
      <c r="DH45" s="1054"/>
      <c r="DI45" s="1054"/>
      <c r="DJ45" s="1054"/>
      <c r="DK45" s="1055"/>
      <c r="DL45" s="1053">
        <v>0</v>
      </c>
      <c r="DM45" s="1054"/>
      <c r="DN45" s="1054"/>
      <c r="DO45" s="1054"/>
      <c r="DP45" s="1055"/>
      <c r="DQ45" s="1053">
        <v>0</v>
      </c>
      <c r="DR45" s="1054"/>
      <c r="DS45" s="1054"/>
      <c r="DT45" s="1054"/>
      <c r="DU45" s="1055"/>
      <c r="DV45" s="1056"/>
      <c r="DW45" s="1057"/>
      <c r="DX45" s="1057"/>
      <c r="DY45" s="1057"/>
      <c r="DZ45" s="1058"/>
      <c r="EA45" s="233"/>
    </row>
    <row r="46" spans="1:131" ht="26.25" customHeight="1" x14ac:dyDescent="0.2">
      <c r="A46" s="241">
        <v>19</v>
      </c>
      <c r="B46" s="1094"/>
      <c r="C46" s="1095"/>
      <c r="D46" s="1095"/>
      <c r="E46" s="1095"/>
      <c r="F46" s="1095"/>
      <c r="G46" s="1095"/>
      <c r="H46" s="1095"/>
      <c r="I46" s="1095"/>
      <c r="J46" s="1095"/>
      <c r="K46" s="1095"/>
      <c r="L46" s="1095"/>
      <c r="M46" s="1095"/>
      <c r="N46" s="1095"/>
      <c r="O46" s="1095"/>
      <c r="P46" s="1096"/>
      <c r="Q46" s="1102"/>
      <c r="R46" s="1103"/>
      <c r="S46" s="1103"/>
      <c r="T46" s="1103"/>
      <c r="U46" s="1103"/>
      <c r="V46" s="1103"/>
      <c r="W46" s="1103"/>
      <c r="X46" s="1103"/>
      <c r="Y46" s="1103"/>
      <c r="Z46" s="1103"/>
      <c r="AA46" s="1103"/>
      <c r="AB46" s="1103"/>
      <c r="AC46" s="1103"/>
      <c r="AD46" s="1103"/>
      <c r="AE46" s="1104"/>
      <c r="AF46" s="1099"/>
      <c r="AG46" s="1100"/>
      <c r="AH46" s="1100"/>
      <c r="AI46" s="1100"/>
      <c r="AJ46" s="1101"/>
      <c r="AK46" s="1044"/>
      <c r="AL46" s="1035"/>
      <c r="AM46" s="1035"/>
      <c r="AN46" s="1035"/>
      <c r="AO46" s="1035"/>
      <c r="AP46" s="1035"/>
      <c r="AQ46" s="1035"/>
      <c r="AR46" s="1035"/>
      <c r="AS46" s="1035"/>
      <c r="AT46" s="1035"/>
      <c r="AU46" s="1035"/>
      <c r="AV46" s="1035"/>
      <c r="AW46" s="1035"/>
      <c r="AX46" s="1035"/>
      <c r="AY46" s="1035"/>
      <c r="AZ46" s="1105"/>
      <c r="BA46" s="1105"/>
      <c r="BB46" s="1105"/>
      <c r="BC46" s="1105"/>
      <c r="BD46" s="1105"/>
      <c r="BE46" s="1036"/>
      <c r="BF46" s="1036"/>
      <c r="BG46" s="1036"/>
      <c r="BH46" s="1036"/>
      <c r="BI46" s="1037"/>
      <c r="BJ46" s="235"/>
      <c r="BK46" s="235"/>
      <c r="BL46" s="235"/>
      <c r="BM46" s="235"/>
      <c r="BN46" s="235"/>
      <c r="BO46" s="244"/>
      <c r="BP46" s="244"/>
      <c r="BQ46" s="241">
        <v>40</v>
      </c>
      <c r="BR46" s="242"/>
      <c r="BS46" s="1056" t="s">
        <v>644</v>
      </c>
      <c r="BT46" s="1057"/>
      <c r="BU46" s="1057"/>
      <c r="BV46" s="1057"/>
      <c r="BW46" s="1057"/>
      <c r="BX46" s="1057"/>
      <c r="BY46" s="1057"/>
      <c r="BZ46" s="1057"/>
      <c r="CA46" s="1057"/>
      <c r="CB46" s="1057"/>
      <c r="CC46" s="1057"/>
      <c r="CD46" s="1057"/>
      <c r="CE46" s="1057"/>
      <c r="CF46" s="1057"/>
      <c r="CG46" s="1078"/>
      <c r="CH46" s="1053">
        <v>1323</v>
      </c>
      <c r="CI46" s="1054"/>
      <c r="CJ46" s="1054"/>
      <c r="CK46" s="1054"/>
      <c r="CL46" s="1055"/>
      <c r="CM46" s="1053">
        <v>4279</v>
      </c>
      <c r="CN46" s="1054"/>
      <c r="CO46" s="1054"/>
      <c r="CP46" s="1054"/>
      <c r="CQ46" s="1055"/>
      <c r="CR46" s="1053">
        <v>945</v>
      </c>
      <c r="CS46" s="1054"/>
      <c r="CT46" s="1054"/>
      <c r="CU46" s="1054"/>
      <c r="CV46" s="1055"/>
      <c r="CW46" s="1053">
        <v>0</v>
      </c>
      <c r="CX46" s="1054"/>
      <c r="CY46" s="1054"/>
      <c r="CZ46" s="1054"/>
      <c r="DA46" s="1055"/>
      <c r="DB46" s="1053">
        <v>959</v>
      </c>
      <c r="DC46" s="1054"/>
      <c r="DD46" s="1054"/>
      <c r="DE46" s="1054"/>
      <c r="DF46" s="1055"/>
      <c r="DG46" s="1053">
        <v>0</v>
      </c>
      <c r="DH46" s="1054"/>
      <c r="DI46" s="1054"/>
      <c r="DJ46" s="1054"/>
      <c r="DK46" s="1055"/>
      <c r="DL46" s="1053">
        <v>0</v>
      </c>
      <c r="DM46" s="1054"/>
      <c r="DN46" s="1054"/>
      <c r="DO46" s="1054"/>
      <c r="DP46" s="1055"/>
      <c r="DQ46" s="1053">
        <v>59</v>
      </c>
      <c r="DR46" s="1054"/>
      <c r="DS46" s="1054"/>
      <c r="DT46" s="1054"/>
      <c r="DU46" s="1055"/>
      <c r="DV46" s="1056"/>
      <c r="DW46" s="1057"/>
      <c r="DX46" s="1057"/>
      <c r="DY46" s="1057"/>
      <c r="DZ46" s="1058"/>
      <c r="EA46" s="233"/>
    </row>
    <row r="47" spans="1:131" ht="26.25" customHeight="1" x14ac:dyDescent="0.2">
      <c r="A47" s="241">
        <v>20</v>
      </c>
      <c r="B47" s="1094"/>
      <c r="C47" s="1095"/>
      <c r="D47" s="1095"/>
      <c r="E47" s="1095"/>
      <c r="F47" s="1095"/>
      <c r="G47" s="1095"/>
      <c r="H47" s="1095"/>
      <c r="I47" s="1095"/>
      <c r="J47" s="1095"/>
      <c r="K47" s="1095"/>
      <c r="L47" s="1095"/>
      <c r="M47" s="1095"/>
      <c r="N47" s="1095"/>
      <c r="O47" s="1095"/>
      <c r="P47" s="1096"/>
      <c r="Q47" s="1102"/>
      <c r="R47" s="1103"/>
      <c r="S47" s="1103"/>
      <c r="T47" s="1103"/>
      <c r="U47" s="1103"/>
      <c r="V47" s="1103"/>
      <c r="W47" s="1103"/>
      <c r="X47" s="1103"/>
      <c r="Y47" s="1103"/>
      <c r="Z47" s="1103"/>
      <c r="AA47" s="1103"/>
      <c r="AB47" s="1103"/>
      <c r="AC47" s="1103"/>
      <c r="AD47" s="1103"/>
      <c r="AE47" s="1104"/>
      <c r="AF47" s="1099"/>
      <c r="AG47" s="1100"/>
      <c r="AH47" s="1100"/>
      <c r="AI47" s="1100"/>
      <c r="AJ47" s="1101"/>
      <c r="AK47" s="1044"/>
      <c r="AL47" s="1035"/>
      <c r="AM47" s="1035"/>
      <c r="AN47" s="1035"/>
      <c r="AO47" s="1035"/>
      <c r="AP47" s="1035"/>
      <c r="AQ47" s="1035"/>
      <c r="AR47" s="1035"/>
      <c r="AS47" s="1035"/>
      <c r="AT47" s="1035"/>
      <c r="AU47" s="1035"/>
      <c r="AV47" s="1035"/>
      <c r="AW47" s="1035"/>
      <c r="AX47" s="1035"/>
      <c r="AY47" s="1035"/>
      <c r="AZ47" s="1105"/>
      <c r="BA47" s="1105"/>
      <c r="BB47" s="1105"/>
      <c r="BC47" s="1105"/>
      <c r="BD47" s="1105"/>
      <c r="BE47" s="1036"/>
      <c r="BF47" s="1036"/>
      <c r="BG47" s="1036"/>
      <c r="BH47" s="1036"/>
      <c r="BI47" s="1037"/>
      <c r="BJ47" s="235"/>
      <c r="BK47" s="235"/>
      <c r="BL47" s="235"/>
      <c r="BM47" s="235"/>
      <c r="BN47" s="235"/>
      <c r="BO47" s="244"/>
      <c r="BP47" s="244"/>
      <c r="BQ47" s="241">
        <v>41</v>
      </c>
      <c r="BR47" s="242"/>
      <c r="BS47" s="1056"/>
      <c r="BT47" s="1057"/>
      <c r="BU47" s="1057"/>
      <c r="BV47" s="1057"/>
      <c r="BW47" s="1057"/>
      <c r="BX47" s="1057"/>
      <c r="BY47" s="1057"/>
      <c r="BZ47" s="1057"/>
      <c r="CA47" s="1057"/>
      <c r="CB47" s="1057"/>
      <c r="CC47" s="1057"/>
      <c r="CD47" s="1057"/>
      <c r="CE47" s="1057"/>
      <c r="CF47" s="1057"/>
      <c r="CG47" s="1078"/>
      <c r="CH47" s="1053"/>
      <c r="CI47" s="1054"/>
      <c r="CJ47" s="1054"/>
      <c r="CK47" s="1054"/>
      <c r="CL47" s="1055"/>
      <c r="CM47" s="1053"/>
      <c r="CN47" s="1054"/>
      <c r="CO47" s="1054"/>
      <c r="CP47" s="1054"/>
      <c r="CQ47" s="1055"/>
      <c r="CR47" s="1053"/>
      <c r="CS47" s="1054"/>
      <c r="CT47" s="1054"/>
      <c r="CU47" s="1054"/>
      <c r="CV47" s="1055"/>
      <c r="CW47" s="1053"/>
      <c r="CX47" s="1054"/>
      <c r="CY47" s="1054"/>
      <c r="CZ47" s="1054"/>
      <c r="DA47" s="1055"/>
      <c r="DB47" s="1053"/>
      <c r="DC47" s="1054"/>
      <c r="DD47" s="1054"/>
      <c r="DE47" s="1054"/>
      <c r="DF47" s="1055"/>
      <c r="DG47" s="1053"/>
      <c r="DH47" s="1054"/>
      <c r="DI47" s="1054"/>
      <c r="DJ47" s="1054"/>
      <c r="DK47" s="1055"/>
      <c r="DL47" s="1053"/>
      <c r="DM47" s="1054"/>
      <c r="DN47" s="1054"/>
      <c r="DO47" s="1054"/>
      <c r="DP47" s="1055"/>
      <c r="DQ47" s="1053"/>
      <c r="DR47" s="1054"/>
      <c r="DS47" s="1054"/>
      <c r="DT47" s="1054"/>
      <c r="DU47" s="1055"/>
      <c r="DV47" s="1056"/>
      <c r="DW47" s="1057"/>
      <c r="DX47" s="1057"/>
      <c r="DY47" s="1057"/>
      <c r="DZ47" s="1058"/>
      <c r="EA47" s="233"/>
    </row>
    <row r="48" spans="1:131" ht="26.25" customHeight="1" x14ac:dyDescent="0.2">
      <c r="A48" s="241">
        <v>21</v>
      </c>
      <c r="B48" s="1094"/>
      <c r="C48" s="1095"/>
      <c r="D48" s="1095"/>
      <c r="E48" s="1095"/>
      <c r="F48" s="1095"/>
      <c r="G48" s="1095"/>
      <c r="H48" s="1095"/>
      <c r="I48" s="1095"/>
      <c r="J48" s="1095"/>
      <c r="K48" s="1095"/>
      <c r="L48" s="1095"/>
      <c r="M48" s="1095"/>
      <c r="N48" s="1095"/>
      <c r="O48" s="1095"/>
      <c r="P48" s="1096"/>
      <c r="Q48" s="1102"/>
      <c r="R48" s="1103"/>
      <c r="S48" s="1103"/>
      <c r="T48" s="1103"/>
      <c r="U48" s="1103"/>
      <c r="V48" s="1103"/>
      <c r="W48" s="1103"/>
      <c r="X48" s="1103"/>
      <c r="Y48" s="1103"/>
      <c r="Z48" s="1103"/>
      <c r="AA48" s="1103"/>
      <c r="AB48" s="1103"/>
      <c r="AC48" s="1103"/>
      <c r="AD48" s="1103"/>
      <c r="AE48" s="1104"/>
      <c r="AF48" s="1099"/>
      <c r="AG48" s="1100"/>
      <c r="AH48" s="1100"/>
      <c r="AI48" s="1100"/>
      <c r="AJ48" s="1101"/>
      <c r="AK48" s="1044"/>
      <c r="AL48" s="1035"/>
      <c r="AM48" s="1035"/>
      <c r="AN48" s="1035"/>
      <c r="AO48" s="1035"/>
      <c r="AP48" s="1035"/>
      <c r="AQ48" s="1035"/>
      <c r="AR48" s="1035"/>
      <c r="AS48" s="1035"/>
      <c r="AT48" s="1035"/>
      <c r="AU48" s="1035"/>
      <c r="AV48" s="1035"/>
      <c r="AW48" s="1035"/>
      <c r="AX48" s="1035"/>
      <c r="AY48" s="1035"/>
      <c r="AZ48" s="1105"/>
      <c r="BA48" s="1105"/>
      <c r="BB48" s="1105"/>
      <c r="BC48" s="1105"/>
      <c r="BD48" s="1105"/>
      <c r="BE48" s="1036"/>
      <c r="BF48" s="1036"/>
      <c r="BG48" s="1036"/>
      <c r="BH48" s="1036"/>
      <c r="BI48" s="1037"/>
      <c r="BJ48" s="235"/>
      <c r="BK48" s="235"/>
      <c r="BL48" s="235"/>
      <c r="BM48" s="235"/>
      <c r="BN48" s="235"/>
      <c r="BO48" s="244"/>
      <c r="BP48" s="244"/>
      <c r="BQ48" s="241">
        <v>42</v>
      </c>
      <c r="BR48" s="242"/>
      <c r="BS48" s="1056"/>
      <c r="BT48" s="1057"/>
      <c r="BU48" s="1057"/>
      <c r="BV48" s="1057"/>
      <c r="BW48" s="1057"/>
      <c r="BX48" s="1057"/>
      <c r="BY48" s="1057"/>
      <c r="BZ48" s="1057"/>
      <c r="CA48" s="1057"/>
      <c r="CB48" s="1057"/>
      <c r="CC48" s="1057"/>
      <c r="CD48" s="1057"/>
      <c r="CE48" s="1057"/>
      <c r="CF48" s="1057"/>
      <c r="CG48" s="1078"/>
      <c r="CH48" s="1053"/>
      <c r="CI48" s="1054"/>
      <c r="CJ48" s="1054"/>
      <c r="CK48" s="1054"/>
      <c r="CL48" s="1055"/>
      <c r="CM48" s="1053"/>
      <c r="CN48" s="1054"/>
      <c r="CO48" s="1054"/>
      <c r="CP48" s="1054"/>
      <c r="CQ48" s="1055"/>
      <c r="CR48" s="1053"/>
      <c r="CS48" s="1054"/>
      <c r="CT48" s="1054"/>
      <c r="CU48" s="1054"/>
      <c r="CV48" s="1055"/>
      <c r="CW48" s="1053"/>
      <c r="CX48" s="1054"/>
      <c r="CY48" s="1054"/>
      <c r="CZ48" s="1054"/>
      <c r="DA48" s="1055"/>
      <c r="DB48" s="1053"/>
      <c r="DC48" s="1054"/>
      <c r="DD48" s="1054"/>
      <c r="DE48" s="1054"/>
      <c r="DF48" s="1055"/>
      <c r="DG48" s="1053"/>
      <c r="DH48" s="1054"/>
      <c r="DI48" s="1054"/>
      <c r="DJ48" s="1054"/>
      <c r="DK48" s="1055"/>
      <c r="DL48" s="1053"/>
      <c r="DM48" s="1054"/>
      <c r="DN48" s="1054"/>
      <c r="DO48" s="1054"/>
      <c r="DP48" s="1055"/>
      <c r="DQ48" s="1053"/>
      <c r="DR48" s="1054"/>
      <c r="DS48" s="1054"/>
      <c r="DT48" s="1054"/>
      <c r="DU48" s="1055"/>
      <c r="DV48" s="1056"/>
      <c r="DW48" s="1057"/>
      <c r="DX48" s="1057"/>
      <c r="DY48" s="1057"/>
      <c r="DZ48" s="1058"/>
      <c r="EA48" s="233"/>
    </row>
    <row r="49" spans="1:131" ht="26.25" customHeight="1" x14ac:dyDescent="0.2">
      <c r="A49" s="241">
        <v>22</v>
      </c>
      <c r="B49" s="1094"/>
      <c r="C49" s="1095"/>
      <c r="D49" s="1095"/>
      <c r="E49" s="1095"/>
      <c r="F49" s="1095"/>
      <c r="G49" s="1095"/>
      <c r="H49" s="1095"/>
      <c r="I49" s="1095"/>
      <c r="J49" s="1095"/>
      <c r="K49" s="1095"/>
      <c r="L49" s="1095"/>
      <c r="M49" s="1095"/>
      <c r="N49" s="1095"/>
      <c r="O49" s="1095"/>
      <c r="P49" s="1096"/>
      <c r="Q49" s="1102"/>
      <c r="R49" s="1103"/>
      <c r="S49" s="1103"/>
      <c r="T49" s="1103"/>
      <c r="U49" s="1103"/>
      <c r="V49" s="1103"/>
      <c r="W49" s="1103"/>
      <c r="X49" s="1103"/>
      <c r="Y49" s="1103"/>
      <c r="Z49" s="1103"/>
      <c r="AA49" s="1103"/>
      <c r="AB49" s="1103"/>
      <c r="AC49" s="1103"/>
      <c r="AD49" s="1103"/>
      <c r="AE49" s="1104"/>
      <c r="AF49" s="1099"/>
      <c r="AG49" s="1100"/>
      <c r="AH49" s="1100"/>
      <c r="AI49" s="1100"/>
      <c r="AJ49" s="1101"/>
      <c r="AK49" s="1044"/>
      <c r="AL49" s="1035"/>
      <c r="AM49" s="1035"/>
      <c r="AN49" s="1035"/>
      <c r="AO49" s="1035"/>
      <c r="AP49" s="1035"/>
      <c r="AQ49" s="1035"/>
      <c r="AR49" s="1035"/>
      <c r="AS49" s="1035"/>
      <c r="AT49" s="1035"/>
      <c r="AU49" s="1035"/>
      <c r="AV49" s="1035"/>
      <c r="AW49" s="1035"/>
      <c r="AX49" s="1035"/>
      <c r="AY49" s="1035"/>
      <c r="AZ49" s="1105"/>
      <c r="BA49" s="1105"/>
      <c r="BB49" s="1105"/>
      <c r="BC49" s="1105"/>
      <c r="BD49" s="1105"/>
      <c r="BE49" s="1036"/>
      <c r="BF49" s="1036"/>
      <c r="BG49" s="1036"/>
      <c r="BH49" s="1036"/>
      <c r="BI49" s="1037"/>
      <c r="BJ49" s="235"/>
      <c r="BK49" s="235"/>
      <c r="BL49" s="235"/>
      <c r="BM49" s="235"/>
      <c r="BN49" s="235"/>
      <c r="BO49" s="244"/>
      <c r="BP49" s="244"/>
      <c r="BQ49" s="241">
        <v>43</v>
      </c>
      <c r="BR49" s="242"/>
      <c r="BS49" s="1056"/>
      <c r="BT49" s="1057"/>
      <c r="BU49" s="1057"/>
      <c r="BV49" s="1057"/>
      <c r="BW49" s="1057"/>
      <c r="BX49" s="1057"/>
      <c r="BY49" s="1057"/>
      <c r="BZ49" s="1057"/>
      <c r="CA49" s="1057"/>
      <c r="CB49" s="1057"/>
      <c r="CC49" s="1057"/>
      <c r="CD49" s="1057"/>
      <c r="CE49" s="1057"/>
      <c r="CF49" s="1057"/>
      <c r="CG49" s="1078"/>
      <c r="CH49" s="1053"/>
      <c r="CI49" s="1054"/>
      <c r="CJ49" s="1054"/>
      <c r="CK49" s="1054"/>
      <c r="CL49" s="1055"/>
      <c r="CM49" s="1053"/>
      <c r="CN49" s="1054"/>
      <c r="CO49" s="1054"/>
      <c r="CP49" s="1054"/>
      <c r="CQ49" s="1055"/>
      <c r="CR49" s="1053"/>
      <c r="CS49" s="1054"/>
      <c r="CT49" s="1054"/>
      <c r="CU49" s="1054"/>
      <c r="CV49" s="1055"/>
      <c r="CW49" s="1053"/>
      <c r="CX49" s="1054"/>
      <c r="CY49" s="1054"/>
      <c r="CZ49" s="1054"/>
      <c r="DA49" s="1055"/>
      <c r="DB49" s="1053"/>
      <c r="DC49" s="1054"/>
      <c r="DD49" s="1054"/>
      <c r="DE49" s="1054"/>
      <c r="DF49" s="1055"/>
      <c r="DG49" s="1053"/>
      <c r="DH49" s="1054"/>
      <c r="DI49" s="1054"/>
      <c r="DJ49" s="1054"/>
      <c r="DK49" s="1055"/>
      <c r="DL49" s="1053"/>
      <c r="DM49" s="1054"/>
      <c r="DN49" s="1054"/>
      <c r="DO49" s="1054"/>
      <c r="DP49" s="1055"/>
      <c r="DQ49" s="1053"/>
      <c r="DR49" s="1054"/>
      <c r="DS49" s="1054"/>
      <c r="DT49" s="1054"/>
      <c r="DU49" s="1055"/>
      <c r="DV49" s="1056"/>
      <c r="DW49" s="1057"/>
      <c r="DX49" s="1057"/>
      <c r="DY49" s="1057"/>
      <c r="DZ49" s="1058"/>
      <c r="EA49" s="233"/>
    </row>
    <row r="50" spans="1:131" ht="26.25" customHeight="1" x14ac:dyDescent="0.2">
      <c r="A50" s="241">
        <v>23</v>
      </c>
      <c r="B50" s="1094"/>
      <c r="C50" s="1095"/>
      <c r="D50" s="1095"/>
      <c r="E50" s="1095"/>
      <c r="F50" s="1095"/>
      <c r="G50" s="1095"/>
      <c r="H50" s="1095"/>
      <c r="I50" s="1095"/>
      <c r="J50" s="1095"/>
      <c r="K50" s="1095"/>
      <c r="L50" s="1095"/>
      <c r="M50" s="1095"/>
      <c r="N50" s="1095"/>
      <c r="O50" s="1095"/>
      <c r="P50" s="1096"/>
      <c r="Q50" s="1097"/>
      <c r="R50" s="1089"/>
      <c r="S50" s="1089"/>
      <c r="T50" s="1089"/>
      <c r="U50" s="1089"/>
      <c r="V50" s="1089"/>
      <c r="W50" s="1089"/>
      <c r="X50" s="1089"/>
      <c r="Y50" s="1089"/>
      <c r="Z50" s="1089"/>
      <c r="AA50" s="1089"/>
      <c r="AB50" s="1089"/>
      <c r="AC50" s="1089"/>
      <c r="AD50" s="1089"/>
      <c r="AE50" s="1098"/>
      <c r="AF50" s="1099"/>
      <c r="AG50" s="1100"/>
      <c r="AH50" s="1100"/>
      <c r="AI50" s="1100"/>
      <c r="AJ50" s="1101"/>
      <c r="AK50" s="1088"/>
      <c r="AL50" s="1089"/>
      <c r="AM50" s="1089"/>
      <c r="AN50" s="1089"/>
      <c r="AO50" s="1089"/>
      <c r="AP50" s="1089"/>
      <c r="AQ50" s="1089"/>
      <c r="AR50" s="1089"/>
      <c r="AS50" s="1089"/>
      <c r="AT50" s="1089"/>
      <c r="AU50" s="1089"/>
      <c r="AV50" s="1089"/>
      <c r="AW50" s="1089"/>
      <c r="AX50" s="1089"/>
      <c r="AY50" s="1089"/>
      <c r="AZ50" s="1090"/>
      <c r="BA50" s="1090"/>
      <c r="BB50" s="1090"/>
      <c r="BC50" s="1090"/>
      <c r="BD50" s="1090"/>
      <c r="BE50" s="1036"/>
      <c r="BF50" s="1036"/>
      <c r="BG50" s="1036"/>
      <c r="BH50" s="1036"/>
      <c r="BI50" s="1037"/>
      <c r="BJ50" s="235"/>
      <c r="BK50" s="235"/>
      <c r="BL50" s="235"/>
      <c r="BM50" s="235"/>
      <c r="BN50" s="235"/>
      <c r="BO50" s="244"/>
      <c r="BP50" s="244"/>
      <c r="BQ50" s="241">
        <v>44</v>
      </c>
      <c r="BR50" s="242"/>
      <c r="BS50" s="1056"/>
      <c r="BT50" s="1057"/>
      <c r="BU50" s="1057"/>
      <c r="BV50" s="1057"/>
      <c r="BW50" s="1057"/>
      <c r="BX50" s="1057"/>
      <c r="BY50" s="1057"/>
      <c r="BZ50" s="1057"/>
      <c r="CA50" s="1057"/>
      <c r="CB50" s="1057"/>
      <c r="CC50" s="1057"/>
      <c r="CD50" s="1057"/>
      <c r="CE50" s="1057"/>
      <c r="CF50" s="1057"/>
      <c r="CG50" s="1078"/>
      <c r="CH50" s="1053"/>
      <c r="CI50" s="1054"/>
      <c r="CJ50" s="1054"/>
      <c r="CK50" s="1054"/>
      <c r="CL50" s="1055"/>
      <c r="CM50" s="1053"/>
      <c r="CN50" s="1054"/>
      <c r="CO50" s="1054"/>
      <c r="CP50" s="1054"/>
      <c r="CQ50" s="1055"/>
      <c r="CR50" s="1053"/>
      <c r="CS50" s="1054"/>
      <c r="CT50" s="1054"/>
      <c r="CU50" s="1054"/>
      <c r="CV50" s="1055"/>
      <c r="CW50" s="1053"/>
      <c r="CX50" s="1054"/>
      <c r="CY50" s="1054"/>
      <c r="CZ50" s="1054"/>
      <c r="DA50" s="1055"/>
      <c r="DB50" s="1053"/>
      <c r="DC50" s="1054"/>
      <c r="DD50" s="1054"/>
      <c r="DE50" s="1054"/>
      <c r="DF50" s="1055"/>
      <c r="DG50" s="1053"/>
      <c r="DH50" s="1054"/>
      <c r="DI50" s="1054"/>
      <c r="DJ50" s="1054"/>
      <c r="DK50" s="1055"/>
      <c r="DL50" s="1053"/>
      <c r="DM50" s="1054"/>
      <c r="DN50" s="1054"/>
      <c r="DO50" s="1054"/>
      <c r="DP50" s="1055"/>
      <c r="DQ50" s="1053"/>
      <c r="DR50" s="1054"/>
      <c r="DS50" s="1054"/>
      <c r="DT50" s="1054"/>
      <c r="DU50" s="1055"/>
      <c r="DV50" s="1056"/>
      <c r="DW50" s="1057"/>
      <c r="DX50" s="1057"/>
      <c r="DY50" s="1057"/>
      <c r="DZ50" s="1058"/>
      <c r="EA50" s="233"/>
    </row>
    <row r="51" spans="1:131" ht="26.25" customHeight="1" x14ac:dyDescent="0.2">
      <c r="A51" s="241">
        <v>24</v>
      </c>
      <c r="B51" s="1094"/>
      <c r="C51" s="1095"/>
      <c r="D51" s="1095"/>
      <c r="E51" s="1095"/>
      <c r="F51" s="1095"/>
      <c r="G51" s="1095"/>
      <c r="H51" s="1095"/>
      <c r="I51" s="1095"/>
      <c r="J51" s="1095"/>
      <c r="K51" s="1095"/>
      <c r="L51" s="1095"/>
      <c r="M51" s="1095"/>
      <c r="N51" s="1095"/>
      <c r="O51" s="1095"/>
      <c r="P51" s="1096"/>
      <c r="Q51" s="1097"/>
      <c r="R51" s="1089"/>
      <c r="S51" s="1089"/>
      <c r="T51" s="1089"/>
      <c r="U51" s="1089"/>
      <c r="V51" s="1089"/>
      <c r="W51" s="1089"/>
      <c r="X51" s="1089"/>
      <c r="Y51" s="1089"/>
      <c r="Z51" s="1089"/>
      <c r="AA51" s="1089"/>
      <c r="AB51" s="1089"/>
      <c r="AC51" s="1089"/>
      <c r="AD51" s="1089"/>
      <c r="AE51" s="1098"/>
      <c r="AF51" s="1099"/>
      <c r="AG51" s="1100"/>
      <c r="AH51" s="1100"/>
      <c r="AI51" s="1100"/>
      <c r="AJ51" s="1101"/>
      <c r="AK51" s="1088"/>
      <c r="AL51" s="1089"/>
      <c r="AM51" s="1089"/>
      <c r="AN51" s="1089"/>
      <c r="AO51" s="1089"/>
      <c r="AP51" s="1089"/>
      <c r="AQ51" s="1089"/>
      <c r="AR51" s="1089"/>
      <c r="AS51" s="1089"/>
      <c r="AT51" s="1089"/>
      <c r="AU51" s="1089"/>
      <c r="AV51" s="1089"/>
      <c r="AW51" s="1089"/>
      <c r="AX51" s="1089"/>
      <c r="AY51" s="1089"/>
      <c r="AZ51" s="1090"/>
      <c r="BA51" s="1090"/>
      <c r="BB51" s="1090"/>
      <c r="BC51" s="1090"/>
      <c r="BD51" s="1090"/>
      <c r="BE51" s="1036"/>
      <c r="BF51" s="1036"/>
      <c r="BG51" s="1036"/>
      <c r="BH51" s="1036"/>
      <c r="BI51" s="1037"/>
      <c r="BJ51" s="235"/>
      <c r="BK51" s="235"/>
      <c r="BL51" s="235"/>
      <c r="BM51" s="235"/>
      <c r="BN51" s="235"/>
      <c r="BO51" s="244"/>
      <c r="BP51" s="244"/>
      <c r="BQ51" s="241">
        <v>45</v>
      </c>
      <c r="BR51" s="242"/>
      <c r="BS51" s="1056"/>
      <c r="BT51" s="1057"/>
      <c r="BU51" s="1057"/>
      <c r="BV51" s="1057"/>
      <c r="BW51" s="1057"/>
      <c r="BX51" s="1057"/>
      <c r="BY51" s="1057"/>
      <c r="BZ51" s="1057"/>
      <c r="CA51" s="1057"/>
      <c r="CB51" s="1057"/>
      <c r="CC51" s="1057"/>
      <c r="CD51" s="1057"/>
      <c r="CE51" s="1057"/>
      <c r="CF51" s="1057"/>
      <c r="CG51" s="1078"/>
      <c r="CH51" s="1053"/>
      <c r="CI51" s="1054"/>
      <c r="CJ51" s="1054"/>
      <c r="CK51" s="1054"/>
      <c r="CL51" s="1055"/>
      <c r="CM51" s="1053"/>
      <c r="CN51" s="1054"/>
      <c r="CO51" s="1054"/>
      <c r="CP51" s="1054"/>
      <c r="CQ51" s="1055"/>
      <c r="CR51" s="1053"/>
      <c r="CS51" s="1054"/>
      <c r="CT51" s="1054"/>
      <c r="CU51" s="1054"/>
      <c r="CV51" s="1055"/>
      <c r="CW51" s="1053"/>
      <c r="CX51" s="1054"/>
      <c r="CY51" s="1054"/>
      <c r="CZ51" s="1054"/>
      <c r="DA51" s="1055"/>
      <c r="DB51" s="1053"/>
      <c r="DC51" s="1054"/>
      <c r="DD51" s="1054"/>
      <c r="DE51" s="1054"/>
      <c r="DF51" s="1055"/>
      <c r="DG51" s="1053"/>
      <c r="DH51" s="1054"/>
      <c r="DI51" s="1054"/>
      <c r="DJ51" s="1054"/>
      <c r="DK51" s="1055"/>
      <c r="DL51" s="1053"/>
      <c r="DM51" s="1054"/>
      <c r="DN51" s="1054"/>
      <c r="DO51" s="1054"/>
      <c r="DP51" s="1055"/>
      <c r="DQ51" s="1053"/>
      <c r="DR51" s="1054"/>
      <c r="DS51" s="1054"/>
      <c r="DT51" s="1054"/>
      <c r="DU51" s="1055"/>
      <c r="DV51" s="1056"/>
      <c r="DW51" s="1057"/>
      <c r="DX51" s="1057"/>
      <c r="DY51" s="1057"/>
      <c r="DZ51" s="1058"/>
      <c r="EA51" s="233"/>
    </row>
    <row r="52" spans="1:131" ht="26.25" customHeight="1" x14ac:dyDescent="0.2">
      <c r="A52" s="241">
        <v>25</v>
      </c>
      <c r="B52" s="1094"/>
      <c r="C52" s="1095"/>
      <c r="D52" s="1095"/>
      <c r="E52" s="1095"/>
      <c r="F52" s="1095"/>
      <c r="G52" s="1095"/>
      <c r="H52" s="1095"/>
      <c r="I52" s="1095"/>
      <c r="J52" s="1095"/>
      <c r="K52" s="1095"/>
      <c r="L52" s="1095"/>
      <c r="M52" s="1095"/>
      <c r="N52" s="1095"/>
      <c r="O52" s="1095"/>
      <c r="P52" s="1096"/>
      <c r="Q52" s="1097"/>
      <c r="R52" s="1089"/>
      <c r="S52" s="1089"/>
      <c r="T52" s="1089"/>
      <c r="U52" s="1089"/>
      <c r="V52" s="1089"/>
      <c r="W52" s="1089"/>
      <c r="X52" s="1089"/>
      <c r="Y52" s="1089"/>
      <c r="Z52" s="1089"/>
      <c r="AA52" s="1089"/>
      <c r="AB52" s="1089"/>
      <c r="AC52" s="1089"/>
      <c r="AD52" s="1089"/>
      <c r="AE52" s="1098"/>
      <c r="AF52" s="1099"/>
      <c r="AG52" s="1100"/>
      <c r="AH52" s="1100"/>
      <c r="AI52" s="1100"/>
      <c r="AJ52" s="1101"/>
      <c r="AK52" s="1088"/>
      <c r="AL52" s="1089"/>
      <c r="AM52" s="1089"/>
      <c r="AN52" s="1089"/>
      <c r="AO52" s="1089"/>
      <c r="AP52" s="1089"/>
      <c r="AQ52" s="1089"/>
      <c r="AR52" s="1089"/>
      <c r="AS52" s="1089"/>
      <c r="AT52" s="1089"/>
      <c r="AU52" s="1089"/>
      <c r="AV52" s="1089"/>
      <c r="AW52" s="1089"/>
      <c r="AX52" s="1089"/>
      <c r="AY52" s="1089"/>
      <c r="AZ52" s="1090"/>
      <c r="BA52" s="1090"/>
      <c r="BB52" s="1090"/>
      <c r="BC52" s="1090"/>
      <c r="BD52" s="1090"/>
      <c r="BE52" s="1036"/>
      <c r="BF52" s="1036"/>
      <c r="BG52" s="1036"/>
      <c r="BH52" s="1036"/>
      <c r="BI52" s="1037"/>
      <c r="BJ52" s="235"/>
      <c r="BK52" s="235"/>
      <c r="BL52" s="235"/>
      <c r="BM52" s="235"/>
      <c r="BN52" s="235"/>
      <c r="BO52" s="244"/>
      <c r="BP52" s="244"/>
      <c r="BQ52" s="241">
        <v>46</v>
      </c>
      <c r="BR52" s="242"/>
      <c r="BS52" s="1056"/>
      <c r="BT52" s="1057"/>
      <c r="BU52" s="1057"/>
      <c r="BV52" s="1057"/>
      <c r="BW52" s="1057"/>
      <c r="BX52" s="1057"/>
      <c r="BY52" s="1057"/>
      <c r="BZ52" s="1057"/>
      <c r="CA52" s="1057"/>
      <c r="CB52" s="1057"/>
      <c r="CC52" s="1057"/>
      <c r="CD52" s="1057"/>
      <c r="CE52" s="1057"/>
      <c r="CF52" s="1057"/>
      <c r="CG52" s="1078"/>
      <c r="CH52" s="1053"/>
      <c r="CI52" s="1054"/>
      <c r="CJ52" s="1054"/>
      <c r="CK52" s="1054"/>
      <c r="CL52" s="1055"/>
      <c r="CM52" s="1053"/>
      <c r="CN52" s="1054"/>
      <c r="CO52" s="1054"/>
      <c r="CP52" s="1054"/>
      <c r="CQ52" s="1055"/>
      <c r="CR52" s="1053"/>
      <c r="CS52" s="1054"/>
      <c r="CT52" s="1054"/>
      <c r="CU52" s="1054"/>
      <c r="CV52" s="1055"/>
      <c r="CW52" s="1053"/>
      <c r="CX52" s="1054"/>
      <c r="CY52" s="1054"/>
      <c r="CZ52" s="1054"/>
      <c r="DA52" s="1055"/>
      <c r="DB52" s="1053"/>
      <c r="DC52" s="1054"/>
      <c r="DD52" s="1054"/>
      <c r="DE52" s="1054"/>
      <c r="DF52" s="1055"/>
      <c r="DG52" s="1053"/>
      <c r="DH52" s="1054"/>
      <c r="DI52" s="1054"/>
      <c r="DJ52" s="1054"/>
      <c r="DK52" s="1055"/>
      <c r="DL52" s="1053"/>
      <c r="DM52" s="1054"/>
      <c r="DN52" s="1054"/>
      <c r="DO52" s="1054"/>
      <c r="DP52" s="1055"/>
      <c r="DQ52" s="1053"/>
      <c r="DR52" s="1054"/>
      <c r="DS52" s="1054"/>
      <c r="DT52" s="1054"/>
      <c r="DU52" s="1055"/>
      <c r="DV52" s="1056"/>
      <c r="DW52" s="1057"/>
      <c r="DX52" s="1057"/>
      <c r="DY52" s="1057"/>
      <c r="DZ52" s="1058"/>
      <c r="EA52" s="233"/>
    </row>
    <row r="53" spans="1:131" ht="26.25" customHeight="1" x14ac:dyDescent="0.2">
      <c r="A53" s="241">
        <v>26</v>
      </c>
      <c r="B53" s="1094"/>
      <c r="C53" s="1095"/>
      <c r="D53" s="1095"/>
      <c r="E53" s="1095"/>
      <c r="F53" s="1095"/>
      <c r="G53" s="1095"/>
      <c r="H53" s="1095"/>
      <c r="I53" s="1095"/>
      <c r="J53" s="1095"/>
      <c r="K53" s="1095"/>
      <c r="L53" s="1095"/>
      <c r="M53" s="1095"/>
      <c r="N53" s="1095"/>
      <c r="O53" s="1095"/>
      <c r="P53" s="1096"/>
      <c r="Q53" s="1097"/>
      <c r="R53" s="1089"/>
      <c r="S53" s="1089"/>
      <c r="T53" s="1089"/>
      <c r="U53" s="1089"/>
      <c r="V53" s="1089"/>
      <c r="W53" s="1089"/>
      <c r="X53" s="1089"/>
      <c r="Y53" s="1089"/>
      <c r="Z53" s="1089"/>
      <c r="AA53" s="1089"/>
      <c r="AB53" s="1089"/>
      <c r="AC53" s="1089"/>
      <c r="AD53" s="1089"/>
      <c r="AE53" s="1098"/>
      <c r="AF53" s="1099"/>
      <c r="AG53" s="1100"/>
      <c r="AH53" s="1100"/>
      <c r="AI53" s="1100"/>
      <c r="AJ53" s="1101"/>
      <c r="AK53" s="1088"/>
      <c r="AL53" s="1089"/>
      <c r="AM53" s="1089"/>
      <c r="AN53" s="1089"/>
      <c r="AO53" s="1089"/>
      <c r="AP53" s="1089"/>
      <c r="AQ53" s="1089"/>
      <c r="AR53" s="1089"/>
      <c r="AS53" s="1089"/>
      <c r="AT53" s="1089"/>
      <c r="AU53" s="1089"/>
      <c r="AV53" s="1089"/>
      <c r="AW53" s="1089"/>
      <c r="AX53" s="1089"/>
      <c r="AY53" s="1089"/>
      <c r="AZ53" s="1090"/>
      <c r="BA53" s="1090"/>
      <c r="BB53" s="1090"/>
      <c r="BC53" s="1090"/>
      <c r="BD53" s="1090"/>
      <c r="BE53" s="1036"/>
      <c r="BF53" s="1036"/>
      <c r="BG53" s="1036"/>
      <c r="BH53" s="1036"/>
      <c r="BI53" s="1037"/>
      <c r="BJ53" s="235"/>
      <c r="BK53" s="235"/>
      <c r="BL53" s="235"/>
      <c r="BM53" s="235"/>
      <c r="BN53" s="235"/>
      <c r="BO53" s="244"/>
      <c r="BP53" s="244"/>
      <c r="BQ53" s="241">
        <v>47</v>
      </c>
      <c r="BR53" s="242"/>
      <c r="BS53" s="1056"/>
      <c r="BT53" s="1057"/>
      <c r="BU53" s="1057"/>
      <c r="BV53" s="1057"/>
      <c r="BW53" s="1057"/>
      <c r="BX53" s="1057"/>
      <c r="BY53" s="1057"/>
      <c r="BZ53" s="1057"/>
      <c r="CA53" s="1057"/>
      <c r="CB53" s="1057"/>
      <c r="CC53" s="1057"/>
      <c r="CD53" s="1057"/>
      <c r="CE53" s="1057"/>
      <c r="CF53" s="1057"/>
      <c r="CG53" s="1078"/>
      <c r="CH53" s="1053"/>
      <c r="CI53" s="1054"/>
      <c r="CJ53" s="1054"/>
      <c r="CK53" s="1054"/>
      <c r="CL53" s="1055"/>
      <c r="CM53" s="1053"/>
      <c r="CN53" s="1054"/>
      <c r="CO53" s="1054"/>
      <c r="CP53" s="1054"/>
      <c r="CQ53" s="1055"/>
      <c r="CR53" s="1053"/>
      <c r="CS53" s="1054"/>
      <c r="CT53" s="1054"/>
      <c r="CU53" s="1054"/>
      <c r="CV53" s="1055"/>
      <c r="CW53" s="1053"/>
      <c r="CX53" s="1054"/>
      <c r="CY53" s="1054"/>
      <c r="CZ53" s="1054"/>
      <c r="DA53" s="1055"/>
      <c r="DB53" s="1053"/>
      <c r="DC53" s="1054"/>
      <c r="DD53" s="1054"/>
      <c r="DE53" s="1054"/>
      <c r="DF53" s="1055"/>
      <c r="DG53" s="1053"/>
      <c r="DH53" s="1054"/>
      <c r="DI53" s="1054"/>
      <c r="DJ53" s="1054"/>
      <c r="DK53" s="1055"/>
      <c r="DL53" s="1053"/>
      <c r="DM53" s="1054"/>
      <c r="DN53" s="1054"/>
      <c r="DO53" s="1054"/>
      <c r="DP53" s="1055"/>
      <c r="DQ53" s="1053"/>
      <c r="DR53" s="1054"/>
      <c r="DS53" s="1054"/>
      <c r="DT53" s="1054"/>
      <c r="DU53" s="1055"/>
      <c r="DV53" s="1056"/>
      <c r="DW53" s="1057"/>
      <c r="DX53" s="1057"/>
      <c r="DY53" s="1057"/>
      <c r="DZ53" s="1058"/>
      <c r="EA53" s="233"/>
    </row>
    <row r="54" spans="1:131" ht="26.25" customHeight="1" x14ac:dyDescent="0.2">
      <c r="A54" s="241">
        <v>27</v>
      </c>
      <c r="B54" s="1094"/>
      <c r="C54" s="1095"/>
      <c r="D54" s="1095"/>
      <c r="E54" s="1095"/>
      <c r="F54" s="1095"/>
      <c r="G54" s="1095"/>
      <c r="H54" s="1095"/>
      <c r="I54" s="1095"/>
      <c r="J54" s="1095"/>
      <c r="K54" s="1095"/>
      <c r="L54" s="1095"/>
      <c r="M54" s="1095"/>
      <c r="N54" s="1095"/>
      <c r="O54" s="1095"/>
      <c r="P54" s="1096"/>
      <c r="Q54" s="1097"/>
      <c r="R54" s="1089"/>
      <c r="S54" s="1089"/>
      <c r="T54" s="1089"/>
      <c r="U54" s="1089"/>
      <c r="V54" s="1089"/>
      <c r="W54" s="1089"/>
      <c r="X54" s="1089"/>
      <c r="Y54" s="1089"/>
      <c r="Z54" s="1089"/>
      <c r="AA54" s="1089"/>
      <c r="AB54" s="1089"/>
      <c r="AC54" s="1089"/>
      <c r="AD54" s="1089"/>
      <c r="AE54" s="1098"/>
      <c r="AF54" s="1099"/>
      <c r="AG54" s="1100"/>
      <c r="AH54" s="1100"/>
      <c r="AI54" s="1100"/>
      <c r="AJ54" s="1101"/>
      <c r="AK54" s="1088"/>
      <c r="AL54" s="1089"/>
      <c r="AM54" s="1089"/>
      <c r="AN54" s="1089"/>
      <c r="AO54" s="1089"/>
      <c r="AP54" s="1089"/>
      <c r="AQ54" s="1089"/>
      <c r="AR54" s="1089"/>
      <c r="AS54" s="1089"/>
      <c r="AT54" s="1089"/>
      <c r="AU54" s="1089"/>
      <c r="AV54" s="1089"/>
      <c r="AW54" s="1089"/>
      <c r="AX54" s="1089"/>
      <c r="AY54" s="1089"/>
      <c r="AZ54" s="1090"/>
      <c r="BA54" s="1090"/>
      <c r="BB54" s="1090"/>
      <c r="BC54" s="1090"/>
      <c r="BD54" s="1090"/>
      <c r="BE54" s="1036"/>
      <c r="BF54" s="1036"/>
      <c r="BG54" s="1036"/>
      <c r="BH54" s="1036"/>
      <c r="BI54" s="1037"/>
      <c r="BJ54" s="235"/>
      <c r="BK54" s="235"/>
      <c r="BL54" s="235"/>
      <c r="BM54" s="235"/>
      <c r="BN54" s="235"/>
      <c r="BO54" s="244"/>
      <c r="BP54" s="244"/>
      <c r="BQ54" s="241">
        <v>48</v>
      </c>
      <c r="BR54" s="242"/>
      <c r="BS54" s="1056"/>
      <c r="BT54" s="1057"/>
      <c r="BU54" s="1057"/>
      <c r="BV54" s="1057"/>
      <c r="BW54" s="1057"/>
      <c r="BX54" s="1057"/>
      <c r="BY54" s="1057"/>
      <c r="BZ54" s="1057"/>
      <c r="CA54" s="1057"/>
      <c r="CB54" s="1057"/>
      <c r="CC54" s="1057"/>
      <c r="CD54" s="1057"/>
      <c r="CE54" s="1057"/>
      <c r="CF54" s="1057"/>
      <c r="CG54" s="1078"/>
      <c r="CH54" s="1053"/>
      <c r="CI54" s="1054"/>
      <c r="CJ54" s="1054"/>
      <c r="CK54" s="1054"/>
      <c r="CL54" s="1055"/>
      <c r="CM54" s="1053"/>
      <c r="CN54" s="1054"/>
      <c r="CO54" s="1054"/>
      <c r="CP54" s="1054"/>
      <c r="CQ54" s="1055"/>
      <c r="CR54" s="1053"/>
      <c r="CS54" s="1054"/>
      <c r="CT54" s="1054"/>
      <c r="CU54" s="1054"/>
      <c r="CV54" s="1055"/>
      <c r="CW54" s="1053"/>
      <c r="CX54" s="1054"/>
      <c r="CY54" s="1054"/>
      <c r="CZ54" s="1054"/>
      <c r="DA54" s="1055"/>
      <c r="DB54" s="1053"/>
      <c r="DC54" s="1054"/>
      <c r="DD54" s="1054"/>
      <c r="DE54" s="1054"/>
      <c r="DF54" s="1055"/>
      <c r="DG54" s="1053"/>
      <c r="DH54" s="1054"/>
      <c r="DI54" s="1054"/>
      <c r="DJ54" s="1054"/>
      <c r="DK54" s="1055"/>
      <c r="DL54" s="1053"/>
      <c r="DM54" s="1054"/>
      <c r="DN54" s="1054"/>
      <c r="DO54" s="1054"/>
      <c r="DP54" s="1055"/>
      <c r="DQ54" s="1053"/>
      <c r="DR54" s="1054"/>
      <c r="DS54" s="1054"/>
      <c r="DT54" s="1054"/>
      <c r="DU54" s="1055"/>
      <c r="DV54" s="1056"/>
      <c r="DW54" s="1057"/>
      <c r="DX54" s="1057"/>
      <c r="DY54" s="1057"/>
      <c r="DZ54" s="1058"/>
      <c r="EA54" s="233"/>
    </row>
    <row r="55" spans="1:131" ht="26.25" customHeight="1" x14ac:dyDescent="0.2">
      <c r="A55" s="241">
        <v>28</v>
      </c>
      <c r="B55" s="1094"/>
      <c r="C55" s="1095"/>
      <c r="D55" s="1095"/>
      <c r="E55" s="1095"/>
      <c r="F55" s="1095"/>
      <c r="G55" s="1095"/>
      <c r="H55" s="1095"/>
      <c r="I55" s="1095"/>
      <c r="J55" s="1095"/>
      <c r="K55" s="1095"/>
      <c r="L55" s="1095"/>
      <c r="M55" s="1095"/>
      <c r="N55" s="1095"/>
      <c r="O55" s="1095"/>
      <c r="P55" s="1096"/>
      <c r="Q55" s="1097"/>
      <c r="R55" s="1089"/>
      <c r="S55" s="1089"/>
      <c r="T55" s="1089"/>
      <c r="U55" s="1089"/>
      <c r="V55" s="1089"/>
      <c r="W55" s="1089"/>
      <c r="X55" s="1089"/>
      <c r="Y55" s="1089"/>
      <c r="Z55" s="1089"/>
      <c r="AA55" s="1089"/>
      <c r="AB55" s="1089"/>
      <c r="AC55" s="1089"/>
      <c r="AD55" s="1089"/>
      <c r="AE55" s="1098"/>
      <c r="AF55" s="1099"/>
      <c r="AG55" s="1100"/>
      <c r="AH55" s="1100"/>
      <c r="AI55" s="1100"/>
      <c r="AJ55" s="1101"/>
      <c r="AK55" s="1088"/>
      <c r="AL55" s="1089"/>
      <c r="AM55" s="1089"/>
      <c r="AN55" s="1089"/>
      <c r="AO55" s="1089"/>
      <c r="AP55" s="1089"/>
      <c r="AQ55" s="1089"/>
      <c r="AR55" s="1089"/>
      <c r="AS55" s="1089"/>
      <c r="AT55" s="1089"/>
      <c r="AU55" s="1089"/>
      <c r="AV55" s="1089"/>
      <c r="AW55" s="1089"/>
      <c r="AX55" s="1089"/>
      <c r="AY55" s="1089"/>
      <c r="AZ55" s="1090"/>
      <c r="BA55" s="1090"/>
      <c r="BB55" s="1090"/>
      <c r="BC55" s="1090"/>
      <c r="BD55" s="1090"/>
      <c r="BE55" s="1036"/>
      <c r="BF55" s="1036"/>
      <c r="BG55" s="1036"/>
      <c r="BH55" s="1036"/>
      <c r="BI55" s="1037"/>
      <c r="BJ55" s="235"/>
      <c r="BK55" s="235"/>
      <c r="BL55" s="235"/>
      <c r="BM55" s="235"/>
      <c r="BN55" s="235"/>
      <c r="BO55" s="244"/>
      <c r="BP55" s="244"/>
      <c r="BQ55" s="241">
        <v>49</v>
      </c>
      <c r="BR55" s="242"/>
      <c r="BS55" s="1056"/>
      <c r="BT55" s="1057"/>
      <c r="BU55" s="1057"/>
      <c r="BV55" s="1057"/>
      <c r="BW55" s="1057"/>
      <c r="BX55" s="1057"/>
      <c r="BY55" s="1057"/>
      <c r="BZ55" s="1057"/>
      <c r="CA55" s="1057"/>
      <c r="CB55" s="1057"/>
      <c r="CC55" s="1057"/>
      <c r="CD55" s="1057"/>
      <c r="CE55" s="1057"/>
      <c r="CF55" s="1057"/>
      <c r="CG55" s="1078"/>
      <c r="CH55" s="1053"/>
      <c r="CI55" s="1054"/>
      <c r="CJ55" s="1054"/>
      <c r="CK55" s="1054"/>
      <c r="CL55" s="1055"/>
      <c r="CM55" s="1053"/>
      <c r="CN55" s="1054"/>
      <c r="CO55" s="1054"/>
      <c r="CP55" s="1054"/>
      <c r="CQ55" s="1055"/>
      <c r="CR55" s="1053"/>
      <c r="CS55" s="1054"/>
      <c r="CT55" s="1054"/>
      <c r="CU55" s="1054"/>
      <c r="CV55" s="1055"/>
      <c r="CW55" s="1053"/>
      <c r="CX55" s="1054"/>
      <c r="CY55" s="1054"/>
      <c r="CZ55" s="1054"/>
      <c r="DA55" s="1055"/>
      <c r="DB55" s="1053"/>
      <c r="DC55" s="1054"/>
      <c r="DD55" s="1054"/>
      <c r="DE55" s="1054"/>
      <c r="DF55" s="1055"/>
      <c r="DG55" s="1053"/>
      <c r="DH55" s="1054"/>
      <c r="DI55" s="1054"/>
      <c r="DJ55" s="1054"/>
      <c r="DK55" s="1055"/>
      <c r="DL55" s="1053"/>
      <c r="DM55" s="1054"/>
      <c r="DN55" s="1054"/>
      <c r="DO55" s="1054"/>
      <c r="DP55" s="1055"/>
      <c r="DQ55" s="1053"/>
      <c r="DR55" s="1054"/>
      <c r="DS55" s="1054"/>
      <c r="DT55" s="1054"/>
      <c r="DU55" s="1055"/>
      <c r="DV55" s="1056"/>
      <c r="DW55" s="1057"/>
      <c r="DX55" s="1057"/>
      <c r="DY55" s="1057"/>
      <c r="DZ55" s="1058"/>
      <c r="EA55" s="233"/>
    </row>
    <row r="56" spans="1:131" ht="26.25" customHeight="1" x14ac:dyDescent="0.2">
      <c r="A56" s="241">
        <v>29</v>
      </c>
      <c r="B56" s="1094"/>
      <c r="C56" s="1095"/>
      <c r="D56" s="1095"/>
      <c r="E56" s="1095"/>
      <c r="F56" s="1095"/>
      <c r="G56" s="1095"/>
      <c r="H56" s="1095"/>
      <c r="I56" s="1095"/>
      <c r="J56" s="1095"/>
      <c r="K56" s="1095"/>
      <c r="L56" s="1095"/>
      <c r="M56" s="1095"/>
      <c r="N56" s="1095"/>
      <c r="O56" s="1095"/>
      <c r="P56" s="1096"/>
      <c r="Q56" s="1097"/>
      <c r="R56" s="1089"/>
      <c r="S56" s="1089"/>
      <c r="T56" s="1089"/>
      <c r="U56" s="1089"/>
      <c r="V56" s="1089"/>
      <c r="W56" s="1089"/>
      <c r="X56" s="1089"/>
      <c r="Y56" s="1089"/>
      <c r="Z56" s="1089"/>
      <c r="AA56" s="1089"/>
      <c r="AB56" s="1089"/>
      <c r="AC56" s="1089"/>
      <c r="AD56" s="1089"/>
      <c r="AE56" s="1098"/>
      <c r="AF56" s="1099"/>
      <c r="AG56" s="1100"/>
      <c r="AH56" s="1100"/>
      <c r="AI56" s="1100"/>
      <c r="AJ56" s="1101"/>
      <c r="AK56" s="1088"/>
      <c r="AL56" s="1089"/>
      <c r="AM56" s="1089"/>
      <c r="AN56" s="1089"/>
      <c r="AO56" s="1089"/>
      <c r="AP56" s="1089"/>
      <c r="AQ56" s="1089"/>
      <c r="AR56" s="1089"/>
      <c r="AS56" s="1089"/>
      <c r="AT56" s="1089"/>
      <c r="AU56" s="1089"/>
      <c r="AV56" s="1089"/>
      <c r="AW56" s="1089"/>
      <c r="AX56" s="1089"/>
      <c r="AY56" s="1089"/>
      <c r="AZ56" s="1090"/>
      <c r="BA56" s="1090"/>
      <c r="BB56" s="1090"/>
      <c r="BC56" s="1090"/>
      <c r="BD56" s="1090"/>
      <c r="BE56" s="1036"/>
      <c r="BF56" s="1036"/>
      <c r="BG56" s="1036"/>
      <c r="BH56" s="1036"/>
      <c r="BI56" s="1037"/>
      <c r="BJ56" s="235"/>
      <c r="BK56" s="235"/>
      <c r="BL56" s="235"/>
      <c r="BM56" s="235"/>
      <c r="BN56" s="235"/>
      <c r="BO56" s="244"/>
      <c r="BP56" s="244"/>
      <c r="BQ56" s="241">
        <v>50</v>
      </c>
      <c r="BR56" s="242"/>
      <c r="BS56" s="1056"/>
      <c r="BT56" s="1057"/>
      <c r="BU56" s="1057"/>
      <c r="BV56" s="1057"/>
      <c r="BW56" s="1057"/>
      <c r="BX56" s="1057"/>
      <c r="BY56" s="1057"/>
      <c r="BZ56" s="1057"/>
      <c r="CA56" s="1057"/>
      <c r="CB56" s="1057"/>
      <c r="CC56" s="1057"/>
      <c r="CD56" s="1057"/>
      <c r="CE56" s="1057"/>
      <c r="CF56" s="1057"/>
      <c r="CG56" s="1078"/>
      <c r="CH56" s="1053"/>
      <c r="CI56" s="1054"/>
      <c r="CJ56" s="1054"/>
      <c r="CK56" s="1054"/>
      <c r="CL56" s="1055"/>
      <c r="CM56" s="1053"/>
      <c r="CN56" s="1054"/>
      <c r="CO56" s="1054"/>
      <c r="CP56" s="1054"/>
      <c r="CQ56" s="1055"/>
      <c r="CR56" s="1053"/>
      <c r="CS56" s="1054"/>
      <c r="CT56" s="1054"/>
      <c r="CU56" s="1054"/>
      <c r="CV56" s="1055"/>
      <c r="CW56" s="1053"/>
      <c r="CX56" s="1054"/>
      <c r="CY56" s="1054"/>
      <c r="CZ56" s="1054"/>
      <c r="DA56" s="1055"/>
      <c r="DB56" s="1053"/>
      <c r="DC56" s="1054"/>
      <c r="DD56" s="1054"/>
      <c r="DE56" s="1054"/>
      <c r="DF56" s="1055"/>
      <c r="DG56" s="1053"/>
      <c r="DH56" s="1054"/>
      <c r="DI56" s="1054"/>
      <c r="DJ56" s="1054"/>
      <c r="DK56" s="1055"/>
      <c r="DL56" s="1053"/>
      <c r="DM56" s="1054"/>
      <c r="DN56" s="1054"/>
      <c r="DO56" s="1054"/>
      <c r="DP56" s="1055"/>
      <c r="DQ56" s="1053"/>
      <c r="DR56" s="1054"/>
      <c r="DS56" s="1054"/>
      <c r="DT56" s="1054"/>
      <c r="DU56" s="1055"/>
      <c r="DV56" s="1056"/>
      <c r="DW56" s="1057"/>
      <c r="DX56" s="1057"/>
      <c r="DY56" s="1057"/>
      <c r="DZ56" s="1058"/>
      <c r="EA56" s="233"/>
    </row>
    <row r="57" spans="1:131" ht="26.25" customHeight="1" x14ac:dyDescent="0.2">
      <c r="A57" s="241">
        <v>30</v>
      </c>
      <c r="B57" s="1094"/>
      <c r="C57" s="1095"/>
      <c r="D57" s="1095"/>
      <c r="E57" s="1095"/>
      <c r="F57" s="1095"/>
      <c r="G57" s="1095"/>
      <c r="H57" s="1095"/>
      <c r="I57" s="1095"/>
      <c r="J57" s="1095"/>
      <c r="K57" s="1095"/>
      <c r="L57" s="1095"/>
      <c r="M57" s="1095"/>
      <c r="N57" s="1095"/>
      <c r="O57" s="1095"/>
      <c r="P57" s="1096"/>
      <c r="Q57" s="1097"/>
      <c r="R57" s="1089"/>
      <c r="S57" s="1089"/>
      <c r="T57" s="1089"/>
      <c r="U57" s="1089"/>
      <c r="V57" s="1089"/>
      <c r="W57" s="1089"/>
      <c r="X57" s="1089"/>
      <c r="Y57" s="1089"/>
      <c r="Z57" s="1089"/>
      <c r="AA57" s="1089"/>
      <c r="AB57" s="1089"/>
      <c r="AC57" s="1089"/>
      <c r="AD57" s="1089"/>
      <c r="AE57" s="1098"/>
      <c r="AF57" s="1099"/>
      <c r="AG57" s="1100"/>
      <c r="AH57" s="1100"/>
      <c r="AI57" s="1100"/>
      <c r="AJ57" s="1101"/>
      <c r="AK57" s="1088"/>
      <c r="AL57" s="1089"/>
      <c r="AM57" s="1089"/>
      <c r="AN57" s="1089"/>
      <c r="AO57" s="1089"/>
      <c r="AP57" s="1089"/>
      <c r="AQ57" s="1089"/>
      <c r="AR57" s="1089"/>
      <c r="AS57" s="1089"/>
      <c r="AT57" s="1089"/>
      <c r="AU57" s="1089"/>
      <c r="AV57" s="1089"/>
      <c r="AW57" s="1089"/>
      <c r="AX57" s="1089"/>
      <c r="AY57" s="1089"/>
      <c r="AZ57" s="1090"/>
      <c r="BA57" s="1090"/>
      <c r="BB57" s="1090"/>
      <c r="BC57" s="1090"/>
      <c r="BD57" s="1090"/>
      <c r="BE57" s="1036"/>
      <c r="BF57" s="1036"/>
      <c r="BG57" s="1036"/>
      <c r="BH57" s="1036"/>
      <c r="BI57" s="1037"/>
      <c r="BJ57" s="235"/>
      <c r="BK57" s="235"/>
      <c r="BL57" s="235"/>
      <c r="BM57" s="235"/>
      <c r="BN57" s="235"/>
      <c r="BO57" s="244"/>
      <c r="BP57" s="244"/>
      <c r="BQ57" s="241">
        <v>51</v>
      </c>
      <c r="BR57" s="242"/>
      <c r="BS57" s="1056"/>
      <c r="BT57" s="1057"/>
      <c r="BU57" s="1057"/>
      <c r="BV57" s="1057"/>
      <c r="BW57" s="1057"/>
      <c r="BX57" s="1057"/>
      <c r="BY57" s="1057"/>
      <c r="BZ57" s="1057"/>
      <c r="CA57" s="1057"/>
      <c r="CB57" s="1057"/>
      <c r="CC57" s="1057"/>
      <c r="CD57" s="1057"/>
      <c r="CE57" s="1057"/>
      <c r="CF57" s="1057"/>
      <c r="CG57" s="1078"/>
      <c r="CH57" s="1053"/>
      <c r="CI57" s="1054"/>
      <c r="CJ57" s="1054"/>
      <c r="CK57" s="1054"/>
      <c r="CL57" s="1055"/>
      <c r="CM57" s="1053"/>
      <c r="CN57" s="1054"/>
      <c r="CO57" s="1054"/>
      <c r="CP57" s="1054"/>
      <c r="CQ57" s="1055"/>
      <c r="CR57" s="1053"/>
      <c r="CS57" s="1054"/>
      <c r="CT57" s="1054"/>
      <c r="CU57" s="1054"/>
      <c r="CV57" s="1055"/>
      <c r="CW57" s="1053"/>
      <c r="CX57" s="1054"/>
      <c r="CY57" s="1054"/>
      <c r="CZ57" s="1054"/>
      <c r="DA57" s="1055"/>
      <c r="DB57" s="1053"/>
      <c r="DC57" s="1054"/>
      <c r="DD57" s="1054"/>
      <c r="DE57" s="1054"/>
      <c r="DF57" s="1055"/>
      <c r="DG57" s="1053"/>
      <c r="DH57" s="1054"/>
      <c r="DI57" s="1054"/>
      <c r="DJ57" s="1054"/>
      <c r="DK57" s="1055"/>
      <c r="DL57" s="1053"/>
      <c r="DM57" s="1054"/>
      <c r="DN57" s="1054"/>
      <c r="DO57" s="1054"/>
      <c r="DP57" s="1055"/>
      <c r="DQ57" s="1053"/>
      <c r="DR57" s="1054"/>
      <c r="DS57" s="1054"/>
      <c r="DT57" s="1054"/>
      <c r="DU57" s="1055"/>
      <c r="DV57" s="1056"/>
      <c r="DW57" s="1057"/>
      <c r="DX57" s="1057"/>
      <c r="DY57" s="1057"/>
      <c r="DZ57" s="1058"/>
      <c r="EA57" s="233"/>
    </row>
    <row r="58" spans="1:131" ht="26.25" customHeight="1" x14ac:dyDescent="0.2">
      <c r="A58" s="241">
        <v>31</v>
      </c>
      <c r="B58" s="1094"/>
      <c r="C58" s="1095"/>
      <c r="D58" s="1095"/>
      <c r="E58" s="1095"/>
      <c r="F58" s="1095"/>
      <c r="G58" s="1095"/>
      <c r="H58" s="1095"/>
      <c r="I58" s="1095"/>
      <c r="J58" s="1095"/>
      <c r="K58" s="1095"/>
      <c r="L58" s="1095"/>
      <c r="M58" s="1095"/>
      <c r="N58" s="1095"/>
      <c r="O58" s="1095"/>
      <c r="P58" s="1096"/>
      <c r="Q58" s="1097"/>
      <c r="R58" s="1089"/>
      <c r="S58" s="1089"/>
      <c r="T58" s="1089"/>
      <c r="U58" s="1089"/>
      <c r="V58" s="1089"/>
      <c r="W58" s="1089"/>
      <c r="X58" s="1089"/>
      <c r="Y58" s="1089"/>
      <c r="Z58" s="1089"/>
      <c r="AA58" s="1089"/>
      <c r="AB58" s="1089"/>
      <c r="AC58" s="1089"/>
      <c r="AD58" s="1089"/>
      <c r="AE58" s="1098"/>
      <c r="AF58" s="1099"/>
      <c r="AG58" s="1100"/>
      <c r="AH58" s="1100"/>
      <c r="AI58" s="1100"/>
      <c r="AJ58" s="1101"/>
      <c r="AK58" s="1088"/>
      <c r="AL58" s="1089"/>
      <c r="AM58" s="1089"/>
      <c r="AN58" s="1089"/>
      <c r="AO58" s="1089"/>
      <c r="AP58" s="1089"/>
      <c r="AQ58" s="1089"/>
      <c r="AR58" s="1089"/>
      <c r="AS58" s="1089"/>
      <c r="AT58" s="1089"/>
      <c r="AU58" s="1089"/>
      <c r="AV58" s="1089"/>
      <c r="AW58" s="1089"/>
      <c r="AX58" s="1089"/>
      <c r="AY58" s="1089"/>
      <c r="AZ58" s="1090"/>
      <c r="BA58" s="1090"/>
      <c r="BB58" s="1090"/>
      <c r="BC58" s="1090"/>
      <c r="BD58" s="1090"/>
      <c r="BE58" s="1036"/>
      <c r="BF58" s="1036"/>
      <c r="BG58" s="1036"/>
      <c r="BH58" s="1036"/>
      <c r="BI58" s="1037"/>
      <c r="BJ58" s="235"/>
      <c r="BK58" s="235"/>
      <c r="BL58" s="235"/>
      <c r="BM58" s="235"/>
      <c r="BN58" s="235"/>
      <c r="BO58" s="244"/>
      <c r="BP58" s="244"/>
      <c r="BQ58" s="241">
        <v>52</v>
      </c>
      <c r="BR58" s="242"/>
      <c r="BS58" s="1056"/>
      <c r="BT58" s="1057"/>
      <c r="BU58" s="1057"/>
      <c r="BV58" s="1057"/>
      <c r="BW58" s="1057"/>
      <c r="BX58" s="1057"/>
      <c r="BY58" s="1057"/>
      <c r="BZ58" s="1057"/>
      <c r="CA58" s="1057"/>
      <c r="CB58" s="1057"/>
      <c r="CC58" s="1057"/>
      <c r="CD58" s="1057"/>
      <c r="CE58" s="1057"/>
      <c r="CF58" s="1057"/>
      <c r="CG58" s="1078"/>
      <c r="CH58" s="1053"/>
      <c r="CI58" s="1054"/>
      <c r="CJ58" s="1054"/>
      <c r="CK58" s="1054"/>
      <c r="CL58" s="1055"/>
      <c r="CM58" s="1053"/>
      <c r="CN58" s="1054"/>
      <c r="CO58" s="1054"/>
      <c r="CP58" s="1054"/>
      <c r="CQ58" s="1055"/>
      <c r="CR58" s="1053"/>
      <c r="CS58" s="1054"/>
      <c r="CT58" s="1054"/>
      <c r="CU58" s="1054"/>
      <c r="CV58" s="1055"/>
      <c r="CW58" s="1053"/>
      <c r="CX58" s="1054"/>
      <c r="CY58" s="1054"/>
      <c r="CZ58" s="1054"/>
      <c r="DA58" s="1055"/>
      <c r="DB58" s="1053"/>
      <c r="DC58" s="1054"/>
      <c r="DD58" s="1054"/>
      <c r="DE58" s="1054"/>
      <c r="DF58" s="1055"/>
      <c r="DG58" s="1053"/>
      <c r="DH58" s="1054"/>
      <c r="DI58" s="1054"/>
      <c r="DJ58" s="1054"/>
      <c r="DK58" s="1055"/>
      <c r="DL58" s="1053"/>
      <c r="DM58" s="1054"/>
      <c r="DN58" s="1054"/>
      <c r="DO58" s="1054"/>
      <c r="DP58" s="1055"/>
      <c r="DQ58" s="1053"/>
      <c r="DR58" s="1054"/>
      <c r="DS58" s="1054"/>
      <c r="DT58" s="1054"/>
      <c r="DU58" s="1055"/>
      <c r="DV58" s="1056"/>
      <c r="DW58" s="1057"/>
      <c r="DX58" s="1057"/>
      <c r="DY58" s="1057"/>
      <c r="DZ58" s="1058"/>
      <c r="EA58" s="233"/>
    </row>
    <row r="59" spans="1:131" ht="26.25" customHeight="1" x14ac:dyDescent="0.2">
      <c r="A59" s="241">
        <v>32</v>
      </c>
      <c r="B59" s="1094"/>
      <c r="C59" s="1095"/>
      <c r="D59" s="1095"/>
      <c r="E59" s="1095"/>
      <c r="F59" s="1095"/>
      <c r="G59" s="1095"/>
      <c r="H59" s="1095"/>
      <c r="I59" s="1095"/>
      <c r="J59" s="1095"/>
      <c r="K59" s="1095"/>
      <c r="L59" s="1095"/>
      <c r="M59" s="1095"/>
      <c r="N59" s="1095"/>
      <c r="O59" s="1095"/>
      <c r="P59" s="1096"/>
      <c r="Q59" s="1097"/>
      <c r="R59" s="1089"/>
      <c r="S59" s="1089"/>
      <c r="T59" s="1089"/>
      <c r="U59" s="1089"/>
      <c r="V59" s="1089"/>
      <c r="W59" s="1089"/>
      <c r="X59" s="1089"/>
      <c r="Y59" s="1089"/>
      <c r="Z59" s="1089"/>
      <c r="AA59" s="1089"/>
      <c r="AB59" s="1089"/>
      <c r="AC59" s="1089"/>
      <c r="AD59" s="1089"/>
      <c r="AE59" s="1098"/>
      <c r="AF59" s="1099"/>
      <c r="AG59" s="1100"/>
      <c r="AH59" s="1100"/>
      <c r="AI59" s="1100"/>
      <c r="AJ59" s="1101"/>
      <c r="AK59" s="1088"/>
      <c r="AL59" s="1089"/>
      <c r="AM59" s="1089"/>
      <c r="AN59" s="1089"/>
      <c r="AO59" s="1089"/>
      <c r="AP59" s="1089"/>
      <c r="AQ59" s="1089"/>
      <c r="AR59" s="1089"/>
      <c r="AS59" s="1089"/>
      <c r="AT59" s="1089"/>
      <c r="AU59" s="1089"/>
      <c r="AV59" s="1089"/>
      <c r="AW59" s="1089"/>
      <c r="AX59" s="1089"/>
      <c r="AY59" s="1089"/>
      <c r="AZ59" s="1090"/>
      <c r="BA59" s="1090"/>
      <c r="BB59" s="1090"/>
      <c r="BC59" s="1090"/>
      <c r="BD59" s="1090"/>
      <c r="BE59" s="1036"/>
      <c r="BF59" s="1036"/>
      <c r="BG59" s="1036"/>
      <c r="BH59" s="1036"/>
      <c r="BI59" s="1037"/>
      <c r="BJ59" s="235"/>
      <c r="BK59" s="235"/>
      <c r="BL59" s="235"/>
      <c r="BM59" s="235"/>
      <c r="BN59" s="235"/>
      <c r="BO59" s="244"/>
      <c r="BP59" s="244"/>
      <c r="BQ59" s="241">
        <v>53</v>
      </c>
      <c r="BR59" s="242"/>
      <c r="BS59" s="1056"/>
      <c r="BT59" s="1057"/>
      <c r="BU59" s="1057"/>
      <c r="BV59" s="1057"/>
      <c r="BW59" s="1057"/>
      <c r="BX59" s="1057"/>
      <c r="BY59" s="1057"/>
      <c r="BZ59" s="1057"/>
      <c r="CA59" s="1057"/>
      <c r="CB59" s="1057"/>
      <c r="CC59" s="1057"/>
      <c r="CD59" s="1057"/>
      <c r="CE59" s="1057"/>
      <c r="CF59" s="1057"/>
      <c r="CG59" s="1078"/>
      <c r="CH59" s="1053"/>
      <c r="CI59" s="1054"/>
      <c r="CJ59" s="1054"/>
      <c r="CK59" s="1054"/>
      <c r="CL59" s="1055"/>
      <c r="CM59" s="1053"/>
      <c r="CN59" s="1054"/>
      <c r="CO59" s="1054"/>
      <c r="CP59" s="1054"/>
      <c r="CQ59" s="1055"/>
      <c r="CR59" s="1053"/>
      <c r="CS59" s="1054"/>
      <c r="CT59" s="1054"/>
      <c r="CU59" s="1054"/>
      <c r="CV59" s="1055"/>
      <c r="CW59" s="1053"/>
      <c r="CX59" s="1054"/>
      <c r="CY59" s="1054"/>
      <c r="CZ59" s="1054"/>
      <c r="DA59" s="1055"/>
      <c r="DB59" s="1053"/>
      <c r="DC59" s="1054"/>
      <c r="DD59" s="1054"/>
      <c r="DE59" s="1054"/>
      <c r="DF59" s="1055"/>
      <c r="DG59" s="1053"/>
      <c r="DH59" s="1054"/>
      <c r="DI59" s="1054"/>
      <c r="DJ59" s="1054"/>
      <c r="DK59" s="1055"/>
      <c r="DL59" s="1053"/>
      <c r="DM59" s="1054"/>
      <c r="DN59" s="1054"/>
      <c r="DO59" s="1054"/>
      <c r="DP59" s="1055"/>
      <c r="DQ59" s="1053"/>
      <c r="DR59" s="1054"/>
      <c r="DS59" s="1054"/>
      <c r="DT59" s="1054"/>
      <c r="DU59" s="1055"/>
      <c r="DV59" s="1056"/>
      <c r="DW59" s="1057"/>
      <c r="DX59" s="1057"/>
      <c r="DY59" s="1057"/>
      <c r="DZ59" s="1058"/>
      <c r="EA59" s="233"/>
    </row>
    <row r="60" spans="1:131" ht="26.25" customHeight="1" x14ac:dyDescent="0.2">
      <c r="A60" s="241">
        <v>33</v>
      </c>
      <c r="B60" s="1094"/>
      <c r="C60" s="1095"/>
      <c r="D60" s="1095"/>
      <c r="E60" s="1095"/>
      <c r="F60" s="1095"/>
      <c r="G60" s="1095"/>
      <c r="H60" s="1095"/>
      <c r="I60" s="1095"/>
      <c r="J60" s="1095"/>
      <c r="K60" s="1095"/>
      <c r="L60" s="1095"/>
      <c r="M60" s="1095"/>
      <c r="N60" s="1095"/>
      <c r="O60" s="1095"/>
      <c r="P60" s="1096"/>
      <c r="Q60" s="1097"/>
      <c r="R60" s="1089"/>
      <c r="S60" s="1089"/>
      <c r="T60" s="1089"/>
      <c r="U60" s="1089"/>
      <c r="V60" s="1089"/>
      <c r="W60" s="1089"/>
      <c r="X60" s="1089"/>
      <c r="Y60" s="1089"/>
      <c r="Z60" s="1089"/>
      <c r="AA60" s="1089"/>
      <c r="AB60" s="1089"/>
      <c r="AC60" s="1089"/>
      <c r="AD60" s="1089"/>
      <c r="AE60" s="1098"/>
      <c r="AF60" s="1099"/>
      <c r="AG60" s="1100"/>
      <c r="AH60" s="1100"/>
      <c r="AI60" s="1100"/>
      <c r="AJ60" s="1101"/>
      <c r="AK60" s="1088"/>
      <c r="AL60" s="1089"/>
      <c r="AM60" s="1089"/>
      <c r="AN60" s="1089"/>
      <c r="AO60" s="1089"/>
      <c r="AP60" s="1089"/>
      <c r="AQ60" s="1089"/>
      <c r="AR60" s="1089"/>
      <c r="AS60" s="1089"/>
      <c r="AT60" s="1089"/>
      <c r="AU60" s="1089"/>
      <c r="AV60" s="1089"/>
      <c r="AW60" s="1089"/>
      <c r="AX60" s="1089"/>
      <c r="AY60" s="1089"/>
      <c r="AZ60" s="1090"/>
      <c r="BA60" s="1090"/>
      <c r="BB60" s="1090"/>
      <c r="BC60" s="1090"/>
      <c r="BD60" s="1090"/>
      <c r="BE60" s="1036"/>
      <c r="BF60" s="1036"/>
      <c r="BG60" s="1036"/>
      <c r="BH60" s="1036"/>
      <c r="BI60" s="1037"/>
      <c r="BJ60" s="235"/>
      <c r="BK60" s="235"/>
      <c r="BL60" s="235"/>
      <c r="BM60" s="235"/>
      <c r="BN60" s="235"/>
      <c r="BO60" s="244"/>
      <c r="BP60" s="244"/>
      <c r="BQ60" s="241">
        <v>54</v>
      </c>
      <c r="BR60" s="242"/>
      <c r="BS60" s="1056"/>
      <c r="BT60" s="1057"/>
      <c r="BU60" s="1057"/>
      <c r="BV60" s="1057"/>
      <c r="BW60" s="1057"/>
      <c r="BX60" s="1057"/>
      <c r="BY60" s="1057"/>
      <c r="BZ60" s="1057"/>
      <c r="CA60" s="1057"/>
      <c r="CB60" s="1057"/>
      <c r="CC60" s="1057"/>
      <c r="CD60" s="1057"/>
      <c r="CE60" s="1057"/>
      <c r="CF60" s="1057"/>
      <c r="CG60" s="1078"/>
      <c r="CH60" s="1053"/>
      <c r="CI60" s="1054"/>
      <c r="CJ60" s="1054"/>
      <c r="CK60" s="1054"/>
      <c r="CL60" s="1055"/>
      <c r="CM60" s="1053"/>
      <c r="CN60" s="1054"/>
      <c r="CO60" s="1054"/>
      <c r="CP60" s="1054"/>
      <c r="CQ60" s="1055"/>
      <c r="CR60" s="1053"/>
      <c r="CS60" s="1054"/>
      <c r="CT60" s="1054"/>
      <c r="CU60" s="1054"/>
      <c r="CV60" s="1055"/>
      <c r="CW60" s="1053"/>
      <c r="CX60" s="1054"/>
      <c r="CY60" s="1054"/>
      <c r="CZ60" s="1054"/>
      <c r="DA60" s="1055"/>
      <c r="DB60" s="1053"/>
      <c r="DC60" s="1054"/>
      <c r="DD60" s="1054"/>
      <c r="DE60" s="1054"/>
      <c r="DF60" s="1055"/>
      <c r="DG60" s="1053"/>
      <c r="DH60" s="1054"/>
      <c r="DI60" s="1054"/>
      <c r="DJ60" s="1054"/>
      <c r="DK60" s="1055"/>
      <c r="DL60" s="1053"/>
      <c r="DM60" s="1054"/>
      <c r="DN60" s="1054"/>
      <c r="DO60" s="1054"/>
      <c r="DP60" s="1055"/>
      <c r="DQ60" s="1053"/>
      <c r="DR60" s="1054"/>
      <c r="DS60" s="1054"/>
      <c r="DT60" s="1054"/>
      <c r="DU60" s="1055"/>
      <c r="DV60" s="1056"/>
      <c r="DW60" s="1057"/>
      <c r="DX60" s="1057"/>
      <c r="DY60" s="1057"/>
      <c r="DZ60" s="1058"/>
      <c r="EA60" s="233"/>
    </row>
    <row r="61" spans="1:131" ht="26.25" customHeight="1" thickBot="1" x14ac:dyDescent="0.25">
      <c r="A61" s="241">
        <v>34</v>
      </c>
      <c r="B61" s="1094"/>
      <c r="C61" s="1095"/>
      <c r="D61" s="1095"/>
      <c r="E61" s="1095"/>
      <c r="F61" s="1095"/>
      <c r="G61" s="1095"/>
      <c r="H61" s="1095"/>
      <c r="I61" s="1095"/>
      <c r="J61" s="1095"/>
      <c r="K61" s="1095"/>
      <c r="L61" s="1095"/>
      <c r="M61" s="1095"/>
      <c r="N61" s="1095"/>
      <c r="O61" s="1095"/>
      <c r="P61" s="1096"/>
      <c r="Q61" s="1097"/>
      <c r="R61" s="1089"/>
      <c r="S61" s="1089"/>
      <c r="T61" s="1089"/>
      <c r="U61" s="1089"/>
      <c r="V61" s="1089"/>
      <c r="W61" s="1089"/>
      <c r="X61" s="1089"/>
      <c r="Y61" s="1089"/>
      <c r="Z61" s="1089"/>
      <c r="AA61" s="1089"/>
      <c r="AB61" s="1089"/>
      <c r="AC61" s="1089"/>
      <c r="AD61" s="1089"/>
      <c r="AE61" s="1098"/>
      <c r="AF61" s="1099"/>
      <c r="AG61" s="1100"/>
      <c r="AH61" s="1100"/>
      <c r="AI61" s="1100"/>
      <c r="AJ61" s="1101"/>
      <c r="AK61" s="1088"/>
      <c r="AL61" s="1089"/>
      <c r="AM61" s="1089"/>
      <c r="AN61" s="1089"/>
      <c r="AO61" s="1089"/>
      <c r="AP61" s="1089"/>
      <c r="AQ61" s="1089"/>
      <c r="AR61" s="1089"/>
      <c r="AS61" s="1089"/>
      <c r="AT61" s="1089"/>
      <c r="AU61" s="1089"/>
      <c r="AV61" s="1089"/>
      <c r="AW61" s="1089"/>
      <c r="AX61" s="1089"/>
      <c r="AY61" s="1089"/>
      <c r="AZ61" s="1090"/>
      <c r="BA61" s="1090"/>
      <c r="BB61" s="1090"/>
      <c r="BC61" s="1090"/>
      <c r="BD61" s="1090"/>
      <c r="BE61" s="1036"/>
      <c r="BF61" s="1036"/>
      <c r="BG61" s="1036"/>
      <c r="BH61" s="1036"/>
      <c r="BI61" s="1037"/>
      <c r="BJ61" s="235"/>
      <c r="BK61" s="235"/>
      <c r="BL61" s="235"/>
      <c r="BM61" s="235"/>
      <c r="BN61" s="235"/>
      <c r="BO61" s="244"/>
      <c r="BP61" s="244"/>
      <c r="BQ61" s="241">
        <v>55</v>
      </c>
      <c r="BR61" s="242"/>
      <c r="BS61" s="1056"/>
      <c r="BT61" s="1057"/>
      <c r="BU61" s="1057"/>
      <c r="BV61" s="1057"/>
      <c r="BW61" s="1057"/>
      <c r="BX61" s="1057"/>
      <c r="BY61" s="1057"/>
      <c r="BZ61" s="1057"/>
      <c r="CA61" s="1057"/>
      <c r="CB61" s="1057"/>
      <c r="CC61" s="1057"/>
      <c r="CD61" s="1057"/>
      <c r="CE61" s="1057"/>
      <c r="CF61" s="1057"/>
      <c r="CG61" s="1078"/>
      <c r="CH61" s="1053"/>
      <c r="CI61" s="1054"/>
      <c r="CJ61" s="1054"/>
      <c r="CK61" s="1054"/>
      <c r="CL61" s="1055"/>
      <c r="CM61" s="1053"/>
      <c r="CN61" s="1054"/>
      <c r="CO61" s="1054"/>
      <c r="CP61" s="1054"/>
      <c r="CQ61" s="1055"/>
      <c r="CR61" s="1053"/>
      <c r="CS61" s="1054"/>
      <c r="CT61" s="1054"/>
      <c r="CU61" s="1054"/>
      <c r="CV61" s="1055"/>
      <c r="CW61" s="1053"/>
      <c r="CX61" s="1054"/>
      <c r="CY61" s="1054"/>
      <c r="CZ61" s="1054"/>
      <c r="DA61" s="1055"/>
      <c r="DB61" s="1053"/>
      <c r="DC61" s="1054"/>
      <c r="DD61" s="1054"/>
      <c r="DE61" s="1054"/>
      <c r="DF61" s="1055"/>
      <c r="DG61" s="1053"/>
      <c r="DH61" s="1054"/>
      <c r="DI61" s="1054"/>
      <c r="DJ61" s="1054"/>
      <c r="DK61" s="1055"/>
      <c r="DL61" s="1053"/>
      <c r="DM61" s="1054"/>
      <c r="DN61" s="1054"/>
      <c r="DO61" s="1054"/>
      <c r="DP61" s="1055"/>
      <c r="DQ61" s="1053"/>
      <c r="DR61" s="1054"/>
      <c r="DS61" s="1054"/>
      <c r="DT61" s="1054"/>
      <c r="DU61" s="1055"/>
      <c r="DV61" s="1056"/>
      <c r="DW61" s="1057"/>
      <c r="DX61" s="1057"/>
      <c r="DY61" s="1057"/>
      <c r="DZ61" s="1058"/>
      <c r="EA61" s="233"/>
    </row>
    <row r="62" spans="1:131" ht="26.25" customHeight="1" x14ac:dyDescent="0.2">
      <c r="A62" s="241">
        <v>35</v>
      </c>
      <c r="B62" s="1094"/>
      <c r="C62" s="1095"/>
      <c r="D62" s="1095"/>
      <c r="E62" s="1095"/>
      <c r="F62" s="1095"/>
      <c r="G62" s="1095"/>
      <c r="H62" s="1095"/>
      <c r="I62" s="1095"/>
      <c r="J62" s="1095"/>
      <c r="K62" s="1095"/>
      <c r="L62" s="1095"/>
      <c r="M62" s="1095"/>
      <c r="N62" s="1095"/>
      <c r="O62" s="1095"/>
      <c r="P62" s="1096"/>
      <c r="Q62" s="1097"/>
      <c r="R62" s="1089"/>
      <c r="S62" s="1089"/>
      <c r="T62" s="1089"/>
      <c r="U62" s="1089"/>
      <c r="V62" s="1089"/>
      <c r="W62" s="1089"/>
      <c r="X62" s="1089"/>
      <c r="Y62" s="1089"/>
      <c r="Z62" s="1089"/>
      <c r="AA62" s="1089"/>
      <c r="AB62" s="1089"/>
      <c r="AC62" s="1089"/>
      <c r="AD62" s="1089"/>
      <c r="AE62" s="1098"/>
      <c r="AF62" s="1099"/>
      <c r="AG62" s="1100"/>
      <c r="AH62" s="1100"/>
      <c r="AI62" s="1100"/>
      <c r="AJ62" s="1101"/>
      <c r="AK62" s="1088"/>
      <c r="AL62" s="1089"/>
      <c r="AM62" s="1089"/>
      <c r="AN62" s="1089"/>
      <c r="AO62" s="1089"/>
      <c r="AP62" s="1089"/>
      <c r="AQ62" s="1089"/>
      <c r="AR62" s="1089"/>
      <c r="AS62" s="1089"/>
      <c r="AT62" s="1089"/>
      <c r="AU62" s="1089"/>
      <c r="AV62" s="1089"/>
      <c r="AW62" s="1089"/>
      <c r="AX62" s="1089"/>
      <c r="AY62" s="1089"/>
      <c r="AZ62" s="1090"/>
      <c r="BA62" s="1090"/>
      <c r="BB62" s="1090"/>
      <c r="BC62" s="1090"/>
      <c r="BD62" s="1090"/>
      <c r="BE62" s="1036"/>
      <c r="BF62" s="1036"/>
      <c r="BG62" s="1036"/>
      <c r="BH62" s="1036"/>
      <c r="BI62" s="1037"/>
      <c r="BJ62" s="1091" t="s">
        <v>431</v>
      </c>
      <c r="BK62" s="1092"/>
      <c r="BL62" s="1092"/>
      <c r="BM62" s="1092"/>
      <c r="BN62" s="1093"/>
      <c r="BO62" s="244"/>
      <c r="BP62" s="244"/>
      <c r="BQ62" s="241">
        <v>56</v>
      </c>
      <c r="BR62" s="242"/>
      <c r="BS62" s="1056"/>
      <c r="BT62" s="1057"/>
      <c r="BU62" s="1057"/>
      <c r="BV62" s="1057"/>
      <c r="BW62" s="1057"/>
      <c r="BX62" s="1057"/>
      <c r="BY62" s="1057"/>
      <c r="BZ62" s="1057"/>
      <c r="CA62" s="1057"/>
      <c r="CB62" s="1057"/>
      <c r="CC62" s="1057"/>
      <c r="CD62" s="1057"/>
      <c r="CE62" s="1057"/>
      <c r="CF62" s="1057"/>
      <c r="CG62" s="1078"/>
      <c r="CH62" s="1053"/>
      <c r="CI62" s="1054"/>
      <c r="CJ62" s="1054"/>
      <c r="CK62" s="1054"/>
      <c r="CL62" s="1055"/>
      <c r="CM62" s="1053"/>
      <c r="CN62" s="1054"/>
      <c r="CO62" s="1054"/>
      <c r="CP62" s="1054"/>
      <c r="CQ62" s="1055"/>
      <c r="CR62" s="1053"/>
      <c r="CS62" s="1054"/>
      <c r="CT62" s="1054"/>
      <c r="CU62" s="1054"/>
      <c r="CV62" s="1055"/>
      <c r="CW62" s="1053"/>
      <c r="CX62" s="1054"/>
      <c r="CY62" s="1054"/>
      <c r="CZ62" s="1054"/>
      <c r="DA62" s="1055"/>
      <c r="DB62" s="1053"/>
      <c r="DC62" s="1054"/>
      <c r="DD62" s="1054"/>
      <c r="DE62" s="1054"/>
      <c r="DF62" s="1055"/>
      <c r="DG62" s="1053"/>
      <c r="DH62" s="1054"/>
      <c r="DI62" s="1054"/>
      <c r="DJ62" s="1054"/>
      <c r="DK62" s="1055"/>
      <c r="DL62" s="1053"/>
      <c r="DM62" s="1054"/>
      <c r="DN62" s="1054"/>
      <c r="DO62" s="1054"/>
      <c r="DP62" s="1055"/>
      <c r="DQ62" s="1053"/>
      <c r="DR62" s="1054"/>
      <c r="DS62" s="1054"/>
      <c r="DT62" s="1054"/>
      <c r="DU62" s="1055"/>
      <c r="DV62" s="1056"/>
      <c r="DW62" s="1057"/>
      <c r="DX62" s="1057"/>
      <c r="DY62" s="1057"/>
      <c r="DZ62" s="1058"/>
      <c r="EA62" s="233"/>
    </row>
    <row r="63" spans="1:131" ht="26.25" customHeight="1" thickBot="1" x14ac:dyDescent="0.25">
      <c r="A63" s="243" t="s">
        <v>398</v>
      </c>
      <c r="B63" s="1001" t="s">
        <v>432</v>
      </c>
      <c r="C63" s="1002"/>
      <c r="D63" s="1002"/>
      <c r="E63" s="1002"/>
      <c r="F63" s="1002"/>
      <c r="G63" s="1002"/>
      <c r="H63" s="1002"/>
      <c r="I63" s="1002"/>
      <c r="J63" s="1002"/>
      <c r="K63" s="1002"/>
      <c r="L63" s="1002"/>
      <c r="M63" s="1002"/>
      <c r="N63" s="1002"/>
      <c r="O63" s="1002"/>
      <c r="P63" s="1012"/>
      <c r="Q63" s="1026"/>
      <c r="R63" s="1027"/>
      <c r="S63" s="1027"/>
      <c r="T63" s="1027"/>
      <c r="U63" s="1027"/>
      <c r="V63" s="1027"/>
      <c r="W63" s="1027"/>
      <c r="X63" s="1027"/>
      <c r="Y63" s="1027"/>
      <c r="Z63" s="1027"/>
      <c r="AA63" s="1027"/>
      <c r="AB63" s="1027"/>
      <c r="AC63" s="1027"/>
      <c r="AD63" s="1027"/>
      <c r="AE63" s="1084"/>
      <c r="AF63" s="1085">
        <v>114782</v>
      </c>
      <c r="AG63" s="1023"/>
      <c r="AH63" s="1023"/>
      <c r="AI63" s="1023"/>
      <c r="AJ63" s="1086"/>
      <c r="AK63" s="1087"/>
      <c r="AL63" s="1027"/>
      <c r="AM63" s="1027"/>
      <c r="AN63" s="1027"/>
      <c r="AO63" s="1027"/>
      <c r="AP63" s="1023"/>
      <c r="AQ63" s="1023"/>
      <c r="AR63" s="1023"/>
      <c r="AS63" s="1023"/>
      <c r="AT63" s="1023"/>
      <c r="AU63" s="1023"/>
      <c r="AV63" s="1023"/>
      <c r="AW63" s="1023"/>
      <c r="AX63" s="1023"/>
      <c r="AY63" s="1023"/>
      <c r="AZ63" s="1081"/>
      <c r="BA63" s="1081"/>
      <c r="BB63" s="1081"/>
      <c r="BC63" s="1081"/>
      <c r="BD63" s="1081"/>
      <c r="BE63" s="1024"/>
      <c r="BF63" s="1024"/>
      <c r="BG63" s="1024"/>
      <c r="BH63" s="1024"/>
      <c r="BI63" s="1025"/>
      <c r="BJ63" s="1082" t="s">
        <v>129</v>
      </c>
      <c r="BK63" s="1017"/>
      <c r="BL63" s="1017"/>
      <c r="BM63" s="1017"/>
      <c r="BN63" s="1083"/>
      <c r="BO63" s="244"/>
      <c r="BP63" s="244"/>
      <c r="BQ63" s="241">
        <v>57</v>
      </c>
      <c r="BR63" s="242"/>
      <c r="BS63" s="1056"/>
      <c r="BT63" s="1057"/>
      <c r="BU63" s="1057"/>
      <c r="BV63" s="1057"/>
      <c r="BW63" s="1057"/>
      <c r="BX63" s="1057"/>
      <c r="BY63" s="1057"/>
      <c r="BZ63" s="1057"/>
      <c r="CA63" s="1057"/>
      <c r="CB63" s="1057"/>
      <c r="CC63" s="1057"/>
      <c r="CD63" s="1057"/>
      <c r="CE63" s="1057"/>
      <c r="CF63" s="1057"/>
      <c r="CG63" s="1078"/>
      <c r="CH63" s="1053"/>
      <c r="CI63" s="1054"/>
      <c r="CJ63" s="1054"/>
      <c r="CK63" s="1054"/>
      <c r="CL63" s="1055"/>
      <c r="CM63" s="1053"/>
      <c r="CN63" s="1054"/>
      <c r="CO63" s="1054"/>
      <c r="CP63" s="1054"/>
      <c r="CQ63" s="1055"/>
      <c r="CR63" s="1053"/>
      <c r="CS63" s="1054"/>
      <c r="CT63" s="1054"/>
      <c r="CU63" s="1054"/>
      <c r="CV63" s="1055"/>
      <c r="CW63" s="1053"/>
      <c r="CX63" s="1054"/>
      <c r="CY63" s="1054"/>
      <c r="CZ63" s="1054"/>
      <c r="DA63" s="1055"/>
      <c r="DB63" s="1053"/>
      <c r="DC63" s="1054"/>
      <c r="DD63" s="1054"/>
      <c r="DE63" s="1054"/>
      <c r="DF63" s="1055"/>
      <c r="DG63" s="1053"/>
      <c r="DH63" s="1054"/>
      <c r="DI63" s="1054"/>
      <c r="DJ63" s="1054"/>
      <c r="DK63" s="1055"/>
      <c r="DL63" s="1053"/>
      <c r="DM63" s="1054"/>
      <c r="DN63" s="1054"/>
      <c r="DO63" s="1054"/>
      <c r="DP63" s="1055"/>
      <c r="DQ63" s="1053"/>
      <c r="DR63" s="1054"/>
      <c r="DS63" s="1054"/>
      <c r="DT63" s="1054"/>
      <c r="DU63" s="1055"/>
      <c r="DV63" s="1056"/>
      <c r="DW63" s="1057"/>
      <c r="DX63" s="1057"/>
      <c r="DY63" s="1057"/>
      <c r="DZ63" s="1058"/>
      <c r="EA63" s="233"/>
    </row>
    <row r="64" spans="1:131" ht="26.25" customHeight="1" x14ac:dyDescent="0.2">
      <c r="A64" s="244"/>
      <c r="B64" s="244"/>
      <c r="C64" s="244"/>
      <c r="D64" s="244"/>
      <c r="E64" s="244"/>
      <c r="F64" s="244"/>
      <c r="G64" s="244"/>
      <c r="H64" s="244"/>
      <c r="I64" s="244"/>
      <c r="J64" s="244"/>
      <c r="K64" s="244"/>
      <c r="L64" s="244"/>
      <c r="M64" s="244"/>
      <c r="N64" s="244"/>
      <c r="O64" s="244"/>
      <c r="P64" s="244"/>
      <c r="Q64" s="244"/>
      <c r="R64" s="244"/>
      <c r="S64" s="244"/>
      <c r="T64" s="244"/>
      <c r="U64" s="244"/>
      <c r="V64" s="244"/>
      <c r="W64" s="244"/>
      <c r="X64" s="244"/>
      <c r="Y64" s="244"/>
      <c r="Z64" s="244"/>
      <c r="AA64" s="244"/>
      <c r="AB64" s="244"/>
      <c r="AC64" s="244"/>
      <c r="AD64" s="244"/>
      <c r="AE64" s="244"/>
      <c r="AF64" s="244"/>
      <c r="AG64" s="244"/>
      <c r="AH64" s="244"/>
      <c r="AI64" s="244"/>
      <c r="AJ64" s="244"/>
      <c r="AK64" s="244"/>
      <c r="AL64" s="244"/>
      <c r="AM64" s="244"/>
      <c r="AN64" s="244"/>
      <c r="AO64" s="244"/>
      <c r="AP64" s="244"/>
      <c r="AQ64" s="244"/>
      <c r="AR64" s="244"/>
      <c r="AS64" s="244"/>
      <c r="AT64" s="244"/>
      <c r="AU64" s="244"/>
      <c r="AV64" s="244"/>
      <c r="AW64" s="244"/>
      <c r="AX64" s="244"/>
      <c r="AY64" s="244"/>
      <c r="AZ64" s="244"/>
      <c r="BA64" s="244"/>
      <c r="BB64" s="244"/>
      <c r="BC64" s="244"/>
      <c r="BD64" s="244"/>
      <c r="BE64" s="244"/>
      <c r="BF64" s="244"/>
      <c r="BG64" s="244"/>
      <c r="BH64" s="244"/>
      <c r="BI64" s="244"/>
      <c r="BJ64" s="244"/>
      <c r="BK64" s="244"/>
      <c r="BL64" s="244"/>
      <c r="BM64" s="244"/>
      <c r="BN64" s="244"/>
      <c r="BO64" s="244"/>
      <c r="BP64" s="244"/>
      <c r="BQ64" s="241">
        <v>58</v>
      </c>
      <c r="BR64" s="242"/>
      <c r="BS64" s="1056"/>
      <c r="BT64" s="1057"/>
      <c r="BU64" s="1057"/>
      <c r="BV64" s="1057"/>
      <c r="BW64" s="1057"/>
      <c r="BX64" s="1057"/>
      <c r="BY64" s="1057"/>
      <c r="BZ64" s="1057"/>
      <c r="CA64" s="1057"/>
      <c r="CB64" s="1057"/>
      <c r="CC64" s="1057"/>
      <c r="CD64" s="1057"/>
      <c r="CE64" s="1057"/>
      <c r="CF64" s="1057"/>
      <c r="CG64" s="1078"/>
      <c r="CH64" s="1053"/>
      <c r="CI64" s="1054"/>
      <c r="CJ64" s="1054"/>
      <c r="CK64" s="1054"/>
      <c r="CL64" s="1055"/>
      <c r="CM64" s="1053"/>
      <c r="CN64" s="1054"/>
      <c r="CO64" s="1054"/>
      <c r="CP64" s="1054"/>
      <c r="CQ64" s="1055"/>
      <c r="CR64" s="1053"/>
      <c r="CS64" s="1054"/>
      <c r="CT64" s="1054"/>
      <c r="CU64" s="1054"/>
      <c r="CV64" s="1055"/>
      <c r="CW64" s="1053"/>
      <c r="CX64" s="1054"/>
      <c r="CY64" s="1054"/>
      <c r="CZ64" s="1054"/>
      <c r="DA64" s="1055"/>
      <c r="DB64" s="1053"/>
      <c r="DC64" s="1054"/>
      <c r="DD64" s="1054"/>
      <c r="DE64" s="1054"/>
      <c r="DF64" s="1055"/>
      <c r="DG64" s="1053"/>
      <c r="DH64" s="1054"/>
      <c r="DI64" s="1054"/>
      <c r="DJ64" s="1054"/>
      <c r="DK64" s="1055"/>
      <c r="DL64" s="1053"/>
      <c r="DM64" s="1054"/>
      <c r="DN64" s="1054"/>
      <c r="DO64" s="1054"/>
      <c r="DP64" s="1055"/>
      <c r="DQ64" s="1053"/>
      <c r="DR64" s="1054"/>
      <c r="DS64" s="1054"/>
      <c r="DT64" s="1054"/>
      <c r="DU64" s="1055"/>
      <c r="DV64" s="1056"/>
      <c r="DW64" s="1057"/>
      <c r="DX64" s="1057"/>
      <c r="DY64" s="1057"/>
      <c r="DZ64" s="1058"/>
      <c r="EA64" s="233"/>
    </row>
    <row r="65" spans="1:131" ht="26.25" customHeight="1" thickBot="1" x14ac:dyDescent="0.25">
      <c r="A65" s="235" t="s">
        <v>433</v>
      </c>
      <c r="B65" s="235"/>
      <c r="C65" s="235"/>
      <c r="D65" s="235"/>
      <c r="E65" s="235"/>
      <c r="F65" s="235"/>
      <c r="G65" s="235"/>
      <c r="H65" s="235"/>
      <c r="I65" s="235"/>
      <c r="J65" s="235"/>
      <c r="K65" s="235"/>
      <c r="L65" s="235"/>
      <c r="M65" s="235"/>
      <c r="N65" s="235"/>
      <c r="O65" s="235"/>
      <c r="P65" s="235"/>
      <c r="Q65" s="235"/>
      <c r="R65" s="235"/>
      <c r="S65" s="235"/>
      <c r="T65" s="235"/>
      <c r="U65" s="235"/>
      <c r="V65" s="235"/>
      <c r="W65" s="235"/>
      <c r="X65" s="235"/>
      <c r="Y65" s="235"/>
      <c r="Z65" s="235"/>
      <c r="AA65" s="235"/>
      <c r="AB65" s="235"/>
      <c r="AC65" s="235"/>
      <c r="AD65" s="235"/>
      <c r="AE65" s="235"/>
      <c r="AF65" s="235"/>
      <c r="AG65" s="235"/>
      <c r="AH65" s="235"/>
      <c r="AI65" s="235"/>
      <c r="AJ65" s="235"/>
      <c r="AK65" s="235"/>
      <c r="AL65" s="235"/>
      <c r="AM65" s="235"/>
      <c r="AN65" s="235"/>
      <c r="AO65" s="235"/>
      <c r="AP65" s="235"/>
      <c r="AQ65" s="235"/>
      <c r="AR65" s="235"/>
      <c r="AS65" s="235"/>
      <c r="AT65" s="235"/>
      <c r="AU65" s="235"/>
      <c r="AV65" s="235"/>
      <c r="AW65" s="235"/>
      <c r="AX65" s="235"/>
      <c r="AY65" s="235"/>
      <c r="AZ65" s="235"/>
      <c r="BA65" s="235"/>
      <c r="BB65" s="235"/>
      <c r="BC65" s="235"/>
      <c r="BD65" s="235"/>
      <c r="BE65" s="244"/>
      <c r="BF65" s="244"/>
      <c r="BG65" s="244"/>
      <c r="BH65" s="244"/>
      <c r="BI65" s="244"/>
      <c r="BJ65" s="244"/>
      <c r="BK65" s="244"/>
      <c r="BL65" s="244"/>
      <c r="BM65" s="244"/>
      <c r="BN65" s="244"/>
      <c r="BO65" s="244"/>
      <c r="BP65" s="244"/>
      <c r="BQ65" s="241">
        <v>59</v>
      </c>
      <c r="BR65" s="242"/>
      <c r="BS65" s="1056"/>
      <c r="BT65" s="1057"/>
      <c r="BU65" s="1057"/>
      <c r="BV65" s="1057"/>
      <c r="BW65" s="1057"/>
      <c r="BX65" s="1057"/>
      <c r="BY65" s="1057"/>
      <c r="BZ65" s="1057"/>
      <c r="CA65" s="1057"/>
      <c r="CB65" s="1057"/>
      <c r="CC65" s="1057"/>
      <c r="CD65" s="1057"/>
      <c r="CE65" s="1057"/>
      <c r="CF65" s="1057"/>
      <c r="CG65" s="1078"/>
      <c r="CH65" s="1053"/>
      <c r="CI65" s="1054"/>
      <c r="CJ65" s="1054"/>
      <c r="CK65" s="1054"/>
      <c r="CL65" s="1055"/>
      <c r="CM65" s="1053"/>
      <c r="CN65" s="1054"/>
      <c r="CO65" s="1054"/>
      <c r="CP65" s="1054"/>
      <c r="CQ65" s="1055"/>
      <c r="CR65" s="1053"/>
      <c r="CS65" s="1054"/>
      <c r="CT65" s="1054"/>
      <c r="CU65" s="1054"/>
      <c r="CV65" s="1055"/>
      <c r="CW65" s="1053"/>
      <c r="CX65" s="1054"/>
      <c r="CY65" s="1054"/>
      <c r="CZ65" s="1054"/>
      <c r="DA65" s="1055"/>
      <c r="DB65" s="1053"/>
      <c r="DC65" s="1054"/>
      <c r="DD65" s="1054"/>
      <c r="DE65" s="1054"/>
      <c r="DF65" s="1055"/>
      <c r="DG65" s="1053"/>
      <c r="DH65" s="1054"/>
      <c r="DI65" s="1054"/>
      <c r="DJ65" s="1054"/>
      <c r="DK65" s="1055"/>
      <c r="DL65" s="1053"/>
      <c r="DM65" s="1054"/>
      <c r="DN65" s="1054"/>
      <c r="DO65" s="1054"/>
      <c r="DP65" s="1055"/>
      <c r="DQ65" s="1053"/>
      <c r="DR65" s="1054"/>
      <c r="DS65" s="1054"/>
      <c r="DT65" s="1054"/>
      <c r="DU65" s="1055"/>
      <c r="DV65" s="1056"/>
      <c r="DW65" s="1057"/>
      <c r="DX65" s="1057"/>
      <c r="DY65" s="1057"/>
      <c r="DZ65" s="1058"/>
      <c r="EA65" s="233"/>
    </row>
    <row r="66" spans="1:131" ht="26.25" customHeight="1" x14ac:dyDescent="0.2">
      <c r="A66" s="1059" t="s">
        <v>434</v>
      </c>
      <c r="B66" s="1060"/>
      <c r="C66" s="1060"/>
      <c r="D66" s="1060"/>
      <c r="E66" s="1060"/>
      <c r="F66" s="1060"/>
      <c r="G66" s="1060"/>
      <c r="H66" s="1060"/>
      <c r="I66" s="1060"/>
      <c r="J66" s="1060"/>
      <c r="K66" s="1060"/>
      <c r="L66" s="1060"/>
      <c r="M66" s="1060"/>
      <c r="N66" s="1060"/>
      <c r="O66" s="1060"/>
      <c r="P66" s="1061"/>
      <c r="Q66" s="1065" t="s">
        <v>435</v>
      </c>
      <c r="R66" s="1066"/>
      <c r="S66" s="1066"/>
      <c r="T66" s="1066"/>
      <c r="U66" s="1067"/>
      <c r="V66" s="1065" t="s">
        <v>436</v>
      </c>
      <c r="W66" s="1066"/>
      <c r="X66" s="1066"/>
      <c r="Y66" s="1066"/>
      <c r="Z66" s="1067"/>
      <c r="AA66" s="1065" t="s">
        <v>437</v>
      </c>
      <c r="AB66" s="1066"/>
      <c r="AC66" s="1066"/>
      <c r="AD66" s="1066"/>
      <c r="AE66" s="1067"/>
      <c r="AF66" s="1071" t="s">
        <v>438</v>
      </c>
      <c r="AG66" s="1072"/>
      <c r="AH66" s="1072"/>
      <c r="AI66" s="1072"/>
      <c r="AJ66" s="1073"/>
      <c r="AK66" s="1065" t="s">
        <v>407</v>
      </c>
      <c r="AL66" s="1060"/>
      <c r="AM66" s="1060"/>
      <c r="AN66" s="1060"/>
      <c r="AO66" s="1061"/>
      <c r="AP66" s="1065" t="s">
        <v>408</v>
      </c>
      <c r="AQ66" s="1066"/>
      <c r="AR66" s="1066"/>
      <c r="AS66" s="1066"/>
      <c r="AT66" s="1067"/>
      <c r="AU66" s="1065" t="s">
        <v>439</v>
      </c>
      <c r="AV66" s="1066"/>
      <c r="AW66" s="1066"/>
      <c r="AX66" s="1066"/>
      <c r="AY66" s="1067"/>
      <c r="AZ66" s="1065" t="s">
        <v>376</v>
      </c>
      <c r="BA66" s="1066"/>
      <c r="BB66" s="1066"/>
      <c r="BC66" s="1066"/>
      <c r="BD66" s="1079"/>
      <c r="BE66" s="244"/>
      <c r="BF66" s="244"/>
      <c r="BG66" s="244"/>
      <c r="BH66" s="244"/>
      <c r="BI66" s="244"/>
      <c r="BJ66" s="244"/>
      <c r="BK66" s="244"/>
      <c r="BL66" s="244"/>
      <c r="BM66" s="244"/>
      <c r="BN66" s="244"/>
      <c r="BO66" s="244"/>
      <c r="BP66" s="244"/>
      <c r="BQ66" s="241">
        <v>60</v>
      </c>
      <c r="BR66" s="246"/>
      <c r="BS66" s="1009"/>
      <c r="BT66" s="1010"/>
      <c r="BU66" s="1010"/>
      <c r="BV66" s="1010"/>
      <c r="BW66" s="1010"/>
      <c r="BX66" s="1010"/>
      <c r="BY66" s="1010"/>
      <c r="BZ66" s="1010"/>
      <c r="CA66" s="1010"/>
      <c r="CB66" s="1010"/>
      <c r="CC66" s="1010"/>
      <c r="CD66" s="1010"/>
      <c r="CE66" s="1010"/>
      <c r="CF66" s="1010"/>
      <c r="CG66" s="1019"/>
      <c r="CH66" s="1020"/>
      <c r="CI66" s="1021"/>
      <c r="CJ66" s="1021"/>
      <c r="CK66" s="1021"/>
      <c r="CL66" s="1022"/>
      <c r="CM66" s="1020"/>
      <c r="CN66" s="1021"/>
      <c r="CO66" s="1021"/>
      <c r="CP66" s="1021"/>
      <c r="CQ66" s="1022"/>
      <c r="CR66" s="1020"/>
      <c r="CS66" s="1021"/>
      <c r="CT66" s="1021"/>
      <c r="CU66" s="1021"/>
      <c r="CV66" s="1022"/>
      <c r="CW66" s="1020"/>
      <c r="CX66" s="1021"/>
      <c r="CY66" s="1021"/>
      <c r="CZ66" s="1021"/>
      <c r="DA66" s="1022"/>
      <c r="DB66" s="1020"/>
      <c r="DC66" s="1021"/>
      <c r="DD66" s="1021"/>
      <c r="DE66" s="1021"/>
      <c r="DF66" s="1022"/>
      <c r="DG66" s="1020"/>
      <c r="DH66" s="1021"/>
      <c r="DI66" s="1021"/>
      <c r="DJ66" s="1021"/>
      <c r="DK66" s="1022"/>
      <c r="DL66" s="1020"/>
      <c r="DM66" s="1021"/>
      <c r="DN66" s="1021"/>
      <c r="DO66" s="1021"/>
      <c r="DP66" s="1022"/>
      <c r="DQ66" s="1020"/>
      <c r="DR66" s="1021"/>
      <c r="DS66" s="1021"/>
      <c r="DT66" s="1021"/>
      <c r="DU66" s="1022"/>
      <c r="DV66" s="1009"/>
      <c r="DW66" s="1010"/>
      <c r="DX66" s="1010"/>
      <c r="DY66" s="1010"/>
      <c r="DZ66" s="1011"/>
      <c r="EA66" s="233"/>
    </row>
    <row r="67" spans="1:131" ht="26.25" customHeight="1" thickBot="1" x14ac:dyDescent="0.25">
      <c r="A67" s="1062"/>
      <c r="B67" s="1063"/>
      <c r="C67" s="1063"/>
      <c r="D67" s="1063"/>
      <c r="E67" s="1063"/>
      <c r="F67" s="1063"/>
      <c r="G67" s="1063"/>
      <c r="H67" s="1063"/>
      <c r="I67" s="1063"/>
      <c r="J67" s="1063"/>
      <c r="K67" s="1063"/>
      <c r="L67" s="1063"/>
      <c r="M67" s="1063"/>
      <c r="N67" s="1063"/>
      <c r="O67" s="1063"/>
      <c r="P67" s="1064"/>
      <c r="Q67" s="1068"/>
      <c r="R67" s="1069"/>
      <c r="S67" s="1069"/>
      <c r="T67" s="1069"/>
      <c r="U67" s="1070"/>
      <c r="V67" s="1068"/>
      <c r="W67" s="1069"/>
      <c r="X67" s="1069"/>
      <c r="Y67" s="1069"/>
      <c r="Z67" s="1070"/>
      <c r="AA67" s="1068"/>
      <c r="AB67" s="1069"/>
      <c r="AC67" s="1069"/>
      <c r="AD67" s="1069"/>
      <c r="AE67" s="1070"/>
      <c r="AF67" s="1074"/>
      <c r="AG67" s="1075"/>
      <c r="AH67" s="1075"/>
      <c r="AI67" s="1075"/>
      <c r="AJ67" s="1076"/>
      <c r="AK67" s="1077"/>
      <c r="AL67" s="1063"/>
      <c r="AM67" s="1063"/>
      <c r="AN67" s="1063"/>
      <c r="AO67" s="1064"/>
      <c r="AP67" s="1068"/>
      <c r="AQ67" s="1069"/>
      <c r="AR67" s="1069"/>
      <c r="AS67" s="1069"/>
      <c r="AT67" s="1070"/>
      <c r="AU67" s="1068"/>
      <c r="AV67" s="1069"/>
      <c r="AW67" s="1069"/>
      <c r="AX67" s="1069"/>
      <c r="AY67" s="1070"/>
      <c r="AZ67" s="1068"/>
      <c r="BA67" s="1069"/>
      <c r="BB67" s="1069"/>
      <c r="BC67" s="1069"/>
      <c r="BD67" s="1080"/>
      <c r="BE67" s="244"/>
      <c r="BF67" s="244"/>
      <c r="BG67" s="244"/>
      <c r="BH67" s="244"/>
      <c r="BI67" s="244"/>
      <c r="BJ67" s="244"/>
      <c r="BK67" s="244"/>
      <c r="BL67" s="244"/>
      <c r="BM67" s="244"/>
      <c r="BN67" s="244"/>
      <c r="BO67" s="244"/>
      <c r="BP67" s="244"/>
      <c r="BQ67" s="241">
        <v>61</v>
      </c>
      <c r="BR67" s="246"/>
      <c r="BS67" s="1009"/>
      <c r="BT67" s="1010"/>
      <c r="BU67" s="1010"/>
      <c r="BV67" s="1010"/>
      <c r="BW67" s="1010"/>
      <c r="BX67" s="1010"/>
      <c r="BY67" s="1010"/>
      <c r="BZ67" s="1010"/>
      <c r="CA67" s="1010"/>
      <c r="CB67" s="1010"/>
      <c r="CC67" s="1010"/>
      <c r="CD67" s="1010"/>
      <c r="CE67" s="1010"/>
      <c r="CF67" s="1010"/>
      <c r="CG67" s="1019"/>
      <c r="CH67" s="1020"/>
      <c r="CI67" s="1021"/>
      <c r="CJ67" s="1021"/>
      <c r="CK67" s="1021"/>
      <c r="CL67" s="1022"/>
      <c r="CM67" s="1020"/>
      <c r="CN67" s="1021"/>
      <c r="CO67" s="1021"/>
      <c r="CP67" s="1021"/>
      <c r="CQ67" s="1022"/>
      <c r="CR67" s="1020"/>
      <c r="CS67" s="1021"/>
      <c r="CT67" s="1021"/>
      <c r="CU67" s="1021"/>
      <c r="CV67" s="1022"/>
      <c r="CW67" s="1020"/>
      <c r="CX67" s="1021"/>
      <c r="CY67" s="1021"/>
      <c r="CZ67" s="1021"/>
      <c r="DA67" s="1022"/>
      <c r="DB67" s="1020"/>
      <c r="DC67" s="1021"/>
      <c r="DD67" s="1021"/>
      <c r="DE67" s="1021"/>
      <c r="DF67" s="1022"/>
      <c r="DG67" s="1020"/>
      <c r="DH67" s="1021"/>
      <c r="DI67" s="1021"/>
      <c r="DJ67" s="1021"/>
      <c r="DK67" s="1022"/>
      <c r="DL67" s="1020"/>
      <c r="DM67" s="1021"/>
      <c r="DN67" s="1021"/>
      <c r="DO67" s="1021"/>
      <c r="DP67" s="1022"/>
      <c r="DQ67" s="1020"/>
      <c r="DR67" s="1021"/>
      <c r="DS67" s="1021"/>
      <c r="DT67" s="1021"/>
      <c r="DU67" s="1022"/>
      <c r="DV67" s="1009"/>
      <c r="DW67" s="1010"/>
      <c r="DX67" s="1010"/>
      <c r="DY67" s="1010"/>
      <c r="DZ67" s="1011"/>
      <c r="EA67" s="233"/>
    </row>
    <row r="68" spans="1:131" ht="26.25" customHeight="1" thickTop="1" x14ac:dyDescent="0.2">
      <c r="A68" s="239">
        <v>1</v>
      </c>
      <c r="B68" s="1049" t="s">
        <v>602</v>
      </c>
      <c r="C68" s="1050"/>
      <c r="D68" s="1050"/>
      <c r="E68" s="1050"/>
      <c r="F68" s="1050"/>
      <c r="G68" s="1050"/>
      <c r="H68" s="1050"/>
      <c r="I68" s="1050"/>
      <c r="J68" s="1050"/>
      <c r="K68" s="1050"/>
      <c r="L68" s="1050"/>
      <c r="M68" s="1050"/>
      <c r="N68" s="1050"/>
      <c r="O68" s="1050"/>
      <c r="P68" s="1051"/>
      <c r="Q68" s="1052">
        <v>42604</v>
      </c>
      <c r="R68" s="1046"/>
      <c r="S68" s="1046"/>
      <c r="T68" s="1046"/>
      <c r="U68" s="1046"/>
      <c r="V68" s="1046">
        <v>36567</v>
      </c>
      <c r="W68" s="1046"/>
      <c r="X68" s="1046"/>
      <c r="Y68" s="1046"/>
      <c r="Z68" s="1046"/>
      <c r="AA68" s="1046">
        <v>6037</v>
      </c>
      <c r="AB68" s="1046"/>
      <c r="AC68" s="1046"/>
      <c r="AD68" s="1046"/>
      <c r="AE68" s="1046"/>
      <c r="AF68" s="1046">
        <v>15639</v>
      </c>
      <c r="AG68" s="1046"/>
      <c r="AH68" s="1046"/>
      <c r="AI68" s="1046"/>
      <c r="AJ68" s="1046"/>
      <c r="AK68" s="1046" t="s">
        <v>532</v>
      </c>
      <c r="AL68" s="1046"/>
      <c r="AM68" s="1046"/>
      <c r="AN68" s="1046"/>
      <c r="AO68" s="1046"/>
      <c r="AP68" s="1046">
        <v>80147</v>
      </c>
      <c r="AQ68" s="1046"/>
      <c r="AR68" s="1046"/>
      <c r="AS68" s="1046"/>
      <c r="AT68" s="1046"/>
      <c r="AU68" s="1046" t="s">
        <v>532</v>
      </c>
      <c r="AV68" s="1046"/>
      <c r="AW68" s="1046"/>
      <c r="AX68" s="1046"/>
      <c r="AY68" s="1046"/>
      <c r="AZ68" s="1047"/>
      <c r="BA68" s="1047"/>
      <c r="BB68" s="1047"/>
      <c r="BC68" s="1047"/>
      <c r="BD68" s="1048"/>
      <c r="BE68" s="244"/>
      <c r="BF68" s="244"/>
      <c r="BG68" s="244"/>
      <c r="BH68" s="244"/>
      <c r="BI68" s="244"/>
      <c r="BJ68" s="244"/>
      <c r="BK68" s="244"/>
      <c r="BL68" s="244"/>
      <c r="BM68" s="244"/>
      <c r="BN68" s="244"/>
      <c r="BO68" s="244"/>
      <c r="BP68" s="244"/>
      <c r="BQ68" s="241">
        <v>62</v>
      </c>
      <c r="BR68" s="246"/>
      <c r="BS68" s="1009"/>
      <c r="BT68" s="1010"/>
      <c r="BU68" s="1010"/>
      <c r="BV68" s="1010"/>
      <c r="BW68" s="1010"/>
      <c r="BX68" s="1010"/>
      <c r="BY68" s="1010"/>
      <c r="BZ68" s="1010"/>
      <c r="CA68" s="1010"/>
      <c r="CB68" s="1010"/>
      <c r="CC68" s="1010"/>
      <c r="CD68" s="1010"/>
      <c r="CE68" s="1010"/>
      <c r="CF68" s="1010"/>
      <c r="CG68" s="1019"/>
      <c r="CH68" s="1020"/>
      <c r="CI68" s="1021"/>
      <c r="CJ68" s="1021"/>
      <c r="CK68" s="1021"/>
      <c r="CL68" s="1022"/>
      <c r="CM68" s="1020"/>
      <c r="CN68" s="1021"/>
      <c r="CO68" s="1021"/>
      <c r="CP68" s="1021"/>
      <c r="CQ68" s="1022"/>
      <c r="CR68" s="1020"/>
      <c r="CS68" s="1021"/>
      <c r="CT68" s="1021"/>
      <c r="CU68" s="1021"/>
      <c r="CV68" s="1022"/>
      <c r="CW68" s="1020"/>
      <c r="CX68" s="1021"/>
      <c r="CY68" s="1021"/>
      <c r="CZ68" s="1021"/>
      <c r="DA68" s="1022"/>
      <c r="DB68" s="1020"/>
      <c r="DC68" s="1021"/>
      <c r="DD68" s="1021"/>
      <c r="DE68" s="1021"/>
      <c r="DF68" s="1022"/>
      <c r="DG68" s="1020"/>
      <c r="DH68" s="1021"/>
      <c r="DI68" s="1021"/>
      <c r="DJ68" s="1021"/>
      <c r="DK68" s="1022"/>
      <c r="DL68" s="1020"/>
      <c r="DM68" s="1021"/>
      <c r="DN68" s="1021"/>
      <c r="DO68" s="1021"/>
      <c r="DP68" s="1022"/>
      <c r="DQ68" s="1020"/>
      <c r="DR68" s="1021"/>
      <c r="DS68" s="1021"/>
      <c r="DT68" s="1021"/>
      <c r="DU68" s="1022"/>
      <c r="DV68" s="1009"/>
      <c r="DW68" s="1010"/>
      <c r="DX68" s="1010"/>
      <c r="DY68" s="1010"/>
      <c r="DZ68" s="1011"/>
      <c r="EA68" s="233"/>
    </row>
    <row r="69" spans="1:131" ht="26.25" customHeight="1" x14ac:dyDescent="0.2">
      <c r="A69" s="241">
        <v>2</v>
      </c>
      <c r="B69" s="1038" t="s">
        <v>603</v>
      </c>
      <c r="C69" s="1039"/>
      <c r="D69" s="1039"/>
      <c r="E69" s="1039"/>
      <c r="F69" s="1039"/>
      <c r="G69" s="1039"/>
      <c r="H69" s="1039"/>
      <c r="I69" s="1039"/>
      <c r="J69" s="1039"/>
      <c r="K69" s="1039"/>
      <c r="L69" s="1039"/>
      <c r="M69" s="1039"/>
      <c r="N69" s="1039"/>
      <c r="O69" s="1039"/>
      <c r="P69" s="1040"/>
      <c r="Q69" s="1041">
        <v>4336</v>
      </c>
      <c r="R69" s="1035"/>
      <c r="S69" s="1035"/>
      <c r="T69" s="1035"/>
      <c r="U69" s="1035"/>
      <c r="V69" s="1035">
        <v>3745</v>
      </c>
      <c r="W69" s="1035"/>
      <c r="X69" s="1035"/>
      <c r="Y69" s="1035"/>
      <c r="Z69" s="1035"/>
      <c r="AA69" s="1035">
        <v>602</v>
      </c>
      <c r="AB69" s="1035"/>
      <c r="AC69" s="1035"/>
      <c r="AD69" s="1035"/>
      <c r="AE69" s="1035"/>
      <c r="AF69" s="1035">
        <v>602</v>
      </c>
      <c r="AG69" s="1035"/>
      <c r="AH69" s="1035"/>
      <c r="AI69" s="1035"/>
      <c r="AJ69" s="1035"/>
      <c r="AK69" s="1035" t="s">
        <v>532</v>
      </c>
      <c r="AL69" s="1035"/>
      <c r="AM69" s="1035"/>
      <c r="AN69" s="1035"/>
      <c r="AO69" s="1035"/>
      <c r="AP69" s="1035" t="s">
        <v>532</v>
      </c>
      <c r="AQ69" s="1035"/>
      <c r="AR69" s="1035"/>
      <c r="AS69" s="1035"/>
      <c r="AT69" s="1035"/>
      <c r="AU69" s="1035" t="s">
        <v>532</v>
      </c>
      <c r="AV69" s="1035"/>
      <c r="AW69" s="1035"/>
      <c r="AX69" s="1035"/>
      <c r="AY69" s="1035"/>
      <c r="AZ69" s="1036"/>
      <c r="BA69" s="1036"/>
      <c r="BB69" s="1036"/>
      <c r="BC69" s="1036"/>
      <c r="BD69" s="1037"/>
      <c r="BE69" s="244"/>
      <c r="BF69" s="244"/>
      <c r="BG69" s="244"/>
      <c r="BH69" s="244"/>
      <c r="BI69" s="244"/>
      <c r="BJ69" s="244"/>
      <c r="BK69" s="244"/>
      <c r="BL69" s="244"/>
      <c r="BM69" s="244"/>
      <c r="BN69" s="244"/>
      <c r="BO69" s="244"/>
      <c r="BP69" s="244"/>
      <c r="BQ69" s="241">
        <v>63</v>
      </c>
      <c r="BR69" s="246"/>
      <c r="BS69" s="1009"/>
      <c r="BT69" s="1010"/>
      <c r="BU69" s="1010"/>
      <c r="BV69" s="1010"/>
      <c r="BW69" s="1010"/>
      <c r="BX69" s="1010"/>
      <c r="BY69" s="1010"/>
      <c r="BZ69" s="1010"/>
      <c r="CA69" s="1010"/>
      <c r="CB69" s="1010"/>
      <c r="CC69" s="1010"/>
      <c r="CD69" s="1010"/>
      <c r="CE69" s="1010"/>
      <c r="CF69" s="1010"/>
      <c r="CG69" s="1019"/>
      <c r="CH69" s="1020"/>
      <c r="CI69" s="1021"/>
      <c r="CJ69" s="1021"/>
      <c r="CK69" s="1021"/>
      <c r="CL69" s="1022"/>
      <c r="CM69" s="1020"/>
      <c r="CN69" s="1021"/>
      <c r="CO69" s="1021"/>
      <c r="CP69" s="1021"/>
      <c r="CQ69" s="1022"/>
      <c r="CR69" s="1020"/>
      <c r="CS69" s="1021"/>
      <c r="CT69" s="1021"/>
      <c r="CU69" s="1021"/>
      <c r="CV69" s="1022"/>
      <c r="CW69" s="1020"/>
      <c r="CX69" s="1021"/>
      <c r="CY69" s="1021"/>
      <c r="CZ69" s="1021"/>
      <c r="DA69" s="1022"/>
      <c r="DB69" s="1020"/>
      <c r="DC69" s="1021"/>
      <c r="DD69" s="1021"/>
      <c r="DE69" s="1021"/>
      <c r="DF69" s="1022"/>
      <c r="DG69" s="1020"/>
      <c r="DH69" s="1021"/>
      <c r="DI69" s="1021"/>
      <c r="DJ69" s="1021"/>
      <c r="DK69" s="1022"/>
      <c r="DL69" s="1020"/>
      <c r="DM69" s="1021"/>
      <c r="DN69" s="1021"/>
      <c r="DO69" s="1021"/>
      <c r="DP69" s="1022"/>
      <c r="DQ69" s="1020"/>
      <c r="DR69" s="1021"/>
      <c r="DS69" s="1021"/>
      <c r="DT69" s="1021"/>
      <c r="DU69" s="1022"/>
      <c r="DV69" s="1009"/>
      <c r="DW69" s="1010"/>
      <c r="DX69" s="1010"/>
      <c r="DY69" s="1010"/>
      <c r="DZ69" s="1011"/>
      <c r="EA69" s="233"/>
    </row>
    <row r="70" spans="1:131" ht="26.25" customHeight="1" x14ac:dyDescent="0.2">
      <c r="A70" s="241">
        <v>3</v>
      </c>
      <c r="B70" s="1038" t="s">
        <v>604</v>
      </c>
      <c r="C70" s="1039"/>
      <c r="D70" s="1039"/>
      <c r="E70" s="1039"/>
      <c r="F70" s="1039"/>
      <c r="G70" s="1039"/>
      <c r="H70" s="1039"/>
      <c r="I70" s="1039"/>
      <c r="J70" s="1039"/>
      <c r="K70" s="1039"/>
      <c r="L70" s="1039"/>
      <c r="M70" s="1039"/>
      <c r="N70" s="1039"/>
      <c r="O70" s="1039"/>
      <c r="P70" s="1040"/>
      <c r="Q70" s="1041">
        <v>1008372</v>
      </c>
      <c r="R70" s="1035"/>
      <c r="S70" s="1035"/>
      <c r="T70" s="1035"/>
      <c r="U70" s="1035"/>
      <c r="V70" s="1035">
        <v>987256</v>
      </c>
      <c r="W70" s="1035"/>
      <c r="X70" s="1035"/>
      <c r="Y70" s="1035"/>
      <c r="Z70" s="1035"/>
      <c r="AA70" s="1035">
        <v>21116</v>
      </c>
      <c r="AB70" s="1035"/>
      <c r="AC70" s="1035"/>
      <c r="AD70" s="1035"/>
      <c r="AE70" s="1035"/>
      <c r="AF70" s="1035">
        <v>21116</v>
      </c>
      <c r="AG70" s="1035"/>
      <c r="AH70" s="1035"/>
      <c r="AI70" s="1035"/>
      <c r="AJ70" s="1035"/>
      <c r="AK70" s="1035">
        <v>4210</v>
      </c>
      <c r="AL70" s="1035"/>
      <c r="AM70" s="1035"/>
      <c r="AN70" s="1035"/>
      <c r="AO70" s="1035"/>
      <c r="AP70" s="1035" t="s">
        <v>532</v>
      </c>
      <c r="AQ70" s="1035"/>
      <c r="AR70" s="1035"/>
      <c r="AS70" s="1035"/>
      <c r="AT70" s="1035"/>
      <c r="AU70" s="1035" t="s">
        <v>532</v>
      </c>
      <c r="AV70" s="1035"/>
      <c r="AW70" s="1035"/>
      <c r="AX70" s="1035"/>
      <c r="AY70" s="1035"/>
      <c r="AZ70" s="1036"/>
      <c r="BA70" s="1036"/>
      <c r="BB70" s="1036"/>
      <c r="BC70" s="1036"/>
      <c r="BD70" s="1037"/>
      <c r="BE70" s="244"/>
      <c r="BF70" s="244"/>
      <c r="BG70" s="244"/>
      <c r="BH70" s="244"/>
      <c r="BI70" s="244"/>
      <c r="BJ70" s="244"/>
      <c r="BK70" s="244"/>
      <c r="BL70" s="244"/>
      <c r="BM70" s="244"/>
      <c r="BN70" s="244"/>
      <c r="BO70" s="244"/>
      <c r="BP70" s="244"/>
      <c r="BQ70" s="241">
        <v>64</v>
      </c>
      <c r="BR70" s="246"/>
      <c r="BS70" s="1009"/>
      <c r="BT70" s="1010"/>
      <c r="BU70" s="1010"/>
      <c r="BV70" s="1010"/>
      <c r="BW70" s="1010"/>
      <c r="BX70" s="1010"/>
      <c r="BY70" s="1010"/>
      <c r="BZ70" s="1010"/>
      <c r="CA70" s="1010"/>
      <c r="CB70" s="1010"/>
      <c r="CC70" s="1010"/>
      <c r="CD70" s="1010"/>
      <c r="CE70" s="1010"/>
      <c r="CF70" s="1010"/>
      <c r="CG70" s="1019"/>
      <c r="CH70" s="1020"/>
      <c r="CI70" s="1021"/>
      <c r="CJ70" s="1021"/>
      <c r="CK70" s="1021"/>
      <c r="CL70" s="1022"/>
      <c r="CM70" s="1020"/>
      <c r="CN70" s="1021"/>
      <c r="CO70" s="1021"/>
      <c r="CP70" s="1021"/>
      <c r="CQ70" s="1022"/>
      <c r="CR70" s="1020"/>
      <c r="CS70" s="1021"/>
      <c r="CT70" s="1021"/>
      <c r="CU70" s="1021"/>
      <c r="CV70" s="1022"/>
      <c r="CW70" s="1020"/>
      <c r="CX70" s="1021"/>
      <c r="CY70" s="1021"/>
      <c r="CZ70" s="1021"/>
      <c r="DA70" s="1022"/>
      <c r="DB70" s="1020"/>
      <c r="DC70" s="1021"/>
      <c r="DD70" s="1021"/>
      <c r="DE70" s="1021"/>
      <c r="DF70" s="1022"/>
      <c r="DG70" s="1020"/>
      <c r="DH70" s="1021"/>
      <c r="DI70" s="1021"/>
      <c r="DJ70" s="1021"/>
      <c r="DK70" s="1022"/>
      <c r="DL70" s="1020"/>
      <c r="DM70" s="1021"/>
      <c r="DN70" s="1021"/>
      <c r="DO70" s="1021"/>
      <c r="DP70" s="1022"/>
      <c r="DQ70" s="1020"/>
      <c r="DR70" s="1021"/>
      <c r="DS70" s="1021"/>
      <c r="DT70" s="1021"/>
      <c r="DU70" s="1022"/>
      <c r="DV70" s="1009"/>
      <c r="DW70" s="1010"/>
      <c r="DX70" s="1010"/>
      <c r="DY70" s="1010"/>
      <c r="DZ70" s="1011"/>
      <c r="EA70" s="233"/>
    </row>
    <row r="71" spans="1:131" ht="26.25" customHeight="1" x14ac:dyDescent="0.2">
      <c r="A71" s="241">
        <v>4</v>
      </c>
      <c r="B71" s="1038"/>
      <c r="C71" s="1039"/>
      <c r="D71" s="1039"/>
      <c r="E71" s="1039"/>
      <c r="F71" s="1039"/>
      <c r="G71" s="1039"/>
      <c r="H71" s="1039"/>
      <c r="I71" s="1039"/>
      <c r="J71" s="1039"/>
      <c r="K71" s="1039"/>
      <c r="L71" s="1039"/>
      <c r="M71" s="1039"/>
      <c r="N71" s="1039"/>
      <c r="O71" s="1039"/>
      <c r="P71" s="1040"/>
      <c r="Q71" s="1041"/>
      <c r="R71" s="1035"/>
      <c r="S71" s="1035"/>
      <c r="T71" s="1035"/>
      <c r="U71" s="1035"/>
      <c r="V71" s="1035"/>
      <c r="W71" s="1035"/>
      <c r="X71" s="1035"/>
      <c r="Y71" s="1035"/>
      <c r="Z71" s="1035"/>
      <c r="AA71" s="1035"/>
      <c r="AB71" s="1035"/>
      <c r="AC71" s="1035"/>
      <c r="AD71" s="1035"/>
      <c r="AE71" s="1035"/>
      <c r="AF71" s="1035"/>
      <c r="AG71" s="1035"/>
      <c r="AH71" s="1035"/>
      <c r="AI71" s="1035"/>
      <c r="AJ71" s="1035"/>
      <c r="AK71" s="1035"/>
      <c r="AL71" s="1035"/>
      <c r="AM71" s="1035"/>
      <c r="AN71" s="1035"/>
      <c r="AO71" s="1035"/>
      <c r="AP71" s="1035"/>
      <c r="AQ71" s="1035"/>
      <c r="AR71" s="1035"/>
      <c r="AS71" s="1035"/>
      <c r="AT71" s="1035"/>
      <c r="AU71" s="1035"/>
      <c r="AV71" s="1035"/>
      <c r="AW71" s="1035"/>
      <c r="AX71" s="1035"/>
      <c r="AY71" s="1035"/>
      <c r="AZ71" s="1036"/>
      <c r="BA71" s="1036"/>
      <c r="BB71" s="1036"/>
      <c r="BC71" s="1036"/>
      <c r="BD71" s="1037"/>
      <c r="BE71" s="244"/>
      <c r="BF71" s="244"/>
      <c r="BG71" s="244"/>
      <c r="BH71" s="244"/>
      <c r="BI71" s="244"/>
      <c r="BJ71" s="244"/>
      <c r="BK71" s="244"/>
      <c r="BL71" s="244"/>
      <c r="BM71" s="244"/>
      <c r="BN71" s="244"/>
      <c r="BO71" s="244"/>
      <c r="BP71" s="244"/>
      <c r="BQ71" s="241">
        <v>65</v>
      </c>
      <c r="BR71" s="246"/>
      <c r="BS71" s="1009"/>
      <c r="BT71" s="1010"/>
      <c r="BU71" s="1010"/>
      <c r="BV71" s="1010"/>
      <c r="BW71" s="1010"/>
      <c r="BX71" s="1010"/>
      <c r="BY71" s="1010"/>
      <c r="BZ71" s="1010"/>
      <c r="CA71" s="1010"/>
      <c r="CB71" s="1010"/>
      <c r="CC71" s="1010"/>
      <c r="CD71" s="1010"/>
      <c r="CE71" s="1010"/>
      <c r="CF71" s="1010"/>
      <c r="CG71" s="1019"/>
      <c r="CH71" s="1020"/>
      <c r="CI71" s="1021"/>
      <c r="CJ71" s="1021"/>
      <c r="CK71" s="1021"/>
      <c r="CL71" s="1022"/>
      <c r="CM71" s="1020"/>
      <c r="CN71" s="1021"/>
      <c r="CO71" s="1021"/>
      <c r="CP71" s="1021"/>
      <c r="CQ71" s="1022"/>
      <c r="CR71" s="1020"/>
      <c r="CS71" s="1021"/>
      <c r="CT71" s="1021"/>
      <c r="CU71" s="1021"/>
      <c r="CV71" s="1022"/>
      <c r="CW71" s="1020"/>
      <c r="CX71" s="1021"/>
      <c r="CY71" s="1021"/>
      <c r="CZ71" s="1021"/>
      <c r="DA71" s="1022"/>
      <c r="DB71" s="1020"/>
      <c r="DC71" s="1021"/>
      <c r="DD71" s="1021"/>
      <c r="DE71" s="1021"/>
      <c r="DF71" s="1022"/>
      <c r="DG71" s="1020"/>
      <c r="DH71" s="1021"/>
      <c r="DI71" s="1021"/>
      <c r="DJ71" s="1021"/>
      <c r="DK71" s="1022"/>
      <c r="DL71" s="1020"/>
      <c r="DM71" s="1021"/>
      <c r="DN71" s="1021"/>
      <c r="DO71" s="1021"/>
      <c r="DP71" s="1022"/>
      <c r="DQ71" s="1020"/>
      <c r="DR71" s="1021"/>
      <c r="DS71" s="1021"/>
      <c r="DT71" s="1021"/>
      <c r="DU71" s="1022"/>
      <c r="DV71" s="1009"/>
      <c r="DW71" s="1010"/>
      <c r="DX71" s="1010"/>
      <c r="DY71" s="1010"/>
      <c r="DZ71" s="1011"/>
      <c r="EA71" s="233"/>
    </row>
    <row r="72" spans="1:131" ht="26.25" customHeight="1" x14ac:dyDescent="0.2">
      <c r="A72" s="241">
        <v>5</v>
      </c>
      <c r="B72" s="1038"/>
      <c r="C72" s="1039"/>
      <c r="D72" s="1039"/>
      <c r="E72" s="1039"/>
      <c r="F72" s="1039"/>
      <c r="G72" s="1039"/>
      <c r="H72" s="1039"/>
      <c r="I72" s="1039"/>
      <c r="J72" s="1039"/>
      <c r="K72" s="1039"/>
      <c r="L72" s="1039"/>
      <c r="M72" s="1039"/>
      <c r="N72" s="1039"/>
      <c r="O72" s="1039"/>
      <c r="P72" s="1040"/>
      <c r="Q72" s="1041"/>
      <c r="R72" s="1035"/>
      <c r="S72" s="1035"/>
      <c r="T72" s="1035"/>
      <c r="U72" s="1035"/>
      <c r="V72" s="1035"/>
      <c r="W72" s="1035"/>
      <c r="X72" s="1035"/>
      <c r="Y72" s="1035"/>
      <c r="Z72" s="1035"/>
      <c r="AA72" s="1035"/>
      <c r="AB72" s="1035"/>
      <c r="AC72" s="1035"/>
      <c r="AD72" s="1035"/>
      <c r="AE72" s="1035"/>
      <c r="AF72" s="1035"/>
      <c r="AG72" s="1035"/>
      <c r="AH72" s="1035"/>
      <c r="AI72" s="1035"/>
      <c r="AJ72" s="1035"/>
      <c r="AK72" s="1035"/>
      <c r="AL72" s="1035"/>
      <c r="AM72" s="1035"/>
      <c r="AN72" s="1035"/>
      <c r="AO72" s="1035"/>
      <c r="AP72" s="1035"/>
      <c r="AQ72" s="1035"/>
      <c r="AR72" s="1035"/>
      <c r="AS72" s="1035"/>
      <c r="AT72" s="1035"/>
      <c r="AU72" s="1035"/>
      <c r="AV72" s="1035"/>
      <c r="AW72" s="1035"/>
      <c r="AX72" s="1035"/>
      <c r="AY72" s="1035"/>
      <c r="AZ72" s="1036"/>
      <c r="BA72" s="1036"/>
      <c r="BB72" s="1036"/>
      <c r="BC72" s="1036"/>
      <c r="BD72" s="1037"/>
      <c r="BE72" s="244"/>
      <c r="BF72" s="244"/>
      <c r="BG72" s="244"/>
      <c r="BH72" s="244"/>
      <c r="BI72" s="244"/>
      <c r="BJ72" s="244"/>
      <c r="BK72" s="244"/>
      <c r="BL72" s="244"/>
      <c r="BM72" s="244"/>
      <c r="BN72" s="244"/>
      <c r="BO72" s="244"/>
      <c r="BP72" s="244"/>
      <c r="BQ72" s="241">
        <v>66</v>
      </c>
      <c r="BR72" s="246"/>
      <c r="BS72" s="1009"/>
      <c r="BT72" s="1010"/>
      <c r="BU72" s="1010"/>
      <c r="BV72" s="1010"/>
      <c r="BW72" s="1010"/>
      <c r="BX72" s="1010"/>
      <c r="BY72" s="1010"/>
      <c r="BZ72" s="1010"/>
      <c r="CA72" s="1010"/>
      <c r="CB72" s="1010"/>
      <c r="CC72" s="1010"/>
      <c r="CD72" s="1010"/>
      <c r="CE72" s="1010"/>
      <c r="CF72" s="1010"/>
      <c r="CG72" s="1019"/>
      <c r="CH72" s="1020"/>
      <c r="CI72" s="1021"/>
      <c r="CJ72" s="1021"/>
      <c r="CK72" s="1021"/>
      <c r="CL72" s="1022"/>
      <c r="CM72" s="1020"/>
      <c r="CN72" s="1021"/>
      <c r="CO72" s="1021"/>
      <c r="CP72" s="1021"/>
      <c r="CQ72" s="1022"/>
      <c r="CR72" s="1020"/>
      <c r="CS72" s="1021"/>
      <c r="CT72" s="1021"/>
      <c r="CU72" s="1021"/>
      <c r="CV72" s="1022"/>
      <c r="CW72" s="1020"/>
      <c r="CX72" s="1021"/>
      <c r="CY72" s="1021"/>
      <c r="CZ72" s="1021"/>
      <c r="DA72" s="1022"/>
      <c r="DB72" s="1020"/>
      <c r="DC72" s="1021"/>
      <c r="DD72" s="1021"/>
      <c r="DE72" s="1021"/>
      <c r="DF72" s="1022"/>
      <c r="DG72" s="1020"/>
      <c r="DH72" s="1021"/>
      <c r="DI72" s="1021"/>
      <c r="DJ72" s="1021"/>
      <c r="DK72" s="1022"/>
      <c r="DL72" s="1020"/>
      <c r="DM72" s="1021"/>
      <c r="DN72" s="1021"/>
      <c r="DO72" s="1021"/>
      <c r="DP72" s="1022"/>
      <c r="DQ72" s="1020"/>
      <c r="DR72" s="1021"/>
      <c r="DS72" s="1021"/>
      <c r="DT72" s="1021"/>
      <c r="DU72" s="1022"/>
      <c r="DV72" s="1009"/>
      <c r="DW72" s="1010"/>
      <c r="DX72" s="1010"/>
      <c r="DY72" s="1010"/>
      <c r="DZ72" s="1011"/>
      <c r="EA72" s="233"/>
    </row>
    <row r="73" spans="1:131" ht="26.25" customHeight="1" x14ac:dyDescent="0.2">
      <c r="A73" s="241">
        <v>6</v>
      </c>
      <c r="B73" s="1038"/>
      <c r="C73" s="1039"/>
      <c r="D73" s="1039"/>
      <c r="E73" s="1039"/>
      <c r="F73" s="1039"/>
      <c r="G73" s="1039"/>
      <c r="H73" s="1039"/>
      <c r="I73" s="1039"/>
      <c r="J73" s="1039"/>
      <c r="K73" s="1039"/>
      <c r="L73" s="1039"/>
      <c r="M73" s="1039"/>
      <c r="N73" s="1039"/>
      <c r="O73" s="1039"/>
      <c r="P73" s="1040"/>
      <c r="Q73" s="1041"/>
      <c r="R73" s="1035"/>
      <c r="S73" s="1035"/>
      <c r="T73" s="1035"/>
      <c r="U73" s="1035"/>
      <c r="V73" s="1035"/>
      <c r="W73" s="1035"/>
      <c r="X73" s="1035"/>
      <c r="Y73" s="1035"/>
      <c r="Z73" s="1035"/>
      <c r="AA73" s="1035"/>
      <c r="AB73" s="1035"/>
      <c r="AC73" s="1035"/>
      <c r="AD73" s="1035"/>
      <c r="AE73" s="1035"/>
      <c r="AF73" s="1035"/>
      <c r="AG73" s="1035"/>
      <c r="AH73" s="1035"/>
      <c r="AI73" s="1035"/>
      <c r="AJ73" s="1035"/>
      <c r="AK73" s="1035"/>
      <c r="AL73" s="1035"/>
      <c r="AM73" s="1035"/>
      <c r="AN73" s="1035"/>
      <c r="AO73" s="1035"/>
      <c r="AP73" s="1035"/>
      <c r="AQ73" s="1035"/>
      <c r="AR73" s="1035"/>
      <c r="AS73" s="1035"/>
      <c r="AT73" s="1035"/>
      <c r="AU73" s="1035"/>
      <c r="AV73" s="1035"/>
      <c r="AW73" s="1035"/>
      <c r="AX73" s="1035"/>
      <c r="AY73" s="1035"/>
      <c r="AZ73" s="1036"/>
      <c r="BA73" s="1036"/>
      <c r="BB73" s="1036"/>
      <c r="BC73" s="1036"/>
      <c r="BD73" s="1037"/>
      <c r="BE73" s="244"/>
      <c r="BF73" s="244"/>
      <c r="BG73" s="244"/>
      <c r="BH73" s="244"/>
      <c r="BI73" s="244"/>
      <c r="BJ73" s="244"/>
      <c r="BK73" s="244"/>
      <c r="BL73" s="244"/>
      <c r="BM73" s="244"/>
      <c r="BN73" s="244"/>
      <c r="BO73" s="244"/>
      <c r="BP73" s="244"/>
      <c r="BQ73" s="241">
        <v>67</v>
      </c>
      <c r="BR73" s="246"/>
      <c r="BS73" s="1009"/>
      <c r="BT73" s="1010"/>
      <c r="BU73" s="1010"/>
      <c r="BV73" s="1010"/>
      <c r="BW73" s="1010"/>
      <c r="BX73" s="1010"/>
      <c r="BY73" s="1010"/>
      <c r="BZ73" s="1010"/>
      <c r="CA73" s="1010"/>
      <c r="CB73" s="1010"/>
      <c r="CC73" s="1010"/>
      <c r="CD73" s="1010"/>
      <c r="CE73" s="1010"/>
      <c r="CF73" s="1010"/>
      <c r="CG73" s="1019"/>
      <c r="CH73" s="1020"/>
      <c r="CI73" s="1021"/>
      <c r="CJ73" s="1021"/>
      <c r="CK73" s="1021"/>
      <c r="CL73" s="1022"/>
      <c r="CM73" s="1020"/>
      <c r="CN73" s="1021"/>
      <c r="CO73" s="1021"/>
      <c r="CP73" s="1021"/>
      <c r="CQ73" s="1022"/>
      <c r="CR73" s="1020"/>
      <c r="CS73" s="1021"/>
      <c r="CT73" s="1021"/>
      <c r="CU73" s="1021"/>
      <c r="CV73" s="1022"/>
      <c r="CW73" s="1020"/>
      <c r="CX73" s="1021"/>
      <c r="CY73" s="1021"/>
      <c r="CZ73" s="1021"/>
      <c r="DA73" s="1022"/>
      <c r="DB73" s="1020"/>
      <c r="DC73" s="1021"/>
      <c r="DD73" s="1021"/>
      <c r="DE73" s="1021"/>
      <c r="DF73" s="1022"/>
      <c r="DG73" s="1020"/>
      <c r="DH73" s="1021"/>
      <c r="DI73" s="1021"/>
      <c r="DJ73" s="1021"/>
      <c r="DK73" s="1022"/>
      <c r="DL73" s="1020"/>
      <c r="DM73" s="1021"/>
      <c r="DN73" s="1021"/>
      <c r="DO73" s="1021"/>
      <c r="DP73" s="1022"/>
      <c r="DQ73" s="1020"/>
      <c r="DR73" s="1021"/>
      <c r="DS73" s="1021"/>
      <c r="DT73" s="1021"/>
      <c r="DU73" s="1022"/>
      <c r="DV73" s="1009"/>
      <c r="DW73" s="1010"/>
      <c r="DX73" s="1010"/>
      <c r="DY73" s="1010"/>
      <c r="DZ73" s="1011"/>
      <c r="EA73" s="233"/>
    </row>
    <row r="74" spans="1:131" ht="26.25" customHeight="1" x14ac:dyDescent="0.2">
      <c r="A74" s="241">
        <v>7</v>
      </c>
      <c r="B74" s="1038"/>
      <c r="C74" s="1039"/>
      <c r="D74" s="1039"/>
      <c r="E74" s="1039"/>
      <c r="F74" s="1039"/>
      <c r="G74" s="1039"/>
      <c r="H74" s="1039"/>
      <c r="I74" s="1039"/>
      <c r="J74" s="1039"/>
      <c r="K74" s="1039"/>
      <c r="L74" s="1039"/>
      <c r="M74" s="1039"/>
      <c r="N74" s="1039"/>
      <c r="O74" s="1039"/>
      <c r="P74" s="1040"/>
      <c r="Q74" s="1041"/>
      <c r="R74" s="1035"/>
      <c r="S74" s="1035"/>
      <c r="T74" s="1035"/>
      <c r="U74" s="1035"/>
      <c r="V74" s="1035"/>
      <c r="W74" s="1035"/>
      <c r="X74" s="1035"/>
      <c r="Y74" s="1035"/>
      <c r="Z74" s="1035"/>
      <c r="AA74" s="1035"/>
      <c r="AB74" s="1035"/>
      <c r="AC74" s="1035"/>
      <c r="AD74" s="1035"/>
      <c r="AE74" s="1035"/>
      <c r="AF74" s="1035"/>
      <c r="AG74" s="1035"/>
      <c r="AH74" s="1035"/>
      <c r="AI74" s="1035"/>
      <c r="AJ74" s="1035"/>
      <c r="AK74" s="1035"/>
      <c r="AL74" s="1035"/>
      <c r="AM74" s="1035"/>
      <c r="AN74" s="1035"/>
      <c r="AO74" s="1035"/>
      <c r="AP74" s="1035"/>
      <c r="AQ74" s="1035"/>
      <c r="AR74" s="1035"/>
      <c r="AS74" s="1035"/>
      <c r="AT74" s="1035"/>
      <c r="AU74" s="1035"/>
      <c r="AV74" s="1035"/>
      <c r="AW74" s="1035"/>
      <c r="AX74" s="1035"/>
      <c r="AY74" s="1035"/>
      <c r="AZ74" s="1036"/>
      <c r="BA74" s="1036"/>
      <c r="BB74" s="1036"/>
      <c r="BC74" s="1036"/>
      <c r="BD74" s="1037"/>
      <c r="BE74" s="244"/>
      <c r="BF74" s="244"/>
      <c r="BG74" s="244"/>
      <c r="BH74" s="244"/>
      <c r="BI74" s="244"/>
      <c r="BJ74" s="244"/>
      <c r="BK74" s="244"/>
      <c r="BL74" s="244"/>
      <c r="BM74" s="244"/>
      <c r="BN74" s="244"/>
      <c r="BO74" s="244"/>
      <c r="BP74" s="244"/>
      <c r="BQ74" s="241">
        <v>68</v>
      </c>
      <c r="BR74" s="246"/>
      <c r="BS74" s="1009"/>
      <c r="BT74" s="1010"/>
      <c r="BU74" s="1010"/>
      <c r="BV74" s="1010"/>
      <c r="BW74" s="1010"/>
      <c r="BX74" s="1010"/>
      <c r="BY74" s="1010"/>
      <c r="BZ74" s="1010"/>
      <c r="CA74" s="1010"/>
      <c r="CB74" s="1010"/>
      <c r="CC74" s="1010"/>
      <c r="CD74" s="1010"/>
      <c r="CE74" s="1010"/>
      <c r="CF74" s="1010"/>
      <c r="CG74" s="1019"/>
      <c r="CH74" s="1020"/>
      <c r="CI74" s="1021"/>
      <c r="CJ74" s="1021"/>
      <c r="CK74" s="1021"/>
      <c r="CL74" s="1022"/>
      <c r="CM74" s="1020"/>
      <c r="CN74" s="1021"/>
      <c r="CO74" s="1021"/>
      <c r="CP74" s="1021"/>
      <c r="CQ74" s="1022"/>
      <c r="CR74" s="1020"/>
      <c r="CS74" s="1021"/>
      <c r="CT74" s="1021"/>
      <c r="CU74" s="1021"/>
      <c r="CV74" s="1022"/>
      <c r="CW74" s="1020"/>
      <c r="CX74" s="1021"/>
      <c r="CY74" s="1021"/>
      <c r="CZ74" s="1021"/>
      <c r="DA74" s="1022"/>
      <c r="DB74" s="1020"/>
      <c r="DC74" s="1021"/>
      <c r="DD74" s="1021"/>
      <c r="DE74" s="1021"/>
      <c r="DF74" s="1022"/>
      <c r="DG74" s="1020"/>
      <c r="DH74" s="1021"/>
      <c r="DI74" s="1021"/>
      <c r="DJ74" s="1021"/>
      <c r="DK74" s="1022"/>
      <c r="DL74" s="1020"/>
      <c r="DM74" s="1021"/>
      <c r="DN74" s="1021"/>
      <c r="DO74" s="1021"/>
      <c r="DP74" s="1022"/>
      <c r="DQ74" s="1020"/>
      <c r="DR74" s="1021"/>
      <c r="DS74" s="1021"/>
      <c r="DT74" s="1021"/>
      <c r="DU74" s="1022"/>
      <c r="DV74" s="1009"/>
      <c r="DW74" s="1010"/>
      <c r="DX74" s="1010"/>
      <c r="DY74" s="1010"/>
      <c r="DZ74" s="1011"/>
      <c r="EA74" s="233"/>
    </row>
    <row r="75" spans="1:131" ht="26.25" customHeight="1" x14ac:dyDescent="0.2">
      <c r="A75" s="241">
        <v>8</v>
      </c>
      <c r="B75" s="1038"/>
      <c r="C75" s="1039"/>
      <c r="D75" s="1039"/>
      <c r="E75" s="1039"/>
      <c r="F75" s="1039"/>
      <c r="G75" s="1039"/>
      <c r="H75" s="1039"/>
      <c r="I75" s="1039"/>
      <c r="J75" s="1039"/>
      <c r="K75" s="1039"/>
      <c r="L75" s="1039"/>
      <c r="M75" s="1039"/>
      <c r="N75" s="1039"/>
      <c r="O75" s="1039"/>
      <c r="P75" s="1040"/>
      <c r="Q75" s="1042"/>
      <c r="R75" s="1043"/>
      <c r="S75" s="1043"/>
      <c r="T75" s="1043"/>
      <c r="U75" s="1044"/>
      <c r="V75" s="1045"/>
      <c r="W75" s="1043"/>
      <c r="X75" s="1043"/>
      <c r="Y75" s="1043"/>
      <c r="Z75" s="1044"/>
      <c r="AA75" s="1045"/>
      <c r="AB75" s="1043"/>
      <c r="AC75" s="1043"/>
      <c r="AD75" s="1043"/>
      <c r="AE75" s="1044"/>
      <c r="AF75" s="1045"/>
      <c r="AG75" s="1043"/>
      <c r="AH75" s="1043"/>
      <c r="AI75" s="1043"/>
      <c r="AJ75" s="1044"/>
      <c r="AK75" s="1045"/>
      <c r="AL75" s="1043"/>
      <c r="AM75" s="1043"/>
      <c r="AN75" s="1043"/>
      <c r="AO75" s="1044"/>
      <c r="AP75" s="1045"/>
      <c r="AQ75" s="1043"/>
      <c r="AR75" s="1043"/>
      <c r="AS75" s="1043"/>
      <c r="AT75" s="1044"/>
      <c r="AU75" s="1045"/>
      <c r="AV75" s="1043"/>
      <c r="AW75" s="1043"/>
      <c r="AX75" s="1043"/>
      <c r="AY75" s="1044"/>
      <c r="AZ75" s="1036"/>
      <c r="BA75" s="1036"/>
      <c r="BB75" s="1036"/>
      <c r="BC75" s="1036"/>
      <c r="BD75" s="1037"/>
      <c r="BE75" s="244"/>
      <c r="BF75" s="244"/>
      <c r="BG75" s="244"/>
      <c r="BH75" s="244"/>
      <c r="BI75" s="244"/>
      <c r="BJ75" s="244"/>
      <c r="BK75" s="244"/>
      <c r="BL75" s="244"/>
      <c r="BM75" s="244"/>
      <c r="BN75" s="244"/>
      <c r="BO75" s="244"/>
      <c r="BP75" s="244"/>
      <c r="BQ75" s="241">
        <v>69</v>
      </c>
      <c r="BR75" s="246"/>
      <c r="BS75" s="1009"/>
      <c r="BT75" s="1010"/>
      <c r="BU75" s="1010"/>
      <c r="BV75" s="1010"/>
      <c r="BW75" s="1010"/>
      <c r="BX75" s="1010"/>
      <c r="BY75" s="1010"/>
      <c r="BZ75" s="1010"/>
      <c r="CA75" s="1010"/>
      <c r="CB75" s="1010"/>
      <c r="CC75" s="1010"/>
      <c r="CD75" s="1010"/>
      <c r="CE75" s="1010"/>
      <c r="CF75" s="1010"/>
      <c r="CG75" s="1019"/>
      <c r="CH75" s="1020"/>
      <c r="CI75" s="1021"/>
      <c r="CJ75" s="1021"/>
      <c r="CK75" s="1021"/>
      <c r="CL75" s="1022"/>
      <c r="CM75" s="1020"/>
      <c r="CN75" s="1021"/>
      <c r="CO75" s="1021"/>
      <c r="CP75" s="1021"/>
      <c r="CQ75" s="1022"/>
      <c r="CR75" s="1020"/>
      <c r="CS75" s="1021"/>
      <c r="CT75" s="1021"/>
      <c r="CU75" s="1021"/>
      <c r="CV75" s="1022"/>
      <c r="CW75" s="1020"/>
      <c r="CX75" s="1021"/>
      <c r="CY75" s="1021"/>
      <c r="CZ75" s="1021"/>
      <c r="DA75" s="1022"/>
      <c r="DB75" s="1020"/>
      <c r="DC75" s="1021"/>
      <c r="DD75" s="1021"/>
      <c r="DE75" s="1021"/>
      <c r="DF75" s="1022"/>
      <c r="DG75" s="1020"/>
      <c r="DH75" s="1021"/>
      <c r="DI75" s="1021"/>
      <c r="DJ75" s="1021"/>
      <c r="DK75" s="1022"/>
      <c r="DL75" s="1020"/>
      <c r="DM75" s="1021"/>
      <c r="DN75" s="1021"/>
      <c r="DO75" s="1021"/>
      <c r="DP75" s="1022"/>
      <c r="DQ75" s="1020"/>
      <c r="DR75" s="1021"/>
      <c r="DS75" s="1021"/>
      <c r="DT75" s="1021"/>
      <c r="DU75" s="1022"/>
      <c r="DV75" s="1009"/>
      <c r="DW75" s="1010"/>
      <c r="DX75" s="1010"/>
      <c r="DY75" s="1010"/>
      <c r="DZ75" s="1011"/>
      <c r="EA75" s="233"/>
    </row>
    <row r="76" spans="1:131" ht="26.25" customHeight="1" x14ac:dyDescent="0.2">
      <c r="A76" s="241">
        <v>9</v>
      </c>
      <c r="B76" s="1038"/>
      <c r="C76" s="1039"/>
      <c r="D76" s="1039"/>
      <c r="E76" s="1039"/>
      <c r="F76" s="1039"/>
      <c r="G76" s="1039"/>
      <c r="H76" s="1039"/>
      <c r="I76" s="1039"/>
      <c r="J76" s="1039"/>
      <c r="K76" s="1039"/>
      <c r="L76" s="1039"/>
      <c r="M76" s="1039"/>
      <c r="N76" s="1039"/>
      <c r="O76" s="1039"/>
      <c r="P76" s="1040"/>
      <c r="Q76" s="1042"/>
      <c r="R76" s="1043"/>
      <c r="S76" s="1043"/>
      <c r="T76" s="1043"/>
      <c r="U76" s="1044"/>
      <c r="V76" s="1045"/>
      <c r="W76" s="1043"/>
      <c r="X76" s="1043"/>
      <c r="Y76" s="1043"/>
      <c r="Z76" s="1044"/>
      <c r="AA76" s="1045"/>
      <c r="AB76" s="1043"/>
      <c r="AC76" s="1043"/>
      <c r="AD76" s="1043"/>
      <c r="AE76" s="1044"/>
      <c r="AF76" s="1045"/>
      <c r="AG76" s="1043"/>
      <c r="AH76" s="1043"/>
      <c r="AI76" s="1043"/>
      <c r="AJ76" s="1044"/>
      <c r="AK76" s="1045"/>
      <c r="AL76" s="1043"/>
      <c r="AM76" s="1043"/>
      <c r="AN76" s="1043"/>
      <c r="AO76" s="1044"/>
      <c r="AP76" s="1045"/>
      <c r="AQ76" s="1043"/>
      <c r="AR76" s="1043"/>
      <c r="AS76" s="1043"/>
      <c r="AT76" s="1044"/>
      <c r="AU76" s="1045"/>
      <c r="AV76" s="1043"/>
      <c r="AW76" s="1043"/>
      <c r="AX76" s="1043"/>
      <c r="AY76" s="1044"/>
      <c r="AZ76" s="1036"/>
      <c r="BA76" s="1036"/>
      <c r="BB76" s="1036"/>
      <c r="BC76" s="1036"/>
      <c r="BD76" s="1037"/>
      <c r="BE76" s="244"/>
      <c r="BF76" s="244"/>
      <c r="BG76" s="244"/>
      <c r="BH76" s="244"/>
      <c r="BI76" s="244"/>
      <c r="BJ76" s="244"/>
      <c r="BK76" s="244"/>
      <c r="BL76" s="244"/>
      <c r="BM76" s="244"/>
      <c r="BN76" s="244"/>
      <c r="BO76" s="244"/>
      <c r="BP76" s="244"/>
      <c r="BQ76" s="241">
        <v>70</v>
      </c>
      <c r="BR76" s="246"/>
      <c r="BS76" s="1009"/>
      <c r="BT76" s="1010"/>
      <c r="BU76" s="1010"/>
      <c r="BV76" s="1010"/>
      <c r="BW76" s="1010"/>
      <c r="BX76" s="1010"/>
      <c r="BY76" s="1010"/>
      <c r="BZ76" s="1010"/>
      <c r="CA76" s="1010"/>
      <c r="CB76" s="1010"/>
      <c r="CC76" s="1010"/>
      <c r="CD76" s="1010"/>
      <c r="CE76" s="1010"/>
      <c r="CF76" s="1010"/>
      <c r="CG76" s="1019"/>
      <c r="CH76" s="1020"/>
      <c r="CI76" s="1021"/>
      <c r="CJ76" s="1021"/>
      <c r="CK76" s="1021"/>
      <c r="CL76" s="1022"/>
      <c r="CM76" s="1020"/>
      <c r="CN76" s="1021"/>
      <c r="CO76" s="1021"/>
      <c r="CP76" s="1021"/>
      <c r="CQ76" s="1022"/>
      <c r="CR76" s="1020"/>
      <c r="CS76" s="1021"/>
      <c r="CT76" s="1021"/>
      <c r="CU76" s="1021"/>
      <c r="CV76" s="1022"/>
      <c r="CW76" s="1020"/>
      <c r="CX76" s="1021"/>
      <c r="CY76" s="1021"/>
      <c r="CZ76" s="1021"/>
      <c r="DA76" s="1022"/>
      <c r="DB76" s="1020"/>
      <c r="DC76" s="1021"/>
      <c r="DD76" s="1021"/>
      <c r="DE76" s="1021"/>
      <c r="DF76" s="1022"/>
      <c r="DG76" s="1020"/>
      <c r="DH76" s="1021"/>
      <c r="DI76" s="1021"/>
      <c r="DJ76" s="1021"/>
      <c r="DK76" s="1022"/>
      <c r="DL76" s="1020"/>
      <c r="DM76" s="1021"/>
      <c r="DN76" s="1021"/>
      <c r="DO76" s="1021"/>
      <c r="DP76" s="1022"/>
      <c r="DQ76" s="1020"/>
      <c r="DR76" s="1021"/>
      <c r="DS76" s="1021"/>
      <c r="DT76" s="1021"/>
      <c r="DU76" s="1022"/>
      <c r="DV76" s="1009"/>
      <c r="DW76" s="1010"/>
      <c r="DX76" s="1010"/>
      <c r="DY76" s="1010"/>
      <c r="DZ76" s="1011"/>
      <c r="EA76" s="233"/>
    </row>
    <row r="77" spans="1:131" ht="26.25" customHeight="1" x14ac:dyDescent="0.2">
      <c r="A77" s="241">
        <v>10</v>
      </c>
      <c r="B77" s="1038"/>
      <c r="C77" s="1039"/>
      <c r="D77" s="1039"/>
      <c r="E77" s="1039"/>
      <c r="F77" s="1039"/>
      <c r="G77" s="1039"/>
      <c r="H77" s="1039"/>
      <c r="I77" s="1039"/>
      <c r="J77" s="1039"/>
      <c r="K77" s="1039"/>
      <c r="L77" s="1039"/>
      <c r="M77" s="1039"/>
      <c r="N77" s="1039"/>
      <c r="O77" s="1039"/>
      <c r="P77" s="1040"/>
      <c r="Q77" s="1042"/>
      <c r="R77" s="1043"/>
      <c r="S77" s="1043"/>
      <c r="T77" s="1043"/>
      <c r="U77" s="1044"/>
      <c r="V77" s="1045"/>
      <c r="W77" s="1043"/>
      <c r="X77" s="1043"/>
      <c r="Y77" s="1043"/>
      <c r="Z77" s="1044"/>
      <c r="AA77" s="1045"/>
      <c r="AB77" s="1043"/>
      <c r="AC77" s="1043"/>
      <c r="AD77" s="1043"/>
      <c r="AE77" s="1044"/>
      <c r="AF77" s="1045"/>
      <c r="AG77" s="1043"/>
      <c r="AH77" s="1043"/>
      <c r="AI77" s="1043"/>
      <c r="AJ77" s="1044"/>
      <c r="AK77" s="1045"/>
      <c r="AL77" s="1043"/>
      <c r="AM77" s="1043"/>
      <c r="AN77" s="1043"/>
      <c r="AO77" s="1044"/>
      <c r="AP77" s="1045"/>
      <c r="AQ77" s="1043"/>
      <c r="AR77" s="1043"/>
      <c r="AS77" s="1043"/>
      <c r="AT77" s="1044"/>
      <c r="AU77" s="1045"/>
      <c r="AV77" s="1043"/>
      <c r="AW77" s="1043"/>
      <c r="AX77" s="1043"/>
      <c r="AY77" s="1044"/>
      <c r="AZ77" s="1036"/>
      <c r="BA77" s="1036"/>
      <c r="BB77" s="1036"/>
      <c r="BC77" s="1036"/>
      <c r="BD77" s="1037"/>
      <c r="BE77" s="244"/>
      <c r="BF77" s="244"/>
      <c r="BG77" s="244"/>
      <c r="BH77" s="244"/>
      <c r="BI77" s="244"/>
      <c r="BJ77" s="244"/>
      <c r="BK77" s="244"/>
      <c r="BL77" s="244"/>
      <c r="BM77" s="244"/>
      <c r="BN77" s="244"/>
      <c r="BO77" s="244"/>
      <c r="BP77" s="244"/>
      <c r="BQ77" s="241">
        <v>71</v>
      </c>
      <c r="BR77" s="246"/>
      <c r="BS77" s="1009"/>
      <c r="BT77" s="1010"/>
      <c r="BU77" s="1010"/>
      <c r="BV77" s="1010"/>
      <c r="BW77" s="1010"/>
      <c r="BX77" s="1010"/>
      <c r="BY77" s="1010"/>
      <c r="BZ77" s="1010"/>
      <c r="CA77" s="1010"/>
      <c r="CB77" s="1010"/>
      <c r="CC77" s="1010"/>
      <c r="CD77" s="1010"/>
      <c r="CE77" s="1010"/>
      <c r="CF77" s="1010"/>
      <c r="CG77" s="1019"/>
      <c r="CH77" s="1020"/>
      <c r="CI77" s="1021"/>
      <c r="CJ77" s="1021"/>
      <c r="CK77" s="1021"/>
      <c r="CL77" s="1022"/>
      <c r="CM77" s="1020"/>
      <c r="CN77" s="1021"/>
      <c r="CO77" s="1021"/>
      <c r="CP77" s="1021"/>
      <c r="CQ77" s="1022"/>
      <c r="CR77" s="1020"/>
      <c r="CS77" s="1021"/>
      <c r="CT77" s="1021"/>
      <c r="CU77" s="1021"/>
      <c r="CV77" s="1022"/>
      <c r="CW77" s="1020"/>
      <c r="CX77" s="1021"/>
      <c r="CY77" s="1021"/>
      <c r="CZ77" s="1021"/>
      <c r="DA77" s="1022"/>
      <c r="DB77" s="1020"/>
      <c r="DC77" s="1021"/>
      <c r="DD77" s="1021"/>
      <c r="DE77" s="1021"/>
      <c r="DF77" s="1022"/>
      <c r="DG77" s="1020"/>
      <c r="DH77" s="1021"/>
      <c r="DI77" s="1021"/>
      <c r="DJ77" s="1021"/>
      <c r="DK77" s="1022"/>
      <c r="DL77" s="1020"/>
      <c r="DM77" s="1021"/>
      <c r="DN77" s="1021"/>
      <c r="DO77" s="1021"/>
      <c r="DP77" s="1022"/>
      <c r="DQ77" s="1020"/>
      <c r="DR77" s="1021"/>
      <c r="DS77" s="1021"/>
      <c r="DT77" s="1021"/>
      <c r="DU77" s="1022"/>
      <c r="DV77" s="1009"/>
      <c r="DW77" s="1010"/>
      <c r="DX77" s="1010"/>
      <c r="DY77" s="1010"/>
      <c r="DZ77" s="1011"/>
      <c r="EA77" s="233"/>
    </row>
    <row r="78" spans="1:131" ht="26.25" customHeight="1" x14ac:dyDescent="0.2">
      <c r="A78" s="241">
        <v>11</v>
      </c>
      <c r="B78" s="1038"/>
      <c r="C78" s="1039"/>
      <c r="D78" s="1039"/>
      <c r="E78" s="1039"/>
      <c r="F78" s="1039"/>
      <c r="G78" s="1039"/>
      <c r="H78" s="1039"/>
      <c r="I78" s="1039"/>
      <c r="J78" s="1039"/>
      <c r="K78" s="1039"/>
      <c r="L78" s="1039"/>
      <c r="M78" s="1039"/>
      <c r="N78" s="1039"/>
      <c r="O78" s="1039"/>
      <c r="P78" s="1040"/>
      <c r="Q78" s="1041"/>
      <c r="R78" s="1035"/>
      <c r="S78" s="1035"/>
      <c r="T78" s="1035"/>
      <c r="U78" s="1035"/>
      <c r="V78" s="1035"/>
      <c r="W78" s="1035"/>
      <c r="X78" s="1035"/>
      <c r="Y78" s="1035"/>
      <c r="Z78" s="1035"/>
      <c r="AA78" s="1035"/>
      <c r="AB78" s="1035"/>
      <c r="AC78" s="1035"/>
      <c r="AD78" s="1035"/>
      <c r="AE78" s="1035"/>
      <c r="AF78" s="1035"/>
      <c r="AG78" s="1035"/>
      <c r="AH78" s="1035"/>
      <c r="AI78" s="1035"/>
      <c r="AJ78" s="1035"/>
      <c r="AK78" s="1035"/>
      <c r="AL78" s="1035"/>
      <c r="AM78" s="1035"/>
      <c r="AN78" s="1035"/>
      <c r="AO78" s="1035"/>
      <c r="AP78" s="1035"/>
      <c r="AQ78" s="1035"/>
      <c r="AR78" s="1035"/>
      <c r="AS78" s="1035"/>
      <c r="AT78" s="1035"/>
      <c r="AU78" s="1035"/>
      <c r="AV78" s="1035"/>
      <c r="AW78" s="1035"/>
      <c r="AX78" s="1035"/>
      <c r="AY78" s="1035"/>
      <c r="AZ78" s="1036"/>
      <c r="BA78" s="1036"/>
      <c r="BB78" s="1036"/>
      <c r="BC78" s="1036"/>
      <c r="BD78" s="1037"/>
      <c r="BE78" s="244"/>
      <c r="BF78" s="244"/>
      <c r="BG78" s="244"/>
      <c r="BH78" s="244"/>
      <c r="BI78" s="244"/>
      <c r="BJ78" s="233"/>
      <c r="BK78" s="233"/>
      <c r="BL78" s="233"/>
      <c r="BM78" s="233"/>
      <c r="BN78" s="233"/>
      <c r="BO78" s="244"/>
      <c r="BP78" s="244"/>
      <c r="BQ78" s="241">
        <v>72</v>
      </c>
      <c r="BR78" s="246"/>
      <c r="BS78" s="1009"/>
      <c r="BT78" s="1010"/>
      <c r="BU78" s="1010"/>
      <c r="BV78" s="1010"/>
      <c r="BW78" s="1010"/>
      <c r="BX78" s="1010"/>
      <c r="BY78" s="1010"/>
      <c r="BZ78" s="1010"/>
      <c r="CA78" s="1010"/>
      <c r="CB78" s="1010"/>
      <c r="CC78" s="1010"/>
      <c r="CD78" s="1010"/>
      <c r="CE78" s="1010"/>
      <c r="CF78" s="1010"/>
      <c r="CG78" s="1019"/>
      <c r="CH78" s="1020"/>
      <c r="CI78" s="1021"/>
      <c r="CJ78" s="1021"/>
      <c r="CK78" s="1021"/>
      <c r="CL78" s="1022"/>
      <c r="CM78" s="1020"/>
      <c r="CN78" s="1021"/>
      <c r="CO78" s="1021"/>
      <c r="CP78" s="1021"/>
      <c r="CQ78" s="1022"/>
      <c r="CR78" s="1020"/>
      <c r="CS78" s="1021"/>
      <c r="CT78" s="1021"/>
      <c r="CU78" s="1021"/>
      <c r="CV78" s="1022"/>
      <c r="CW78" s="1020"/>
      <c r="CX78" s="1021"/>
      <c r="CY78" s="1021"/>
      <c r="CZ78" s="1021"/>
      <c r="DA78" s="1022"/>
      <c r="DB78" s="1020"/>
      <c r="DC78" s="1021"/>
      <c r="DD78" s="1021"/>
      <c r="DE78" s="1021"/>
      <c r="DF78" s="1022"/>
      <c r="DG78" s="1020"/>
      <c r="DH78" s="1021"/>
      <c r="DI78" s="1021"/>
      <c r="DJ78" s="1021"/>
      <c r="DK78" s="1022"/>
      <c r="DL78" s="1020"/>
      <c r="DM78" s="1021"/>
      <c r="DN78" s="1021"/>
      <c r="DO78" s="1021"/>
      <c r="DP78" s="1022"/>
      <c r="DQ78" s="1020"/>
      <c r="DR78" s="1021"/>
      <c r="DS78" s="1021"/>
      <c r="DT78" s="1021"/>
      <c r="DU78" s="1022"/>
      <c r="DV78" s="1009"/>
      <c r="DW78" s="1010"/>
      <c r="DX78" s="1010"/>
      <c r="DY78" s="1010"/>
      <c r="DZ78" s="1011"/>
      <c r="EA78" s="233"/>
    </row>
    <row r="79" spans="1:131" ht="26.25" customHeight="1" x14ac:dyDescent="0.2">
      <c r="A79" s="241">
        <v>12</v>
      </c>
      <c r="B79" s="1038"/>
      <c r="C79" s="1039"/>
      <c r="D79" s="1039"/>
      <c r="E79" s="1039"/>
      <c r="F79" s="1039"/>
      <c r="G79" s="1039"/>
      <c r="H79" s="1039"/>
      <c r="I79" s="1039"/>
      <c r="J79" s="1039"/>
      <c r="K79" s="1039"/>
      <c r="L79" s="1039"/>
      <c r="M79" s="1039"/>
      <c r="N79" s="1039"/>
      <c r="O79" s="1039"/>
      <c r="P79" s="1040"/>
      <c r="Q79" s="1041"/>
      <c r="R79" s="1035"/>
      <c r="S79" s="1035"/>
      <c r="T79" s="1035"/>
      <c r="U79" s="1035"/>
      <c r="V79" s="1035"/>
      <c r="W79" s="1035"/>
      <c r="X79" s="1035"/>
      <c r="Y79" s="1035"/>
      <c r="Z79" s="1035"/>
      <c r="AA79" s="1035"/>
      <c r="AB79" s="1035"/>
      <c r="AC79" s="1035"/>
      <c r="AD79" s="1035"/>
      <c r="AE79" s="1035"/>
      <c r="AF79" s="1035"/>
      <c r="AG79" s="1035"/>
      <c r="AH79" s="1035"/>
      <c r="AI79" s="1035"/>
      <c r="AJ79" s="1035"/>
      <c r="AK79" s="1035"/>
      <c r="AL79" s="1035"/>
      <c r="AM79" s="1035"/>
      <c r="AN79" s="1035"/>
      <c r="AO79" s="1035"/>
      <c r="AP79" s="1035"/>
      <c r="AQ79" s="1035"/>
      <c r="AR79" s="1035"/>
      <c r="AS79" s="1035"/>
      <c r="AT79" s="1035"/>
      <c r="AU79" s="1035"/>
      <c r="AV79" s="1035"/>
      <c r="AW79" s="1035"/>
      <c r="AX79" s="1035"/>
      <c r="AY79" s="1035"/>
      <c r="AZ79" s="1036"/>
      <c r="BA79" s="1036"/>
      <c r="BB79" s="1036"/>
      <c r="BC79" s="1036"/>
      <c r="BD79" s="1037"/>
      <c r="BE79" s="244"/>
      <c r="BF79" s="244"/>
      <c r="BG79" s="244"/>
      <c r="BH79" s="244"/>
      <c r="BI79" s="244"/>
      <c r="BJ79" s="233"/>
      <c r="BK79" s="233"/>
      <c r="BL79" s="233"/>
      <c r="BM79" s="233"/>
      <c r="BN79" s="233"/>
      <c r="BO79" s="244"/>
      <c r="BP79" s="244"/>
      <c r="BQ79" s="241">
        <v>73</v>
      </c>
      <c r="BR79" s="246"/>
      <c r="BS79" s="1009"/>
      <c r="BT79" s="1010"/>
      <c r="BU79" s="1010"/>
      <c r="BV79" s="1010"/>
      <c r="BW79" s="1010"/>
      <c r="BX79" s="1010"/>
      <c r="BY79" s="1010"/>
      <c r="BZ79" s="1010"/>
      <c r="CA79" s="1010"/>
      <c r="CB79" s="1010"/>
      <c r="CC79" s="1010"/>
      <c r="CD79" s="1010"/>
      <c r="CE79" s="1010"/>
      <c r="CF79" s="1010"/>
      <c r="CG79" s="1019"/>
      <c r="CH79" s="1020"/>
      <c r="CI79" s="1021"/>
      <c r="CJ79" s="1021"/>
      <c r="CK79" s="1021"/>
      <c r="CL79" s="1022"/>
      <c r="CM79" s="1020"/>
      <c r="CN79" s="1021"/>
      <c r="CO79" s="1021"/>
      <c r="CP79" s="1021"/>
      <c r="CQ79" s="1022"/>
      <c r="CR79" s="1020"/>
      <c r="CS79" s="1021"/>
      <c r="CT79" s="1021"/>
      <c r="CU79" s="1021"/>
      <c r="CV79" s="1022"/>
      <c r="CW79" s="1020"/>
      <c r="CX79" s="1021"/>
      <c r="CY79" s="1021"/>
      <c r="CZ79" s="1021"/>
      <c r="DA79" s="1022"/>
      <c r="DB79" s="1020"/>
      <c r="DC79" s="1021"/>
      <c r="DD79" s="1021"/>
      <c r="DE79" s="1021"/>
      <c r="DF79" s="1022"/>
      <c r="DG79" s="1020"/>
      <c r="DH79" s="1021"/>
      <c r="DI79" s="1021"/>
      <c r="DJ79" s="1021"/>
      <c r="DK79" s="1022"/>
      <c r="DL79" s="1020"/>
      <c r="DM79" s="1021"/>
      <c r="DN79" s="1021"/>
      <c r="DO79" s="1021"/>
      <c r="DP79" s="1022"/>
      <c r="DQ79" s="1020"/>
      <c r="DR79" s="1021"/>
      <c r="DS79" s="1021"/>
      <c r="DT79" s="1021"/>
      <c r="DU79" s="1022"/>
      <c r="DV79" s="1009"/>
      <c r="DW79" s="1010"/>
      <c r="DX79" s="1010"/>
      <c r="DY79" s="1010"/>
      <c r="DZ79" s="1011"/>
      <c r="EA79" s="233"/>
    </row>
    <row r="80" spans="1:131" ht="26.25" customHeight="1" x14ac:dyDescent="0.2">
      <c r="A80" s="241">
        <v>13</v>
      </c>
      <c r="B80" s="1038"/>
      <c r="C80" s="1039"/>
      <c r="D80" s="1039"/>
      <c r="E80" s="1039"/>
      <c r="F80" s="1039"/>
      <c r="G80" s="1039"/>
      <c r="H80" s="1039"/>
      <c r="I80" s="1039"/>
      <c r="J80" s="1039"/>
      <c r="K80" s="1039"/>
      <c r="L80" s="1039"/>
      <c r="M80" s="1039"/>
      <c r="N80" s="1039"/>
      <c r="O80" s="1039"/>
      <c r="P80" s="1040"/>
      <c r="Q80" s="1041"/>
      <c r="R80" s="1035"/>
      <c r="S80" s="1035"/>
      <c r="T80" s="1035"/>
      <c r="U80" s="1035"/>
      <c r="V80" s="1035"/>
      <c r="W80" s="1035"/>
      <c r="X80" s="1035"/>
      <c r="Y80" s="1035"/>
      <c r="Z80" s="1035"/>
      <c r="AA80" s="1035"/>
      <c r="AB80" s="1035"/>
      <c r="AC80" s="1035"/>
      <c r="AD80" s="1035"/>
      <c r="AE80" s="1035"/>
      <c r="AF80" s="1035"/>
      <c r="AG80" s="1035"/>
      <c r="AH80" s="1035"/>
      <c r="AI80" s="1035"/>
      <c r="AJ80" s="1035"/>
      <c r="AK80" s="1035"/>
      <c r="AL80" s="1035"/>
      <c r="AM80" s="1035"/>
      <c r="AN80" s="1035"/>
      <c r="AO80" s="1035"/>
      <c r="AP80" s="1035"/>
      <c r="AQ80" s="1035"/>
      <c r="AR80" s="1035"/>
      <c r="AS80" s="1035"/>
      <c r="AT80" s="1035"/>
      <c r="AU80" s="1035"/>
      <c r="AV80" s="1035"/>
      <c r="AW80" s="1035"/>
      <c r="AX80" s="1035"/>
      <c r="AY80" s="1035"/>
      <c r="AZ80" s="1036"/>
      <c r="BA80" s="1036"/>
      <c r="BB80" s="1036"/>
      <c r="BC80" s="1036"/>
      <c r="BD80" s="1037"/>
      <c r="BE80" s="244"/>
      <c r="BF80" s="244"/>
      <c r="BG80" s="244"/>
      <c r="BH80" s="244"/>
      <c r="BI80" s="244"/>
      <c r="BJ80" s="244"/>
      <c r="BK80" s="244"/>
      <c r="BL80" s="244"/>
      <c r="BM80" s="244"/>
      <c r="BN80" s="244"/>
      <c r="BO80" s="244"/>
      <c r="BP80" s="244"/>
      <c r="BQ80" s="241">
        <v>74</v>
      </c>
      <c r="BR80" s="246"/>
      <c r="BS80" s="1009"/>
      <c r="BT80" s="1010"/>
      <c r="BU80" s="1010"/>
      <c r="BV80" s="1010"/>
      <c r="BW80" s="1010"/>
      <c r="BX80" s="1010"/>
      <c r="BY80" s="1010"/>
      <c r="BZ80" s="1010"/>
      <c r="CA80" s="1010"/>
      <c r="CB80" s="1010"/>
      <c r="CC80" s="1010"/>
      <c r="CD80" s="1010"/>
      <c r="CE80" s="1010"/>
      <c r="CF80" s="1010"/>
      <c r="CG80" s="1019"/>
      <c r="CH80" s="1020"/>
      <c r="CI80" s="1021"/>
      <c r="CJ80" s="1021"/>
      <c r="CK80" s="1021"/>
      <c r="CL80" s="1022"/>
      <c r="CM80" s="1020"/>
      <c r="CN80" s="1021"/>
      <c r="CO80" s="1021"/>
      <c r="CP80" s="1021"/>
      <c r="CQ80" s="1022"/>
      <c r="CR80" s="1020"/>
      <c r="CS80" s="1021"/>
      <c r="CT80" s="1021"/>
      <c r="CU80" s="1021"/>
      <c r="CV80" s="1022"/>
      <c r="CW80" s="1020"/>
      <c r="CX80" s="1021"/>
      <c r="CY80" s="1021"/>
      <c r="CZ80" s="1021"/>
      <c r="DA80" s="1022"/>
      <c r="DB80" s="1020"/>
      <c r="DC80" s="1021"/>
      <c r="DD80" s="1021"/>
      <c r="DE80" s="1021"/>
      <c r="DF80" s="1022"/>
      <c r="DG80" s="1020"/>
      <c r="DH80" s="1021"/>
      <c r="DI80" s="1021"/>
      <c r="DJ80" s="1021"/>
      <c r="DK80" s="1022"/>
      <c r="DL80" s="1020"/>
      <c r="DM80" s="1021"/>
      <c r="DN80" s="1021"/>
      <c r="DO80" s="1021"/>
      <c r="DP80" s="1022"/>
      <c r="DQ80" s="1020"/>
      <c r="DR80" s="1021"/>
      <c r="DS80" s="1021"/>
      <c r="DT80" s="1021"/>
      <c r="DU80" s="1022"/>
      <c r="DV80" s="1009"/>
      <c r="DW80" s="1010"/>
      <c r="DX80" s="1010"/>
      <c r="DY80" s="1010"/>
      <c r="DZ80" s="1011"/>
      <c r="EA80" s="233"/>
    </row>
    <row r="81" spans="1:131" ht="26.25" customHeight="1" x14ac:dyDescent="0.2">
      <c r="A81" s="241">
        <v>14</v>
      </c>
      <c r="B81" s="1038"/>
      <c r="C81" s="1039"/>
      <c r="D81" s="1039"/>
      <c r="E81" s="1039"/>
      <c r="F81" s="1039"/>
      <c r="G81" s="1039"/>
      <c r="H81" s="1039"/>
      <c r="I81" s="1039"/>
      <c r="J81" s="1039"/>
      <c r="K81" s="1039"/>
      <c r="L81" s="1039"/>
      <c r="M81" s="1039"/>
      <c r="N81" s="1039"/>
      <c r="O81" s="1039"/>
      <c r="P81" s="1040"/>
      <c r="Q81" s="1041"/>
      <c r="R81" s="1035"/>
      <c r="S81" s="1035"/>
      <c r="T81" s="1035"/>
      <c r="U81" s="1035"/>
      <c r="V81" s="1035"/>
      <c r="W81" s="1035"/>
      <c r="X81" s="1035"/>
      <c r="Y81" s="1035"/>
      <c r="Z81" s="1035"/>
      <c r="AA81" s="1035"/>
      <c r="AB81" s="1035"/>
      <c r="AC81" s="1035"/>
      <c r="AD81" s="1035"/>
      <c r="AE81" s="1035"/>
      <c r="AF81" s="1035"/>
      <c r="AG81" s="1035"/>
      <c r="AH81" s="1035"/>
      <c r="AI81" s="1035"/>
      <c r="AJ81" s="1035"/>
      <c r="AK81" s="1035"/>
      <c r="AL81" s="1035"/>
      <c r="AM81" s="1035"/>
      <c r="AN81" s="1035"/>
      <c r="AO81" s="1035"/>
      <c r="AP81" s="1035"/>
      <c r="AQ81" s="1035"/>
      <c r="AR81" s="1035"/>
      <c r="AS81" s="1035"/>
      <c r="AT81" s="1035"/>
      <c r="AU81" s="1035"/>
      <c r="AV81" s="1035"/>
      <c r="AW81" s="1035"/>
      <c r="AX81" s="1035"/>
      <c r="AY81" s="1035"/>
      <c r="AZ81" s="1036"/>
      <c r="BA81" s="1036"/>
      <c r="BB81" s="1036"/>
      <c r="BC81" s="1036"/>
      <c r="BD81" s="1037"/>
      <c r="BE81" s="244"/>
      <c r="BF81" s="244"/>
      <c r="BG81" s="244"/>
      <c r="BH81" s="244"/>
      <c r="BI81" s="244"/>
      <c r="BJ81" s="244"/>
      <c r="BK81" s="244"/>
      <c r="BL81" s="244"/>
      <c r="BM81" s="244"/>
      <c r="BN81" s="244"/>
      <c r="BO81" s="244"/>
      <c r="BP81" s="244"/>
      <c r="BQ81" s="241">
        <v>75</v>
      </c>
      <c r="BR81" s="246"/>
      <c r="BS81" s="1009"/>
      <c r="BT81" s="1010"/>
      <c r="BU81" s="1010"/>
      <c r="BV81" s="1010"/>
      <c r="BW81" s="1010"/>
      <c r="BX81" s="1010"/>
      <c r="BY81" s="1010"/>
      <c r="BZ81" s="1010"/>
      <c r="CA81" s="1010"/>
      <c r="CB81" s="1010"/>
      <c r="CC81" s="1010"/>
      <c r="CD81" s="1010"/>
      <c r="CE81" s="1010"/>
      <c r="CF81" s="1010"/>
      <c r="CG81" s="1019"/>
      <c r="CH81" s="1020"/>
      <c r="CI81" s="1021"/>
      <c r="CJ81" s="1021"/>
      <c r="CK81" s="1021"/>
      <c r="CL81" s="1022"/>
      <c r="CM81" s="1020"/>
      <c r="CN81" s="1021"/>
      <c r="CO81" s="1021"/>
      <c r="CP81" s="1021"/>
      <c r="CQ81" s="1022"/>
      <c r="CR81" s="1020"/>
      <c r="CS81" s="1021"/>
      <c r="CT81" s="1021"/>
      <c r="CU81" s="1021"/>
      <c r="CV81" s="1022"/>
      <c r="CW81" s="1020"/>
      <c r="CX81" s="1021"/>
      <c r="CY81" s="1021"/>
      <c r="CZ81" s="1021"/>
      <c r="DA81" s="1022"/>
      <c r="DB81" s="1020"/>
      <c r="DC81" s="1021"/>
      <c r="DD81" s="1021"/>
      <c r="DE81" s="1021"/>
      <c r="DF81" s="1022"/>
      <c r="DG81" s="1020"/>
      <c r="DH81" s="1021"/>
      <c r="DI81" s="1021"/>
      <c r="DJ81" s="1021"/>
      <c r="DK81" s="1022"/>
      <c r="DL81" s="1020"/>
      <c r="DM81" s="1021"/>
      <c r="DN81" s="1021"/>
      <c r="DO81" s="1021"/>
      <c r="DP81" s="1022"/>
      <c r="DQ81" s="1020"/>
      <c r="DR81" s="1021"/>
      <c r="DS81" s="1021"/>
      <c r="DT81" s="1021"/>
      <c r="DU81" s="1022"/>
      <c r="DV81" s="1009"/>
      <c r="DW81" s="1010"/>
      <c r="DX81" s="1010"/>
      <c r="DY81" s="1010"/>
      <c r="DZ81" s="1011"/>
      <c r="EA81" s="233"/>
    </row>
    <row r="82" spans="1:131" ht="26.25" customHeight="1" x14ac:dyDescent="0.2">
      <c r="A82" s="241">
        <v>15</v>
      </c>
      <c r="B82" s="1038"/>
      <c r="C82" s="1039"/>
      <c r="D82" s="1039"/>
      <c r="E82" s="1039"/>
      <c r="F82" s="1039"/>
      <c r="G82" s="1039"/>
      <c r="H82" s="1039"/>
      <c r="I82" s="1039"/>
      <c r="J82" s="1039"/>
      <c r="K82" s="1039"/>
      <c r="L82" s="1039"/>
      <c r="M82" s="1039"/>
      <c r="N82" s="1039"/>
      <c r="O82" s="1039"/>
      <c r="P82" s="1040"/>
      <c r="Q82" s="1041"/>
      <c r="R82" s="1035"/>
      <c r="S82" s="1035"/>
      <c r="T82" s="1035"/>
      <c r="U82" s="1035"/>
      <c r="V82" s="1035"/>
      <c r="W82" s="1035"/>
      <c r="X82" s="1035"/>
      <c r="Y82" s="1035"/>
      <c r="Z82" s="1035"/>
      <c r="AA82" s="1035"/>
      <c r="AB82" s="1035"/>
      <c r="AC82" s="1035"/>
      <c r="AD82" s="1035"/>
      <c r="AE82" s="1035"/>
      <c r="AF82" s="1035"/>
      <c r="AG82" s="1035"/>
      <c r="AH82" s="1035"/>
      <c r="AI82" s="1035"/>
      <c r="AJ82" s="1035"/>
      <c r="AK82" s="1035"/>
      <c r="AL82" s="1035"/>
      <c r="AM82" s="1035"/>
      <c r="AN82" s="1035"/>
      <c r="AO82" s="1035"/>
      <c r="AP82" s="1035"/>
      <c r="AQ82" s="1035"/>
      <c r="AR82" s="1035"/>
      <c r="AS82" s="1035"/>
      <c r="AT82" s="1035"/>
      <c r="AU82" s="1035"/>
      <c r="AV82" s="1035"/>
      <c r="AW82" s="1035"/>
      <c r="AX82" s="1035"/>
      <c r="AY82" s="1035"/>
      <c r="AZ82" s="1036"/>
      <c r="BA82" s="1036"/>
      <c r="BB82" s="1036"/>
      <c r="BC82" s="1036"/>
      <c r="BD82" s="1037"/>
      <c r="BE82" s="244"/>
      <c r="BF82" s="244"/>
      <c r="BG82" s="244"/>
      <c r="BH82" s="244"/>
      <c r="BI82" s="244"/>
      <c r="BJ82" s="244"/>
      <c r="BK82" s="244"/>
      <c r="BL82" s="244"/>
      <c r="BM82" s="244"/>
      <c r="BN82" s="244"/>
      <c r="BO82" s="244"/>
      <c r="BP82" s="244"/>
      <c r="BQ82" s="241">
        <v>76</v>
      </c>
      <c r="BR82" s="246"/>
      <c r="BS82" s="1009"/>
      <c r="BT82" s="1010"/>
      <c r="BU82" s="1010"/>
      <c r="BV82" s="1010"/>
      <c r="BW82" s="1010"/>
      <c r="BX82" s="1010"/>
      <c r="BY82" s="1010"/>
      <c r="BZ82" s="1010"/>
      <c r="CA82" s="1010"/>
      <c r="CB82" s="1010"/>
      <c r="CC82" s="1010"/>
      <c r="CD82" s="1010"/>
      <c r="CE82" s="1010"/>
      <c r="CF82" s="1010"/>
      <c r="CG82" s="1019"/>
      <c r="CH82" s="1020"/>
      <c r="CI82" s="1021"/>
      <c r="CJ82" s="1021"/>
      <c r="CK82" s="1021"/>
      <c r="CL82" s="1022"/>
      <c r="CM82" s="1020"/>
      <c r="CN82" s="1021"/>
      <c r="CO82" s="1021"/>
      <c r="CP82" s="1021"/>
      <c r="CQ82" s="1022"/>
      <c r="CR82" s="1020"/>
      <c r="CS82" s="1021"/>
      <c r="CT82" s="1021"/>
      <c r="CU82" s="1021"/>
      <c r="CV82" s="1022"/>
      <c r="CW82" s="1020"/>
      <c r="CX82" s="1021"/>
      <c r="CY82" s="1021"/>
      <c r="CZ82" s="1021"/>
      <c r="DA82" s="1022"/>
      <c r="DB82" s="1020"/>
      <c r="DC82" s="1021"/>
      <c r="DD82" s="1021"/>
      <c r="DE82" s="1021"/>
      <c r="DF82" s="1022"/>
      <c r="DG82" s="1020"/>
      <c r="DH82" s="1021"/>
      <c r="DI82" s="1021"/>
      <c r="DJ82" s="1021"/>
      <c r="DK82" s="1022"/>
      <c r="DL82" s="1020"/>
      <c r="DM82" s="1021"/>
      <c r="DN82" s="1021"/>
      <c r="DO82" s="1021"/>
      <c r="DP82" s="1022"/>
      <c r="DQ82" s="1020"/>
      <c r="DR82" s="1021"/>
      <c r="DS82" s="1021"/>
      <c r="DT82" s="1021"/>
      <c r="DU82" s="1022"/>
      <c r="DV82" s="1009"/>
      <c r="DW82" s="1010"/>
      <c r="DX82" s="1010"/>
      <c r="DY82" s="1010"/>
      <c r="DZ82" s="1011"/>
      <c r="EA82" s="233"/>
    </row>
    <row r="83" spans="1:131" ht="26.25" customHeight="1" x14ac:dyDescent="0.2">
      <c r="A83" s="241">
        <v>16</v>
      </c>
      <c r="B83" s="1038"/>
      <c r="C83" s="1039"/>
      <c r="D83" s="1039"/>
      <c r="E83" s="1039"/>
      <c r="F83" s="1039"/>
      <c r="G83" s="1039"/>
      <c r="H83" s="1039"/>
      <c r="I83" s="1039"/>
      <c r="J83" s="1039"/>
      <c r="K83" s="1039"/>
      <c r="L83" s="1039"/>
      <c r="M83" s="1039"/>
      <c r="N83" s="1039"/>
      <c r="O83" s="1039"/>
      <c r="P83" s="1040"/>
      <c r="Q83" s="1041"/>
      <c r="R83" s="1035"/>
      <c r="S83" s="1035"/>
      <c r="T83" s="1035"/>
      <c r="U83" s="1035"/>
      <c r="V83" s="1035"/>
      <c r="W83" s="1035"/>
      <c r="X83" s="1035"/>
      <c r="Y83" s="1035"/>
      <c r="Z83" s="1035"/>
      <c r="AA83" s="1035"/>
      <c r="AB83" s="1035"/>
      <c r="AC83" s="1035"/>
      <c r="AD83" s="1035"/>
      <c r="AE83" s="1035"/>
      <c r="AF83" s="1035"/>
      <c r="AG83" s="1035"/>
      <c r="AH83" s="1035"/>
      <c r="AI83" s="1035"/>
      <c r="AJ83" s="1035"/>
      <c r="AK83" s="1035"/>
      <c r="AL83" s="1035"/>
      <c r="AM83" s="1035"/>
      <c r="AN83" s="1035"/>
      <c r="AO83" s="1035"/>
      <c r="AP83" s="1035"/>
      <c r="AQ83" s="1035"/>
      <c r="AR83" s="1035"/>
      <c r="AS83" s="1035"/>
      <c r="AT83" s="1035"/>
      <c r="AU83" s="1035"/>
      <c r="AV83" s="1035"/>
      <c r="AW83" s="1035"/>
      <c r="AX83" s="1035"/>
      <c r="AY83" s="1035"/>
      <c r="AZ83" s="1036"/>
      <c r="BA83" s="1036"/>
      <c r="BB83" s="1036"/>
      <c r="BC83" s="1036"/>
      <c r="BD83" s="1037"/>
      <c r="BE83" s="244"/>
      <c r="BF83" s="244"/>
      <c r="BG83" s="244"/>
      <c r="BH83" s="244"/>
      <c r="BI83" s="244"/>
      <c r="BJ83" s="244"/>
      <c r="BK83" s="244"/>
      <c r="BL83" s="244"/>
      <c r="BM83" s="244"/>
      <c r="BN83" s="244"/>
      <c r="BO83" s="244"/>
      <c r="BP83" s="244"/>
      <c r="BQ83" s="241">
        <v>77</v>
      </c>
      <c r="BR83" s="246"/>
      <c r="BS83" s="1009"/>
      <c r="BT83" s="1010"/>
      <c r="BU83" s="1010"/>
      <c r="BV83" s="1010"/>
      <c r="BW83" s="1010"/>
      <c r="BX83" s="1010"/>
      <c r="BY83" s="1010"/>
      <c r="BZ83" s="1010"/>
      <c r="CA83" s="1010"/>
      <c r="CB83" s="1010"/>
      <c r="CC83" s="1010"/>
      <c r="CD83" s="1010"/>
      <c r="CE83" s="1010"/>
      <c r="CF83" s="1010"/>
      <c r="CG83" s="1019"/>
      <c r="CH83" s="1020"/>
      <c r="CI83" s="1021"/>
      <c r="CJ83" s="1021"/>
      <c r="CK83" s="1021"/>
      <c r="CL83" s="1022"/>
      <c r="CM83" s="1020"/>
      <c r="CN83" s="1021"/>
      <c r="CO83" s="1021"/>
      <c r="CP83" s="1021"/>
      <c r="CQ83" s="1022"/>
      <c r="CR83" s="1020"/>
      <c r="CS83" s="1021"/>
      <c r="CT83" s="1021"/>
      <c r="CU83" s="1021"/>
      <c r="CV83" s="1022"/>
      <c r="CW83" s="1020"/>
      <c r="CX83" s="1021"/>
      <c r="CY83" s="1021"/>
      <c r="CZ83" s="1021"/>
      <c r="DA83" s="1022"/>
      <c r="DB83" s="1020"/>
      <c r="DC83" s="1021"/>
      <c r="DD83" s="1021"/>
      <c r="DE83" s="1021"/>
      <c r="DF83" s="1022"/>
      <c r="DG83" s="1020"/>
      <c r="DH83" s="1021"/>
      <c r="DI83" s="1021"/>
      <c r="DJ83" s="1021"/>
      <c r="DK83" s="1022"/>
      <c r="DL83" s="1020"/>
      <c r="DM83" s="1021"/>
      <c r="DN83" s="1021"/>
      <c r="DO83" s="1021"/>
      <c r="DP83" s="1022"/>
      <c r="DQ83" s="1020"/>
      <c r="DR83" s="1021"/>
      <c r="DS83" s="1021"/>
      <c r="DT83" s="1021"/>
      <c r="DU83" s="1022"/>
      <c r="DV83" s="1009"/>
      <c r="DW83" s="1010"/>
      <c r="DX83" s="1010"/>
      <c r="DY83" s="1010"/>
      <c r="DZ83" s="1011"/>
      <c r="EA83" s="233"/>
    </row>
    <row r="84" spans="1:131" ht="26.25" customHeight="1" x14ac:dyDescent="0.2">
      <c r="A84" s="241">
        <v>17</v>
      </c>
      <c r="B84" s="1038"/>
      <c r="C84" s="1039"/>
      <c r="D84" s="1039"/>
      <c r="E84" s="1039"/>
      <c r="F84" s="1039"/>
      <c r="G84" s="1039"/>
      <c r="H84" s="1039"/>
      <c r="I84" s="1039"/>
      <c r="J84" s="1039"/>
      <c r="K84" s="1039"/>
      <c r="L84" s="1039"/>
      <c r="M84" s="1039"/>
      <c r="N84" s="1039"/>
      <c r="O84" s="1039"/>
      <c r="P84" s="1040"/>
      <c r="Q84" s="1041"/>
      <c r="R84" s="1035"/>
      <c r="S84" s="1035"/>
      <c r="T84" s="1035"/>
      <c r="U84" s="1035"/>
      <c r="V84" s="1035"/>
      <c r="W84" s="1035"/>
      <c r="X84" s="1035"/>
      <c r="Y84" s="1035"/>
      <c r="Z84" s="1035"/>
      <c r="AA84" s="1035"/>
      <c r="AB84" s="1035"/>
      <c r="AC84" s="1035"/>
      <c r="AD84" s="1035"/>
      <c r="AE84" s="1035"/>
      <c r="AF84" s="1035"/>
      <c r="AG84" s="1035"/>
      <c r="AH84" s="1035"/>
      <c r="AI84" s="1035"/>
      <c r="AJ84" s="1035"/>
      <c r="AK84" s="1035"/>
      <c r="AL84" s="1035"/>
      <c r="AM84" s="1035"/>
      <c r="AN84" s="1035"/>
      <c r="AO84" s="1035"/>
      <c r="AP84" s="1035"/>
      <c r="AQ84" s="1035"/>
      <c r="AR84" s="1035"/>
      <c r="AS84" s="1035"/>
      <c r="AT84" s="1035"/>
      <c r="AU84" s="1035"/>
      <c r="AV84" s="1035"/>
      <c r="AW84" s="1035"/>
      <c r="AX84" s="1035"/>
      <c r="AY84" s="1035"/>
      <c r="AZ84" s="1036"/>
      <c r="BA84" s="1036"/>
      <c r="BB84" s="1036"/>
      <c r="BC84" s="1036"/>
      <c r="BD84" s="1037"/>
      <c r="BE84" s="244"/>
      <c r="BF84" s="244"/>
      <c r="BG84" s="244"/>
      <c r="BH84" s="244"/>
      <c r="BI84" s="244"/>
      <c r="BJ84" s="244"/>
      <c r="BK84" s="244"/>
      <c r="BL84" s="244"/>
      <c r="BM84" s="244"/>
      <c r="BN84" s="244"/>
      <c r="BO84" s="244"/>
      <c r="BP84" s="244"/>
      <c r="BQ84" s="241">
        <v>78</v>
      </c>
      <c r="BR84" s="246"/>
      <c r="BS84" s="1009"/>
      <c r="BT84" s="1010"/>
      <c r="BU84" s="1010"/>
      <c r="BV84" s="1010"/>
      <c r="BW84" s="1010"/>
      <c r="BX84" s="1010"/>
      <c r="BY84" s="1010"/>
      <c r="BZ84" s="1010"/>
      <c r="CA84" s="1010"/>
      <c r="CB84" s="1010"/>
      <c r="CC84" s="1010"/>
      <c r="CD84" s="1010"/>
      <c r="CE84" s="1010"/>
      <c r="CF84" s="1010"/>
      <c r="CG84" s="1019"/>
      <c r="CH84" s="1020"/>
      <c r="CI84" s="1021"/>
      <c r="CJ84" s="1021"/>
      <c r="CK84" s="1021"/>
      <c r="CL84" s="1022"/>
      <c r="CM84" s="1020"/>
      <c r="CN84" s="1021"/>
      <c r="CO84" s="1021"/>
      <c r="CP84" s="1021"/>
      <c r="CQ84" s="1022"/>
      <c r="CR84" s="1020"/>
      <c r="CS84" s="1021"/>
      <c r="CT84" s="1021"/>
      <c r="CU84" s="1021"/>
      <c r="CV84" s="1022"/>
      <c r="CW84" s="1020"/>
      <c r="CX84" s="1021"/>
      <c r="CY84" s="1021"/>
      <c r="CZ84" s="1021"/>
      <c r="DA84" s="1022"/>
      <c r="DB84" s="1020"/>
      <c r="DC84" s="1021"/>
      <c r="DD84" s="1021"/>
      <c r="DE84" s="1021"/>
      <c r="DF84" s="1022"/>
      <c r="DG84" s="1020"/>
      <c r="DH84" s="1021"/>
      <c r="DI84" s="1021"/>
      <c r="DJ84" s="1021"/>
      <c r="DK84" s="1022"/>
      <c r="DL84" s="1020"/>
      <c r="DM84" s="1021"/>
      <c r="DN84" s="1021"/>
      <c r="DO84" s="1021"/>
      <c r="DP84" s="1022"/>
      <c r="DQ84" s="1020"/>
      <c r="DR84" s="1021"/>
      <c r="DS84" s="1021"/>
      <c r="DT84" s="1021"/>
      <c r="DU84" s="1022"/>
      <c r="DV84" s="1009"/>
      <c r="DW84" s="1010"/>
      <c r="DX84" s="1010"/>
      <c r="DY84" s="1010"/>
      <c r="DZ84" s="1011"/>
      <c r="EA84" s="233"/>
    </row>
    <row r="85" spans="1:131" ht="26.25" customHeight="1" x14ac:dyDescent="0.2">
      <c r="A85" s="241">
        <v>18</v>
      </c>
      <c r="B85" s="1038"/>
      <c r="C85" s="1039"/>
      <c r="D85" s="1039"/>
      <c r="E85" s="1039"/>
      <c r="F85" s="1039"/>
      <c r="G85" s="1039"/>
      <c r="H85" s="1039"/>
      <c r="I85" s="1039"/>
      <c r="J85" s="1039"/>
      <c r="K85" s="1039"/>
      <c r="L85" s="1039"/>
      <c r="M85" s="1039"/>
      <c r="N85" s="1039"/>
      <c r="O85" s="1039"/>
      <c r="P85" s="1040"/>
      <c r="Q85" s="1041"/>
      <c r="R85" s="1035"/>
      <c r="S85" s="1035"/>
      <c r="T85" s="1035"/>
      <c r="U85" s="1035"/>
      <c r="V85" s="1035"/>
      <c r="W85" s="1035"/>
      <c r="X85" s="1035"/>
      <c r="Y85" s="1035"/>
      <c r="Z85" s="1035"/>
      <c r="AA85" s="1035"/>
      <c r="AB85" s="1035"/>
      <c r="AC85" s="1035"/>
      <c r="AD85" s="1035"/>
      <c r="AE85" s="1035"/>
      <c r="AF85" s="1035"/>
      <c r="AG85" s="1035"/>
      <c r="AH85" s="1035"/>
      <c r="AI85" s="1035"/>
      <c r="AJ85" s="1035"/>
      <c r="AK85" s="1035"/>
      <c r="AL85" s="1035"/>
      <c r="AM85" s="1035"/>
      <c r="AN85" s="1035"/>
      <c r="AO85" s="1035"/>
      <c r="AP85" s="1035"/>
      <c r="AQ85" s="1035"/>
      <c r="AR85" s="1035"/>
      <c r="AS85" s="1035"/>
      <c r="AT85" s="1035"/>
      <c r="AU85" s="1035"/>
      <c r="AV85" s="1035"/>
      <c r="AW85" s="1035"/>
      <c r="AX85" s="1035"/>
      <c r="AY85" s="1035"/>
      <c r="AZ85" s="1036"/>
      <c r="BA85" s="1036"/>
      <c r="BB85" s="1036"/>
      <c r="BC85" s="1036"/>
      <c r="BD85" s="1037"/>
      <c r="BE85" s="244"/>
      <c r="BF85" s="244"/>
      <c r="BG85" s="244"/>
      <c r="BH85" s="244"/>
      <c r="BI85" s="244"/>
      <c r="BJ85" s="244"/>
      <c r="BK85" s="244"/>
      <c r="BL85" s="244"/>
      <c r="BM85" s="244"/>
      <c r="BN85" s="244"/>
      <c r="BO85" s="244"/>
      <c r="BP85" s="244"/>
      <c r="BQ85" s="241">
        <v>79</v>
      </c>
      <c r="BR85" s="246"/>
      <c r="BS85" s="1009"/>
      <c r="BT85" s="1010"/>
      <c r="BU85" s="1010"/>
      <c r="BV85" s="1010"/>
      <c r="BW85" s="1010"/>
      <c r="BX85" s="1010"/>
      <c r="BY85" s="1010"/>
      <c r="BZ85" s="1010"/>
      <c r="CA85" s="1010"/>
      <c r="CB85" s="1010"/>
      <c r="CC85" s="1010"/>
      <c r="CD85" s="1010"/>
      <c r="CE85" s="1010"/>
      <c r="CF85" s="1010"/>
      <c r="CG85" s="1019"/>
      <c r="CH85" s="1020"/>
      <c r="CI85" s="1021"/>
      <c r="CJ85" s="1021"/>
      <c r="CK85" s="1021"/>
      <c r="CL85" s="1022"/>
      <c r="CM85" s="1020"/>
      <c r="CN85" s="1021"/>
      <c r="CO85" s="1021"/>
      <c r="CP85" s="1021"/>
      <c r="CQ85" s="1022"/>
      <c r="CR85" s="1020"/>
      <c r="CS85" s="1021"/>
      <c r="CT85" s="1021"/>
      <c r="CU85" s="1021"/>
      <c r="CV85" s="1022"/>
      <c r="CW85" s="1020"/>
      <c r="CX85" s="1021"/>
      <c r="CY85" s="1021"/>
      <c r="CZ85" s="1021"/>
      <c r="DA85" s="1022"/>
      <c r="DB85" s="1020"/>
      <c r="DC85" s="1021"/>
      <c r="DD85" s="1021"/>
      <c r="DE85" s="1021"/>
      <c r="DF85" s="1022"/>
      <c r="DG85" s="1020"/>
      <c r="DH85" s="1021"/>
      <c r="DI85" s="1021"/>
      <c r="DJ85" s="1021"/>
      <c r="DK85" s="1022"/>
      <c r="DL85" s="1020"/>
      <c r="DM85" s="1021"/>
      <c r="DN85" s="1021"/>
      <c r="DO85" s="1021"/>
      <c r="DP85" s="1022"/>
      <c r="DQ85" s="1020"/>
      <c r="DR85" s="1021"/>
      <c r="DS85" s="1021"/>
      <c r="DT85" s="1021"/>
      <c r="DU85" s="1022"/>
      <c r="DV85" s="1009"/>
      <c r="DW85" s="1010"/>
      <c r="DX85" s="1010"/>
      <c r="DY85" s="1010"/>
      <c r="DZ85" s="1011"/>
      <c r="EA85" s="233"/>
    </row>
    <row r="86" spans="1:131" ht="26.25" customHeight="1" x14ac:dyDescent="0.2">
      <c r="A86" s="241">
        <v>19</v>
      </c>
      <c r="B86" s="1038"/>
      <c r="C86" s="1039"/>
      <c r="D86" s="1039"/>
      <c r="E86" s="1039"/>
      <c r="F86" s="1039"/>
      <c r="G86" s="1039"/>
      <c r="H86" s="1039"/>
      <c r="I86" s="1039"/>
      <c r="J86" s="1039"/>
      <c r="K86" s="1039"/>
      <c r="L86" s="1039"/>
      <c r="M86" s="1039"/>
      <c r="N86" s="1039"/>
      <c r="O86" s="1039"/>
      <c r="P86" s="1040"/>
      <c r="Q86" s="1041"/>
      <c r="R86" s="1035"/>
      <c r="S86" s="1035"/>
      <c r="T86" s="1035"/>
      <c r="U86" s="1035"/>
      <c r="V86" s="1035"/>
      <c r="W86" s="1035"/>
      <c r="X86" s="1035"/>
      <c r="Y86" s="1035"/>
      <c r="Z86" s="1035"/>
      <c r="AA86" s="1035"/>
      <c r="AB86" s="1035"/>
      <c r="AC86" s="1035"/>
      <c r="AD86" s="1035"/>
      <c r="AE86" s="1035"/>
      <c r="AF86" s="1035"/>
      <c r="AG86" s="1035"/>
      <c r="AH86" s="1035"/>
      <c r="AI86" s="1035"/>
      <c r="AJ86" s="1035"/>
      <c r="AK86" s="1035"/>
      <c r="AL86" s="1035"/>
      <c r="AM86" s="1035"/>
      <c r="AN86" s="1035"/>
      <c r="AO86" s="1035"/>
      <c r="AP86" s="1035"/>
      <c r="AQ86" s="1035"/>
      <c r="AR86" s="1035"/>
      <c r="AS86" s="1035"/>
      <c r="AT86" s="1035"/>
      <c r="AU86" s="1035"/>
      <c r="AV86" s="1035"/>
      <c r="AW86" s="1035"/>
      <c r="AX86" s="1035"/>
      <c r="AY86" s="1035"/>
      <c r="AZ86" s="1036"/>
      <c r="BA86" s="1036"/>
      <c r="BB86" s="1036"/>
      <c r="BC86" s="1036"/>
      <c r="BD86" s="1037"/>
      <c r="BE86" s="244"/>
      <c r="BF86" s="244"/>
      <c r="BG86" s="244"/>
      <c r="BH86" s="244"/>
      <c r="BI86" s="244"/>
      <c r="BJ86" s="244"/>
      <c r="BK86" s="244"/>
      <c r="BL86" s="244"/>
      <c r="BM86" s="244"/>
      <c r="BN86" s="244"/>
      <c r="BO86" s="244"/>
      <c r="BP86" s="244"/>
      <c r="BQ86" s="241">
        <v>80</v>
      </c>
      <c r="BR86" s="246"/>
      <c r="BS86" s="1009"/>
      <c r="BT86" s="1010"/>
      <c r="BU86" s="1010"/>
      <c r="BV86" s="1010"/>
      <c r="BW86" s="1010"/>
      <c r="BX86" s="1010"/>
      <c r="BY86" s="1010"/>
      <c r="BZ86" s="1010"/>
      <c r="CA86" s="1010"/>
      <c r="CB86" s="1010"/>
      <c r="CC86" s="1010"/>
      <c r="CD86" s="1010"/>
      <c r="CE86" s="1010"/>
      <c r="CF86" s="1010"/>
      <c r="CG86" s="1019"/>
      <c r="CH86" s="1020"/>
      <c r="CI86" s="1021"/>
      <c r="CJ86" s="1021"/>
      <c r="CK86" s="1021"/>
      <c r="CL86" s="1022"/>
      <c r="CM86" s="1020"/>
      <c r="CN86" s="1021"/>
      <c r="CO86" s="1021"/>
      <c r="CP86" s="1021"/>
      <c r="CQ86" s="1022"/>
      <c r="CR86" s="1020"/>
      <c r="CS86" s="1021"/>
      <c r="CT86" s="1021"/>
      <c r="CU86" s="1021"/>
      <c r="CV86" s="1022"/>
      <c r="CW86" s="1020"/>
      <c r="CX86" s="1021"/>
      <c r="CY86" s="1021"/>
      <c r="CZ86" s="1021"/>
      <c r="DA86" s="1022"/>
      <c r="DB86" s="1020"/>
      <c r="DC86" s="1021"/>
      <c r="DD86" s="1021"/>
      <c r="DE86" s="1021"/>
      <c r="DF86" s="1022"/>
      <c r="DG86" s="1020"/>
      <c r="DH86" s="1021"/>
      <c r="DI86" s="1021"/>
      <c r="DJ86" s="1021"/>
      <c r="DK86" s="1022"/>
      <c r="DL86" s="1020"/>
      <c r="DM86" s="1021"/>
      <c r="DN86" s="1021"/>
      <c r="DO86" s="1021"/>
      <c r="DP86" s="1022"/>
      <c r="DQ86" s="1020"/>
      <c r="DR86" s="1021"/>
      <c r="DS86" s="1021"/>
      <c r="DT86" s="1021"/>
      <c r="DU86" s="1022"/>
      <c r="DV86" s="1009"/>
      <c r="DW86" s="1010"/>
      <c r="DX86" s="1010"/>
      <c r="DY86" s="1010"/>
      <c r="DZ86" s="1011"/>
      <c r="EA86" s="233"/>
    </row>
    <row r="87" spans="1:131" ht="26.25" customHeight="1" x14ac:dyDescent="0.2">
      <c r="A87" s="247">
        <v>20</v>
      </c>
      <c r="B87" s="1028"/>
      <c r="C87" s="1029"/>
      <c r="D87" s="1029"/>
      <c r="E87" s="1029"/>
      <c r="F87" s="1029"/>
      <c r="G87" s="1029"/>
      <c r="H87" s="1029"/>
      <c r="I87" s="1029"/>
      <c r="J87" s="1029"/>
      <c r="K87" s="1029"/>
      <c r="L87" s="1029"/>
      <c r="M87" s="1029"/>
      <c r="N87" s="1029"/>
      <c r="O87" s="1029"/>
      <c r="P87" s="1030"/>
      <c r="Q87" s="1031"/>
      <c r="R87" s="1032"/>
      <c r="S87" s="1032"/>
      <c r="T87" s="1032"/>
      <c r="U87" s="1032"/>
      <c r="V87" s="1032"/>
      <c r="W87" s="1032"/>
      <c r="X87" s="1032"/>
      <c r="Y87" s="1032"/>
      <c r="Z87" s="1032"/>
      <c r="AA87" s="1032"/>
      <c r="AB87" s="1032"/>
      <c r="AC87" s="1032"/>
      <c r="AD87" s="1032"/>
      <c r="AE87" s="1032"/>
      <c r="AF87" s="1032"/>
      <c r="AG87" s="1032"/>
      <c r="AH87" s="1032"/>
      <c r="AI87" s="1032"/>
      <c r="AJ87" s="1032"/>
      <c r="AK87" s="1032"/>
      <c r="AL87" s="1032"/>
      <c r="AM87" s="1032"/>
      <c r="AN87" s="1032"/>
      <c r="AO87" s="1032"/>
      <c r="AP87" s="1032"/>
      <c r="AQ87" s="1032"/>
      <c r="AR87" s="1032"/>
      <c r="AS87" s="1032"/>
      <c r="AT87" s="1032"/>
      <c r="AU87" s="1032"/>
      <c r="AV87" s="1032"/>
      <c r="AW87" s="1032"/>
      <c r="AX87" s="1032"/>
      <c r="AY87" s="1032"/>
      <c r="AZ87" s="1033"/>
      <c r="BA87" s="1033"/>
      <c r="BB87" s="1033"/>
      <c r="BC87" s="1033"/>
      <c r="BD87" s="1034"/>
      <c r="BE87" s="244"/>
      <c r="BF87" s="244"/>
      <c r="BG87" s="244"/>
      <c r="BH87" s="244"/>
      <c r="BI87" s="244"/>
      <c r="BJ87" s="244"/>
      <c r="BK87" s="244"/>
      <c r="BL87" s="244"/>
      <c r="BM87" s="244"/>
      <c r="BN87" s="244"/>
      <c r="BO87" s="244"/>
      <c r="BP87" s="244"/>
      <c r="BQ87" s="241">
        <v>81</v>
      </c>
      <c r="BR87" s="246"/>
      <c r="BS87" s="1009"/>
      <c r="BT87" s="1010"/>
      <c r="BU87" s="1010"/>
      <c r="BV87" s="1010"/>
      <c r="BW87" s="1010"/>
      <c r="BX87" s="1010"/>
      <c r="BY87" s="1010"/>
      <c r="BZ87" s="1010"/>
      <c r="CA87" s="1010"/>
      <c r="CB87" s="1010"/>
      <c r="CC87" s="1010"/>
      <c r="CD87" s="1010"/>
      <c r="CE87" s="1010"/>
      <c r="CF87" s="1010"/>
      <c r="CG87" s="1019"/>
      <c r="CH87" s="1020"/>
      <c r="CI87" s="1021"/>
      <c r="CJ87" s="1021"/>
      <c r="CK87" s="1021"/>
      <c r="CL87" s="1022"/>
      <c r="CM87" s="1020"/>
      <c r="CN87" s="1021"/>
      <c r="CO87" s="1021"/>
      <c r="CP87" s="1021"/>
      <c r="CQ87" s="1022"/>
      <c r="CR87" s="1020"/>
      <c r="CS87" s="1021"/>
      <c r="CT87" s="1021"/>
      <c r="CU87" s="1021"/>
      <c r="CV87" s="1022"/>
      <c r="CW87" s="1020"/>
      <c r="CX87" s="1021"/>
      <c r="CY87" s="1021"/>
      <c r="CZ87" s="1021"/>
      <c r="DA87" s="1022"/>
      <c r="DB87" s="1020"/>
      <c r="DC87" s="1021"/>
      <c r="DD87" s="1021"/>
      <c r="DE87" s="1021"/>
      <c r="DF87" s="1022"/>
      <c r="DG87" s="1020"/>
      <c r="DH87" s="1021"/>
      <c r="DI87" s="1021"/>
      <c r="DJ87" s="1021"/>
      <c r="DK87" s="1022"/>
      <c r="DL87" s="1020"/>
      <c r="DM87" s="1021"/>
      <c r="DN87" s="1021"/>
      <c r="DO87" s="1021"/>
      <c r="DP87" s="1022"/>
      <c r="DQ87" s="1020"/>
      <c r="DR87" s="1021"/>
      <c r="DS87" s="1021"/>
      <c r="DT87" s="1021"/>
      <c r="DU87" s="1022"/>
      <c r="DV87" s="1009"/>
      <c r="DW87" s="1010"/>
      <c r="DX87" s="1010"/>
      <c r="DY87" s="1010"/>
      <c r="DZ87" s="1011"/>
      <c r="EA87" s="233"/>
    </row>
    <row r="88" spans="1:131" ht="26.25" customHeight="1" thickBot="1" x14ac:dyDescent="0.25">
      <c r="A88" s="243" t="s">
        <v>398</v>
      </c>
      <c r="B88" s="1001" t="s">
        <v>440</v>
      </c>
      <c r="C88" s="1002"/>
      <c r="D88" s="1002"/>
      <c r="E88" s="1002"/>
      <c r="F88" s="1002"/>
      <c r="G88" s="1002"/>
      <c r="H88" s="1002"/>
      <c r="I88" s="1002"/>
      <c r="J88" s="1002"/>
      <c r="K88" s="1002"/>
      <c r="L88" s="1002"/>
      <c r="M88" s="1002"/>
      <c r="N88" s="1002"/>
      <c r="O88" s="1002"/>
      <c r="P88" s="1012"/>
      <c r="Q88" s="1026"/>
      <c r="R88" s="1027"/>
      <c r="S88" s="1027"/>
      <c r="T88" s="1027"/>
      <c r="U88" s="1027"/>
      <c r="V88" s="1027"/>
      <c r="W88" s="1027"/>
      <c r="X88" s="1027"/>
      <c r="Y88" s="1027"/>
      <c r="Z88" s="1027"/>
      <c r="AA88" s="1027"/>
      <c r="AB88" s="1027"/>
      <c r="AC88" s="1027"/>
      <c r="AD88" s="1027"/>
      <c r="AE88" s="1027"/>
      <c r="AF88" s="1023"/>
      <c r="AG88" s="1023"/>
      <c r="AH88" s="1023"/>
      <c r="AI88" s="1023"/>
      <c r="AJ88" s="1023"/>
      <c r="AK88" s="1027"/>
      <c r="AL88" s="1027"/>
      <c r="AM88" s="1027"/>
      <c r="AN88" s="1027"/>
      <c r="AO88" s="1027"/>
      <c r="AP88" s="1023"/>
      <c r="AQ88" s="1023"/>
      <c r="AR88" s="1023"/>
      <c r="AS88" s="1023"/>
      <c r="AT88" s="1023"/>
      <c r="AU88" s="1023"/>
      <c r="AV88" s="1023"/>
      <c r="AW88" s="1023"/>
      <c r="AX88" s="1023"/>
      <c r="AY88" s="1023"/>
      <c r="AZ88" s="1024"/>
      <c r="BA88" s="1024"/>
      <c r="BB88" s="1024"/>
      <c r="BC88" s="1024"/>
      <c r="BD88" s="1025"/>
      <c r="BE88" s="244"/>
      <c r="BF88" s="244"/>
      <c r="BG88" s="244"/>
      <c r="BH88" s="244"/>
      <c r="BI88" s="244"/>
      <c r="BJ88" s="244"/>
      <c r="BK88" s="244"/>
      <c r="BL88" s="244"/>
      <c r="BM88" s="244"/>
      <c r="BN88" s="244"/>
      <c r="BO88" s="244"/>
      <c r="BP88" s="244"/>
      <c r="BQ88" s="241">
        <v>82</v>
      </c>
      <c r="BR88" s="246"/>
      <c r="BS88" s="1009"/>
      <c r="BT88" s="1010"/>
      <c r="BU88" s="1010"/>
      <c r="BV88" s="1010"/>
      <c r="BW88" s="1010"/>
      <c r="BX88" s="1010"/>
      <c r="BY88" s="1010"/>
      <c r="BZ88" s="1010"/>
      <c r="CA88" s="1010"/>
      <c r="CB88" s="1010"/>
      <c r="CC88" s="1010"/>
      <c r="CD88" s="1010"/>
      <c r="CE88" s="1010"/>
      <c r="CF88" s="1010"/>
      <c r="CG88" s="1019"/>
      <c r="CH88" s="1020"/>
      <c r="CI88" s="1021"/>
      <c r="CJ88" s="1021"/>
      <c r="CK88" s="1021"/>
      <c r="CL88" s="1022"/>
      <c r="CM88" s="1020"/>
      <c r="CN88" s="1021"/>
      <c r="CO88" s="1021"/>
      <c r="CP88" s="1021"/>
      <c r="CQ88" s="1022"/>
      <c r="CR88" s="1020"/>
      <c r="CS88" s="1021"/>
      <c r="CT88" s="1021"/>
      <c r="CU88" s="1021"/>
      <c r="CV88" s="1022"/>
      <c r="CW88" s="1020"/>
      <c r="CX88" s="1021"/>
      <c r="CY88" s="1021"/>
      <c r="CZ88" s="1021"/>
      <c r="DA88" s="1022"/>
      <c r="DB88" s="1020"/>
      <c r="DC88" s="1021"/>
      <c r="DD88" s="1021"/>
      <c r="DE88" s="1021"/>
      <c r="DF88" s="1022"/>
      <c r="DG88" s="1020"/>
      <c r="DH88" s="1021"/>
      <c r="DI88" s="1021"/>
      <c r="DJ88" s="1021"/>
      <c r="DK88" s="1022"/>
      <c r="DL88" s="1020"/>
      <c r="DM88" s="1021"/>
      <c r="DN88" s="1021"/>
      <c r="DO88" s="1021"/>
      <c r="DP88" s="1022"/>
      <c r="DQ88" s="1020"/>
      <c r="DR88" s="1021"/>
      <c r="DS88" s="1021"/>
      <c r="DT88" s="1021"/>
      <c r="DU88" s="1022"/>
      <c r="DV88" s="1009"/>
      <c r="DW88" s="1010"/>
      <c r="DX88" s="1010"/>
      <c r="DY88" s="1010"/>
      <c r="DZ88" s="1011"/>
      <c r="EA88" s="233"/>
    </row>
    <row r="89" spans="1:131" ht="26.25" hidden="1" customHeight="1" x14ac:dyDescent="0.2">
      <c r="A89" s="248"/>
      <c r="B89" s="249"/>
      <c r="C89" s="249"/>
      <c r="D89" s="249"/>
      <c r="E89" s="249"/>
      <c r="F89" s="249"/>
      <c r="G89" s="249"/>
      <c r="H89" s="249"/>
      <c r="I89" s="249"/>
      <c r="J89" s="249"/>
      <c r="K89" s="249"/>
      <c r="L89" s="249"/>
      <c r="M89" s="249"/>
      <c r="N89" s="249"/>
      <c r="O89" s="249"/>
      <c r="P89" s="249"/>
      <c r="Q89" s="250"/>
      <c r="R89" s="250"/>
      <c r="S89" s="250"/>
      <c r="T89" s="250"/>
      <c r="U89" s="250"/>
      <c r="V89" s="250"/>
      <c r="W89" s="250"/>
      <c r="X89" s="250"/>
      <c r="Y89" s="250"/>
      <c r="Z89" s="250"/>
      <c r="AA89" s="250"/>
      <c r="AB89" s="250"/>
      <c r="AC89" s="250"/>
      <c r="AD89" s="250"/>
      <c r="AE89" s="250"/>
      <c r="AF89" s="250"/>
      <c r="AG89" s="250"/>
      <c r="AH89" s="250"/>
      <c r="AI89" s="250"/>
      <c r="AJ89" s="250"/>
      <c r="AK89" s="250"/>
      <c r="AL89" s="250"/>
      <c r="AM89" s="250"/>
      <c r="AN89" s="250"/>
      <c r="AO89" s="250"/>
      <c r="AP89" s="250"/>
      <c r="AQ89" s="250"/>
      <c r="AR89" s="250"/>
      <c r="AS89" s="250"/>
      <c r="AT89" s="250"/>
      <c r="AU89" s="250"/>
      <c r="AV89" s="250"/>
      <c r="AW89" s="250"/>
      <c r="AX89" s="250"/>
      <c r="AY89" s="250"/>
      <c r="AZ89" s="251"/>
      <c r="BA89" s="251"/>
      <c r="BB89" s="251"/>
      <c r="BC89" s="251"/>
      <c r="BD89" s="251"/>
      <c r="BE89" s="244"/>
      <c r="BF89" s="244"/>
      <c r="BG89" s="244"/>
      <c r="BH89" s="244"/>
      <c r="BI89" s="244"/>
      <c r="BJ89" s="244"/>
      <c r="BK89" s="244"/>
      <c r="BL89" s="244"/>
      <c r="BM89" s="244"/>
      <c r="BN89" s="244"/>
      <c r="BO89" s="244"/>
      <c r="BP89" s="244"/>
      <c r="BQ89" s="241">
        <v>83</v>
      </c>
      <c r="BR89" s="246"/>
      <c r="BS89" s="1009"/>
      <c r="BT89" s="1010"/>
      <c r="BU89" s="1010"/>
      <c r="BV89" s="1010"/>
      <c r="BW89" s="1010"/>
      <c r="BX89" s="1010"/>
      <c r="BY89" s="1010"/>
      <c r="BZ89" s="1010"/>
      <c r="CA89" s="1010"/>
      <c r="CB89" s="1010"/>
      <c r="CC89" s="1010"/>
      <c r="CD89" s="1010"/>
      <c r="CE89" s="1010"/>
      <c r="CF89" s="1010"/>
      <c r="CG89" s="1019"/>
      <c r="CH89" s="1020"/>
      <c r="CI89" s="1021"/>
      <c r="CJ89" s="1021"/>
      <c r="CK89" s="1021"/>
      <c r="CL89" s="1022"/>
      <c r="CM89" s="1020"/>
      <c r="CN89" s="1021"/>
      <c r="CO89" s="1021"/>
      <c r="CP89" s="1021"/>
      <c r="CQ89" s="1022"/>
      <c r="CR89" s="1020"/>
      <c r="CS89" s="1021"/>
      <c r="CT89" s="1021"/>
      <c r="CU89" s="1021"/>
      <c r="CV89" s="1022"/>
      <c r="CW89" s="1020"/>
      <c r="CX89" s="1021"/>
      <c r="CY89" s="1021"/>
      <c r="CZ89" s="1021"/>
      <c r="DA89" s="1022"/>
      <c r="DB89" s="1020"/>
      <c r="DC89" s="1021"/>
      <c r="DD89" s="1021"/>
      <c r="DE89" s="1021"/>
      <c r="DF89" s="1022"/>
      <c r="DG89" s="1020"/>
      <c r="DH89" s="1021"/>
      <c r="DI89" s="1021"/>
      <c r="DJ89" s="1021"/>
      <c r="DK89" s="1022"/>
      <c r="DL89" s="1020"/>
      <c r="DM89" s="1021"/>
      <c r="DN89" s="1021"/>
      <c r="DO89" s="1021"/>
      <c r="DP89" s="1022"/>
      <c r="DQ89" s="1020"/>
      <c r="DR89" s="1021"/>
      <c r="DS89" s="1021"/>
      <c r="DT89" s="1021"/>
      <c r="DU89" s="1022"/>
      <c r="DV89" s="1009"/>
      <c r="DW89" s="1010"/>
      <c r="DX89" s="1010"/>
      <c r="DY89" s="1010"/>
      <c r="DZ89" s="1011"/>
      <c r="EA89" s="233"/>
    </row>
    <row r="90" spans="1:131" ht="26.25" hidden="1" customHeight="1" x14ac:dyDescent="0.2">
      <c r="A90" s="248"/>
      <c r="B90" s="249"/>
      <c r="C90" s="249"/>
      <c r="D90" s="249"/>
      <c r="E90" s="249"/>
      <c r="F90" s="249"/>
      <c r="G90" s="249"/>
      <c r="H90" s="249"/>
      <c r="I90" s="249"/>
      <c r="J90" s="249"/>
      <c r="K90" s="249"/>
      <c r="L90" s="249"/>
      <c r="M90" s="249"/>
      <c r="N90" s="249"/>
      <c r="O90" s="249"/>
      <c r="P90" s="249"/>
      <c r="Q90" s="250"/>
      <c r="R90" s="250"/>
      <c r="S90" s="250"/>
      <c r="T90" s="250"/>
      <c r="U90" s="250"/>
      <c r="V90" s="250"/>
      <c r="W90" s="250"/>
      <c r="X90" s="250"/>
      <c r="Y90" s="250"/>
      <c r="Z90" s="250"/>
      <c r="AA90" s="250"/>
      <c r="AB90" s="250"/>
      <c r="AC90" s="250"/>
      <c r="AD90" s="250"/>
      <c r="AE90" s="250"/>
      <c r="AF90" s="250"/>
      <c r="AG90" s="250"/>
      <c r="AH90" s="250"/>
      <c r="AI90" s="250"/>
      <c r="AJ90" s="250"/>
      <c r="AK90" s="250"/>
      <c r="AL90" s="250"/>
      <c r="AM90" s="250"/>
      <c r="AN90" s="250"/>
      <c r="AO90" s="250"/>
      <c r="AP90" s="250"/>
      <c r="AQ90" s="250"/>
      <c r="AR90" s="250"/>
      <c r="AS90" s="250"/>
      <c r="AT90" s="250"/>
      <c r="AU90" s="250"/>
      <c r="AV90" s="250"/>
      <c r="AW90" s="250"/>
      <c r="AX90" s="250"/>
      <c r="AY90" s="250"/>
      <c r="AZ90" s="251"/>
      <c r="BA90" s="251"/>
      <c r="BB90" s="251"/>
      <c r="BC90" s="251"/>
      <c r="BD90" s="251"/>
      <c r="BE90" s="244"/>
      <c r="BF90" s="244"/>
      <c r="BG90" s="244"/>
      <c r="BH90" s="244"/>
      <c r="BI90" s="244"/>
      <c r="BJ90" s="244"/>
      <c r="BK90" s="244"/>
      <c r="BL90" s="244"/>
      <c r="BM90" s="244"/>
      <c r="BN90" s="244"/>
      <c r="BO90" s="244"/>
      <c r="BP90" s="244"/>
      <c r="BQ90" s="241">
        <v>84</v>
      </c>
      <c r="BR90" s="246"/>
      <c r="BS90" s="1009"/>
      <c r="BT90" s="1010"/>
      <c r="BU90" s="1010"/>
      <c r="BV90" s="1010"/>
      <c r="BW90" s="1010"/>
      <c r="BX90" s="1010"/>
      <c r="BY90" s="1010"/>
      <c r="BZ90" s="1010"/>
      <c r="CA90" s="1010"/>
      <c r="CB90" s="1010"/>
      <c r="CC90" s="1010"/>
      <c r="CD90" s="1010"/>
      <c r="CE90" s="1010"/>
      <c r="CF90" s="1010"/>
      <c r="CG90" s="1019"/>
      <c r="CH90" s="1020"/>
      <c r="CI90" s="1021"/>
      <c r="CJ90" s="1021"/>
      <c r="CK90" s="1021"/>
      <c r="CL90" s="1022"/>
      <c r="CM90" s="1020"/>
      <c r="CN90" s="1021"/>
      <c r="CO90" s="1021"/>
      <c r="CP90" s="1021"/>
      <c r="CQ90" s="1022"/>
      <c r="CR90" s="1020"/>
      <c r="CS90" s="1021"/>
      <c r="CT90" s="1021"/>
      <c r="CU90" s="1021"/>
      <c r="CV90" s="1022"/>
      <c r="CW90" s="1020"/>
      <c r="CX90" s="1021"/>
      <c r="CY90" s="1021"/>
      <c r="CZ90" s="1021"/>
      <c r="DA90" s="1022"/>
      <c r="DB90" s="1020"/>
      <c r="DC90" s="1021"/>
      <c r="DD90" s="1021"/>
      <c r="DE90" s="1021"/>
      <c r="DF90" s="1022"/>
      <c r="DG90" s="1020"/>
      <c r="DH90" s="1021"/>
      <c r="DI90" s="1021"/>
      <c r="DJ90" s="1021"/>
      <c r="DK90" s="1022"/>
      <c r="DL90" s="1020"/>
      <c r="DM90" s="1021"/>
      <c r="DN90" s="1021"/>
      <c r="DO90" s="1021"/>
      <c r="DP90" s="1022"/>
      <c r="DQ90" s="1020"/>
      <c r="DR90" s="1021"/>
      <c r="DS90" s="1021"/>
      <c r="DT90" s="1021"/>
      <c r="DU90" s="1022"/>
      <c r="DV90" s="1009"/>
      <c r="DW90" s="1010"/>
      <c r="DX90" s="1010"/>
      <c r="DY90" s="1010"/>
      <c r="DZ90" s="1011"/>
      <c r="EA90" s="233"/>
    </row>
    <row r="91" spans="1:131" ht="26.25" hidden="1" customHeight="1" x14ac:dyDescent="0.2">
      <c r="A91" s="248"/>
      <c r="B91" s="249"/>
      <c r="C91" s="249"/>
      <c r="D91" s="249"/>
      <c r="E91" s="249"/>
      <c r="F91" s="249"/>
      <c r="G91" s="249"/>
      <c r="H91" s="249"/>
      <c r="I91" s="249"/>
      <c r="J91" s="249"/>
      <c r="K91" s="249"/>
      <c r="L91" s="249"/>
      <c r="M91" s="249"/>
      <c r="N91" s="249"/>
      <c r="O91" s="249"/>
      <c r="P91" s="249"/>
      <c r="Q91" s="250"/>
      <c r="R91" s="250"/>
      <c r="S91" s="250"/>
      <c r="T91" s="250"/>
      <c r="U91" s="250"/>
      <c r="V91" s="250"/>
      <c r="W91" s="250"/>
      <c r="X91" s="250"/>
      <c r="Y91" s="250"/>
      <c r="Z91" s="250"/>
      <c r="AA91" s="250"/>
      <c r="AB91" s="250"/>
      <c r="AC91" s="250"/>
      <c r="AD91" s="250"/>
      <c r="AE91" s="250"/>
      <c r="AF91" s="250"/>
      <c r="AG91" s="250"/>
      <c r="AH91" s="250"/>
      <c r="AI91" s="250"/>
      <c r="AJ91" s="250"/>
      <c r="AK91" s="250"/>
      <c r="AL91" s="250"/>
      <c r="AM91" s="250"/>
      <c r="AN91" s="250"/>
      <c r="AO91" s="250"/>
      <c r="AP91" s="250"/>
      <c r="AQ91" s="250"/>
      <c r="AR91" s="250"/>
      <c r="AS91" s="250"/>
      <c r="AT91" s="250"/>
      <c r="AU91" s="250"/>
      <c r="AV91" s="250"/>
      <c r="AW91" s="250"/>
      <c r="AX91" s="250"/>
      <c r="AY91" s="250"/>
      <c r="AZ91" s="251"/>
      <c r="BA91" s="251"/>
      <c r="BB91" s="251"/>
      <c r="BC91" s="251"/>
      <c r="BD91" s="251"/>
      <c r="BE91" s="244"/>
      <c r="BF91" s="244"/>
      <c r="BG91" s="244"/>
      <c r="BH91" s="244"/>
      <c r="BI91" s="244"/>
      <c r="BJ91" s="244"/>
      <c r="BK91" s="244"/>
      <c r="BL91" s="244"/>
      <c r="BM91" s="244"/>
      <c r="BN91" s="244"/>
      <c r="BO91" s="244"/>
      <c r="BP91" s="244"/>
      <c r="BQ91" s="241">
        <v>85</v>
      </c>
      <c r="BR91" s="246"/>
      <c r="BS91" s="1009"/>
      <c r="BT91" s="1010"/>
      <c r="BU91" s="1010"/>
      <c r="BV91" s="1010"/>
      <c r="BW91" s="1010"/>
      <c r="BX91" s="1010"/>
      <c r="BY91" s="1010"/>
      <c r="BZ91" s="1010"/>
      <c r="CA91" s="1010"/>
      <c r="CB91" s="1010"/>
      <c r="CC91" s="1010"/>
      <c r="CD91" s="1010"/>
      <c r="CE91" s="1010"/>
      <c r="CF91" s="1010"/>
      <c r="CG91" s="1019"/>
      <c r="CH91" s="1020"/>
      <c r="CI91" s="1021"/>
      <c r="CJ91" s="1021"/>
      <c r="CK91" s="1021"/>
      <c r="CL91" s="1022"/>
      <c r="CM91" s="1020"/>
      <c r="CN91" s="1021"/>
      <c r="CO91" s="1021"/>
      <c r="CP91" s="1021"/>
      <c r="CQ91" s="1022"/>
      <c r="CR91" s="1020"/>
      <c r="CS91" s="1021"/>
      <c r="CT91" s="1021"/>
      <c r="CU91" s="1021"/>
      <c r="CV91" s="1022"/>
      <c r="CW91" s="1020"/>
      <c r="CX91" s="1021"/>
      <c r="CY91" s="1021"/>
      <c r="CZ91" s="1021"/>
      <c r="DA91" s="1022"/>
      <c r="DB91" s="1020"/>
      <c r="DC91" s="1021"/>
      <c r="DD91" s="1021"/>
      <c r="DE91" s="1021"/>
      <c r="DF91" s="1022"/>
      <c r="DG91" s="1020"/>
      <c r="DH91" s="1021"/>
      <c r="DI91" s="1021"/>
      <c r="DJ91" s="1021"/>
      <c r="DK91" s="1022"/>
      <c r="DL91" s="1020"/>
      <c r="DM91" s="1021"/>
      <c r="DN91" s="1021"/>
      <c r="DO91" s="1021"/>
      <c r="DP91" s="1022"/>
      <c r="DQ91" s="1020"/>
      <c r="DR91" s="1021"/>
      <c r="DS91" s="1021"/>
      <c r="DT91" s="1021"/>
      <c r="DU91" s="1022"/>
      <c r="DV91" s="1009"/>
      <c r="DW91" s="1010"/>
      <c r="DX91" s="1010"/>
      <c r="DY91" s="1010"/>
      <c r="DZ91" s="1011"/>
      <c r="EA91" s="233"/>
    </row>
    <row r="92" spans="1:131" ht="26.25" hidden="1" customHeight="1" x14ac:dyDescent="0.2">
      <c r="A92" s="248"/>
      <c r="B92" s="249"/>
      <c r="C92" s="249"/>
      <c r="D92" s="249"/>
      <c r="E92" s="249"/>
      <c r="F92" s="249"/>
      <c r="G92" s="249"/>
      <c r="H92" s="249"/>
      <c r="I92" s="249"/>
      <c r="J92" s="249"/>
      <c r="K92" s="249"/>
      <c r="L92" s="249"/>
      <c r="M92" s="249"/>
      <c r="N92" s="249"/>
      <c r="O92" s="249"/>
      <c r="P92" s="249"/>
      <c r="Q92" s="250"/>
      <c r="R92" s="250"/>
      <c r="S92" s="250"/>
      <c r="T92" s="250"/>
      <c r="U92" s="250"/>
      <c r="V92" s="250"/>
      <c r="W92" s="250"/>
      <c r="X92" s="250"/>
      <c r="Y92" s="250"/>
      <c r="Z92" s="250"/>
      <c r="AA92" s="250"/>
      <c r="AB92" s="250"/>
      <c r="AC92" s="250"/>
      <c r="AD92" s="250"/>
      <c r="AE92" s="250"/>
      <c r="AF92" s="250"/>
      <c r="AG92" s="250"/>
      <c r="AH92" s="250"/>
      <c r="AI92" s="250"/>
      <c r="AJ92" s="250"/>
      <c r="AK92" s="250"/>
      <c r="AL92" s="250"/>
      <c r="AM92" s="250"/>
      <c r="AN92" s="250"/>
      <c r="AO92" s="250"/>
      <c r="AP92" s="250"/>
      <c r="AQ92" s="250"/>
      <c r="AR92" s="250"/>
      <c r="AS92" s="250"/>
      <c r="AT92" s="250"/>
      <c r="AU92" s="250"/>
      <c r="AV92" s="250"/>
      <c r="AW92" s="250"/>
      <c r="AX92" s="250"/>
      <c r="AY92" s="250"/>
      <c r="AZ92" s="251"/>
      <c r="BA92" s="251"/>
      <c r="BB92" s="251"/>
      <c r="BC92" s="251"/>
      <c r="BD92" s="251"/>
      <c r="BE92" s="244"/>
      <c r="BF92" s="244"/>
      <c r="BG92" s="244"/>
      <c r="BH92" s="244"/>
      <c r="BI92" s="244"/>
      <c r="BJ92" s="244"/>
      <c r="BK92" s="244"/>
      <c r="BL92" s="244"/>
      <c r="BM92" s="244"/>
      <c r="BN92" s="244"/>
      <c r="BO92" s="244"/>
      <c r="BP92" s="244"/>
      <c r="BQ92" s="241">
        <v>86</v>
      </c>
      <c r="BR92" s="246"/>
      <c r="BS92" s="1009"/>
      <c r="BT92" s="1010"/>
      <c r="BU92" s="1010"/>
      <c r="BV92" s="1010"/>
      <c r="BW92" s="1010"/>
      <c r="BX92" s="1010"/>
      <c r="BY92" s="1010"/>
      <c r="BZ92" s="1010"/>
      <c r="CA92" s="1010"/>
      <c r="CB92" s="1010"/>
      <c r="CC92" s="1010"/>
      <c r="CD92" s="1010"/>
      <c r="CE92" s="1010"/>
      <c r="CF92" s="1010"/>
      <c r="CG92" s="1019"/>
      <c r="CH92" s="1020"/>
      <c r="CI92" s="1021"/>
      <c r="CJ92" s="1021"/>
      <c r="CK92" s="1021"/>
      <c r="CL92" s="1022"/>
      <c r="CM92" s="1020"/>
      <c r="CN92" s="1021"/>
      <c r="CO92" s="1021"/>
      <c r="CP92" s="1021"/>
      <c r="CQ92" s="1022"/>
      <c r="CR92" s="1020"/>
      <c r="CS92" s="1021"/>
      <c r="CT92" s="1021"/>
      <c r="CU92" s="1021"/>
      <c r="CV92" s="1022"/>
      <c r="CW92" s="1020"/>
      <c r="CX92" s="1021"/>
      <c r="CY92" s="1021"/>
      <c r="CZ92" s="1021"/>
      <c r="DA92" s="1022"/>
      <c r="DB92" s="1020"/>
      <c r="DC92" s="1021"/>
      <c r="DD92" s="1021"/>
      <c r="DE92" s="1021"/>
      <c r="DF92" s="1022"/>
      <c r="DG92" s="1020"/>
      <c r="DH92" s="1021"/>
      <c r="DI92" s="1021"/>
      <c r="DJ92" s="1021"/>
      <c r="DK92" s="1022"/>
      <c r="DL92" s="1020"/>
      <c r="DM92" s="1021"/>
      <c r="DN92" s="1021"/>
      <c r="DO92" s="1021"/>
      <c r="DP92" s="1022"/>
      <c r="DQ92" s="1020"/>
      <c r="DR92" s="1021"/>
      <c r="DS92" s="1021"/>
      <c r="DT92" s="1021"/>
      <c r="DU92" s="1022"/>
      <c r="DV92" s="1009"/>
      <c r="DW92" s="1010"/>
      <c r="DX92" s="1010"/>
      <c r="DY92" s="1010"/>
      <c r="DZ92" s="1011"/>
      <c r="EA92" s="233"/>
    </row>
    <row r="93" spans="1:131" ht="26.25" hidden="1" customHeight="1" x14ac:dyDescent="0.2">
      <c r="A93" s="248"/>
      <c r="B93" s="249"/>
      <c r="C93" s="249"/>
      <c r="D93" s="249"/>
      <c r="E93" s="249"/>
      <c r="F93" s="249"/>
      <c r="G93" s="249"/>
      <c r="H93" s="249"/>
      <c r="I93" s="249"/>
      <c r="J93" s="249"/>
      <c r="K93" s="249"/>
      <c r="L93" s="249"/>
      <c r="M93" s="249"/>
      <c r="N93" s="249"/>
      <c r="O93" s="249"/>
      <c r="P93" s="249"/>
      <c r="Q93" s="250"/>
      <c r="R93" s="250"/>
      <c r="S93" s="250"/>
      <c r="T93" s="250"/>
      <c r="U93" s="250"/>
      <c r="V93" s="250"/>
      <c r="W93" s="250"/>
      <c r="X93" s="250"/>
      <c r="Y93" s="250"/>
      <c r="Z93" s="250"/>
      <c r="AA93" s="250"/>
      <c r="AB93" s="250"/>
      <c r="AC93" s="250"/>
      <c r="AD93" s="250"/>
      <c r="AE93" s="250"/>
      <c r="AF93" s="250"/>
      <c r="AG93" s="250"/>
      <c r="AH93" s="250"/>
      <c r="AI93" s="250"/>
      <c r="AJ93" s="250"/>
      <c r="AK93" s="250"/>
      <c r="AL93" s="250"/>
      <c r="AM93" s="250"/>
      <c r="AN93" s="250"/>
      <c r="AO93" s="250"/>
      <c r="AP93" s="250"/>
      <c r="AQ93" s="250"/>
      <c r="AR93" s="250"/>
      <c r="AS93" s="250"/>
      <c r="AT93" s="250"/>
      <c r="AU93" s="250"/>
      <c r="AV93" s="250"/>
      <c r="AW93" s="250"/>
      <c r="AX93" s="250"/>
      <c r="AY93" s="250"/>
      <c r="AZ93" s="251"/>
      <c r="BA93" s="251"/>
      <c r="BB93" s="251"/>
      <c r="BC93" s="251"/>
      <c r="BD93" s="251"/>
      <c r="BE93" s="244"/>
      <c r="BF93" s="244"/>
      <c r="BG93" s="244"/>
      <c r="BH93" s="244"/>
      <c r="BI93" s="244"/>
      <c r="BJ93" s="244"/>
      <c r="BK93" s="244"/>
      <c r="BL93" s="244"/>
      <c r="BM93" s="244"/>
      <c r="BN93" s="244"/>
      <c r="BO93" s="244"/>
      <c r="BP93" s="244"/>
      <c r="BQ93" s="241">
        <v>87</v>
      </c>
      <c r="BR93" s="246"/>
      <c r="BS93" s="1009"/>
      <c r="BT93" s="1010"/>
      <c r="BU93" s="1010"/>
      <c r="BV93" s="1010"/>
      <c r="BW93" s="1010"/>
      <c r="BX93" s="1010"/>
      <c r="BY93" s="1010"/>
      <c r="BZ93" s="1010"/>
      <c r="CA93" s="1010"/>
      <c r="CB93" s="1010"/>
      <c r="CC93" s="1010"/>
      <c r="CD93" s="1010"/>
      <c r="CE93" s="1010"/>
      <c r="CF93" s="1010"/>
      <c r="CG93" s="1019"/>
      <c r="CH93" s="1020"/>
      <c r="CI93" s="1021"/>
      <c r="CJ93" s="1021"/>
      <c r="CK93" s="1021"/>
      <c r="CL93" s="1022"/>
      <c r="CM93" s="1020"/>
      <c r="CN93" s="1021"/>
      <c r="CO93" s="1021"/>
      <c r="CP93" s="1021"/>
      <c r="CQ93" s="1022"/>
      <c r="CR93" s="1020"/>
      <c r="CS93" s="1021"/>
      <c r="CT93" s="1021"/>
      <c r="CU93" s="1021"/>
      <c r="CV93" s="1022"/>
      <c r="CW93" s="1020"/>
      <c r="CX93" s="1021"/>
      <c r="CY93" s="1021"/>
      <c r="CZ93" s="1021"/>
      <c r="DA93" s="1022"/>
      <c r="DB93" s="1020"/>
      <c r="DC93" s="1021"/>
      <c r="DD93" s="1021"/>
      <c r="DE93" s="1021"/>
      <c r="DF93" s="1022"/>
      <c r="DG93" s="1020"/>
      <c r="DH93" s="1021"/>
      <c r="DI93" s="1021"/>
      <c r="DJ93" s="1021"/>
      <c r="DK93" s="1022"/>
      <c r="DL93" s="1020"/>
      <c r="DM93" s="1021"/>
      <c r="DN93" s="1021"/>
      <c r="DO93" s="1021"/>
      <c r="DP93" s="1022"/>
      <c r="DQ93" s="1020"/>
      <c r="DR93" s="1021"/>
      <c r="DS93" s="1021"/>
      <c r="DT93" s="1021"/>
      <c r="DU93" s="1022"/>
      <c r="DV93" s="1009"/>
      <c r="DW93" s="1010"/>
      <c r="DX93" s="1010"/>
      <c r="DY93" s="1010"/>
      <c r="DZ93" s="1011"/>
      <c r="EA93" s="233"/>
    </row>
    <row r="94" spans="1:131" ht="26.25" hidden="1" customHeight="1" x14ac:dyDescent="0.2">
      <c r="A94" s="248"/>
      <c r="B94" s="249"/>
      <c r="C94" s="249"/>
      <c r="D94" s="249"/>
      <c r="E94" s="249"/>
      <c r="F94" s="249"/>
      <c r="G94" s="249"/>
      <c r="H94" s="249"/>
      <c r="I94" s="249"/>
      <c r="J94" s="249"/>
      <c r="K94" s="249"/>
      <c r="L94" s="249"/>
      <c r="M94" s="249"/>
      <c r="N94" s="249"/>
      <c r="O94" s="249"/>
      <c r="P94" s="249"/>
      <c r="Q94" s="250"/>
      <c r="R94" s="250"/>
      <c r="S94" s="250"/>
      <c r="T94" s="250"/>
      <c r="U94" s="250"/>
      <c r="V94" s="250"/>
      <c r="W94" s="250"/>
      <c r="X94" s="250"/>
      <c r="Y94" s="250"/>
      <c r="Z94" s="250"/>
      <c r="AA94" s="250"/>
      <c r="AB94" s="250"/>
      <c r="AC94" s="250"/>
      <c r="AD94" s="250"/>
      <c r="AE94" s="250"/>
      <c r="AF94" s="250"/>
      <c r="AG94" s="250"/>
      <c r="AH94" s="250"/>
      <c r="AI94" s="250"/>
      <c r="AJ94" s="250"/>
      <c r="AK94" s="250"/>
      <c r="AL94" s="250"/>
      <c r="AM94" s="250"/>
      <c r="AN94" s="250"/>
      <c r="AO94" s="250"/>
      <c r="AP94" s="250"/>
      <c r="AQ94" s="250"/>
      <c r="AR94" s="250"/>
      <c r="AS94" s="250"/>
      <c r="AT94" s="250"/>
      <c r="AU94" s="250"/>
      <c r="AV94" s="250"/>
      <c r="AW94" s="250"/>
      <c r="AX94" s="250"/>
      <c r="AY94" s="250"/>
      <c r="AZ94" s="251"/>
      <c r="BA94" s="251"/>
      <c r="BB94" s="251"/>
      <c r="BC94" s="251"/>
      <c r="BD94" s="251"/>
      <c r="BE94" s="244"/>
      <c r="BF94" s="244"/>
      <c r="BG94" s="244"/>
      <c r="BH94" s="244"/>
      <c r="BI94" s="244"/>
      <c r="BJ94" s="244"/>
      <c r="BK94" s="244"/>
      <c r="BL94" s="244"/>
      <c r="BM94" s="244"/>
      <c r="BN94" s="244"/>
      <c r="BO94" s="244"/>
      <c r="BP94" s="244"/>
      <c r="BQ94" s="241">
        <v>88</v>
      </c>
      <c r="BR94" s="246"/>
      <c r="BS94" s="1009"/>
      <c r="BT94" s="1010"/>
      <c r="BU94" s="1010"/>
      <c r="BV94" s="1010"/>
      <c r="BW94" s="1010"/>
      <c r="BX94" s="1010"/>
      <c r="BY94" s="1010"/>
      <c r="BZ94" s="1010"/>
      <c r="CA94" s="1010"/>
      <c r="CB94" s="1010"/>
      <c r="CC94" s="1010"/>
      <c r="CD94" s="1010"/>
      <c r="CE94" s="1010"/>
      <c r="CF94" s="1010"/>
      <c r="CG94" s="1019"/>
      <c r="CH94" s="1020"/>
      <c r="CI94" s="1021"/>
      <c r="CJ94" s="1021"/>
      <c r="CK94" s="1021"/>
      <c r="CL94" s="1022"/>
      <c r="CM94" s="1020"/>
      <c r="CN94" s="1021"/>
      <c r="CO94" s="1021"/>
      <c r="CP94" s="1021"/>
      <c r="CQ94" s="1022"/>
      <c r="CR94" s="1020"/>
      <c r="CS94" s="1021"/>
      <c r="CT94" s="1021"/>
      <c r="CU94" s="1021"/>
      <c r="CV94" s="1022"/>
      <c r="CW94" s="1020"/>
      <c r="CX94" s="1021"/>
      <c r="CY94" s="1021"/>
      <c r="CZ94" s="1021"/>
      <c r="DA94" s="1022"/>
      <c r="DB94" s="1020"/>
      <c r="DC94" s="1021"/>
      <c r="DD94" s="1021"/>
      <c r="DE94" s="1021"/>
      <c r="DF94" s="1022"/>
      <c r="DG94" s="1020"/>
      <c r="DH94" s="1021"/>
      <c r="DI94" s="1021"/>
      <c r="DJ94" s="1021"/>
      <c r="DK94" s="1022"/>
      <c r="DL94" s="1020"/>
      <c r="DM94" s="1021"/>
      <c r="DN94" s="1021"/>
      <c r="DO94" s="1021"/>
      <c r="DP94" s="1022"/>
      <c r="DQ94" s="1020"/>
      <c r="DR94" s="1021"/>
      <c r="DS94" s="1021"/>
      <c r="DT94" s="1021"/>
      <c r="DU94" s="1022"/>
      <c r="DV94" s="1009"/>
      <c r="DW94" s="1010"/>
      <c r="DX94" s="1010"/>
      <c r="DY94" s="1010"/>
      <c r="DZ94" s="1011"/>
      <c r="EA94" s="233"/>
    </row>
    <row r="95" spans="1:131" ht="26.25" hidden="1" customHeight="1" x14ac:dyDescent="0.2">
      <c r="A95" s="248"/>
      <c r="B95" s="249"/>
      <c r="C95" s="249"/>
      <c r="D95" s="249"/>
      <c r="E95" s="249"/>
      <c r="F95" s="249"/>
      <c r="G95" s="249"/>
      <c r="H95" s="249"/>
      <c r="I95" s="249"/>
      <c r="J95" s="249"/>
      <c r="K95" s="249"/>
      <c r="L95" s="249"/>
      <c r="M95" s="249"/>
      <c r="N95" s="249"/>
      <c r="O95" s="249"/>
      <c r="P95" s="249"/>
      <c r="Q95" s="250"/>
      <c r="R95" s="250"/>
      <c r="S95" s="250"/>
      <c r="T95" s="250"/>
      <c r="U95" s="250"/>
      <c r="V95" s="250"/>
      <c r="W95" s="250"/>
      <c r="X95" s="250"/>
      <c r="Y95" s="250"/>
      <c r="Z95" s="250"/>
      <c r="AA95" s="250"/>
      <c r="AB95" s="250"/>
      <c r="AC95" s="250"/>
      <c r="AD95" s="250"/>
      <c r="AE95" s="250"/>
      <c r="AF95" s="250"/>
      <c r="AG95" s="250"/>
      <c r="AH95" s="250"/>
      <c r="AI95" s="250"/>
      <c r="AJ95" s="250"/>
      <c r="AK95" s="250"/>
      <c r="AL95" s="250"/>
      <c r="AM95" s="250"/>
      <c r="AN95" s="250"/>
      <c r="AO95" s="250"/>
      <c r="AP95" s="250"/>
      <c r="AQ95" s="250"/>
      <c r="AR95" s="250"/>
      <c r="AS95" s="250"/>
      <c r="AT95" s="250"/>
      <c r="AU95" s="250"/>
      <c r="AV95" s="250"/>
      <c r="AW95" s="250"/>
      <c r="AX95" s="250"/>
      <c r="AY95" s="250"/>
      <c r="AZ95" s="251"/>
      <c r="BA95" s="251"/>
      <c r="BB95" s="251"/>
      <c r="BC95" s="251"/>
      <c r="BD95" s="251"/>
      <c r="BE95" s="244"/>
      <c r="BF95" s="244"/>
      <c r="BG95" s="244"/>
      <c r="BH95" s="244"/>
      <c r="BI95" s="244"/>
      <c r="BJ95" s="244"/>
      <c r="BK95" s="244"/>
      <c r="BL95" s="244"/>
      <c r="BM95" s="244"/>
      <c r="BN95" s="244"/>
      <c r="BO95" s="244"/>
      <c r="BP95" s="244"/>
      <c r="BQ95" s="241">
        <v>89</v>
      </c>
      <c r="BR95" s="246"/>
      <c r="BS95" s="1009"/>
      <c r="BT95" s="1010"/>
      <c r="BU95" s="1010"/>
      <c r="BV95" s="1010"/>
      <c r="BW95" s="1010"/>
      <c r="BX95" s="1010"/>
      <c r="BY95" s="1010"/>
      <c r="BZ95" s="1010"/>
      <c r="CA95" s="1010"/>
      <c r="CB95" s="1010"/>
      <c r="CC95" s="1010"/>
      <c r="CD95" s="1010"/>
      <c r="CE95" s="1010"/>
      <c r="CF95" s="1010"/>
      <c r="CG95" s="1019"/>
      <c r="CH95" s="1020"/>
      <c r="CI95" s="1021"/>
      <c r="CJ95" s="1021"/>
      <c r="CK95" s="1021"/>
      <c r="CL95" s="1022"/>
      <c r="CM95" s="1020"/>
      <c r="CN95" s="1021"/>
      <c r="CO95" s="1021"/>
      <c r="CP95" s="1021"/>
      <c r="CQ95" s="1022"/>
      <c r="CR95" s="1020"/>
      <c r="CS95" s="1021"/>
      <c r="CT95" s="1021"/>
      <c r="CU95" s="1021"/>
      <c r="CV95" s="1022"/>
      <c r="CW95" s="1020"/>
      <c r="CX95" s="1021"/>
      <c r="CY95" s="1021"/>
      <c r="CZ95" s="1021"/>
      <c r="DA95" s="1022"/>
      <c r="DB95" s="1020"/>
      <c r="DC95" s="1021"/>
      <c r="DD95" s="1021"/>
      <c r="DE95" s="1021"/>
      <c r="DF95" s="1022"/>
      <c r="DG95" s="1020"/>
      <c r="DH95" s="1021"/>
      <c r="DI95" s="1021"/>
      <c r="DJ95" s="1021"/>
      <c r="DK95" s="1022"/>
      <c r="DL95" s="1020"/>
      <c r="DM95" s="1021"/>
      <c r="DN95" s="1021"/>
      <c r="DO95" s="1021"/>
      <c r="DP95" s="1022"/>
      <c r="DQ95" s="1020"/>
      <c r="DR95" s="1021"/>
      <c r="DS95" s="1021"/>
      <c r="DT95" s="1021"/>
      <c r="DU95" s="1022"/>
      <c r="DV95" s="1009"/>
      <c r="DW95" s="1010"/>
      <c r="DX95" s="1010"/>
      <c r="DY95" s="1010"/>
      <c r="DZ95" s="1011"/>
      <c r="EA95" s="233"/>
    </row>
    <row r="96" spans="1:131" ht="26.25" hidden="1" customHeight="1" x14ac:dyDescent="0.2">
      <c r="A96" s="248"/>
      <c r="B96" s="249"/>
      <c r="C96" s="249"/>
      <c r="D96" s="249"/>
      <c r="E96" s="249"/>
      <c r="F96" s="249"/>
      <c r="G96" s="249"/>
      <c r="H96" s="249"/>
      <c r="I96" s="249"/>
      <c r="J96" s="249"/>
      <c r="K96" s="249"/>
      <c r="L96" s="249"/>
      <c r="M96" s="249"/>
      <c r="N96" s="249"/>
      <c r="O96" s="249"/>
      <c r="P96" s="249"/>
      <c r="Q96" s="250"/>
      <c r="R96" s="250"/>
      <c r="S96" s="250"/>
      <c r="T96" s="250"/>
      <c r="U96" s="250"/>
      <c r="V96" s="250"/>
      <c r="W96" s="250"/>
      <c r="X96" s="250"/>
      <c r="Y96" s="250"/>
      <c r="Z96" s="250"/>
      <c r="AA96" s="250"/>
      <c r="AB96" s="250"/>
      <c r="AC96" s="250"/>
      <c r="AD96" s="250"/>
      <c r="AE96" s="250"/>
      <c r="AF96" s="250"/>
      <c r="AG96" s="250"/>
      <c r="AH96" s="250"/>
      <c r="AI96" s="250"/>
      <c r="AJ96" s="250"/>
      <c r="AK96" s="250"/>
      <c r="AL96" s="250"/>
      <c r="AM96" s="250"/>
      <c r="AN96" s="250"/>
      <c r="AO96" s="250"/>
      <c r="AP96" s="250"/>
      <c r="AQ96" s="250"/>
      <c r="AR96" s="250"/>
      <c r="AS96" s="250"/>
      <c r="AT96" s="250"/>
      <c r="AU96" s="250"/>
      <c r="AV96" s="250"/>
      <c r="AW96" s="250"/>
      <c r="AX96" s="250"/>
      <c r="AY96" s="250"/>
      <c r="AZ96" s="251"/>
      <c r="BA96" s="251"/>
      <c r="BB96" s="251"/>
      <c r="BC96" s="251"/>
      <c r="BD96" s="251"/>
      <c r="BE96" s="244"/>
      <c r="BF96" s="244"/>
      <c r="BG96" s="244"/>
      <c r="BH96" s="244"/>
      <c r="BI96" s="244"/>
      <c r="BJ96" s="244"/>
      <c r="BK96" s="244"/>
      <c r="BL96" s="244"/>
      <c r="BM96" s="244"/>
      <c r="BN96" s="244"/>
      <c r="BO96" s="244"/>
      <c r="BP96" s="244"/>
      <c r="BQ96" s="241">
        <v>90</v>
      </c>
      <c r="BR96" s="246"/>
      <c r="BS96" s="1009"/>
      <c r="BT96" s="1010"/>
      <c r="BU96" s="1010"/>
      <c r="BV96" s="1010"/>
      <c r="BW96" s="1010"/>
      <c r="BX96" s="1010"/>
      <c r="BY96" s="1010"/>
      <c r="BZ96" s="1010"/>
      <c r="CA96" s="1010"/>
      <c r="CB96" s="1010"/>
      <c r="CC96" s="1010"/>
      <c r="CD96" s="1010"/>
      <c r="CE96" s="1010"/>
      <c r="CF96" s="1010"/>
      <c r="CG96" s="1019"/>
      <c r="CH96" s="1020"/>
      <c r="CI96" s="1021"/>
      <c r="CJ96" s="1021"/>
      <c r="CK96" s="1021"/>
      <c r="CL96" s="1022"/>
      <c r="CM96" s="1020"/>
      <c r="CN96" s="1021"/>
      <c r="CO96" s="1021"/>
      <c r="CP96" s="1021"/>
      <c r="CQ96" s="1022"/>
      <c r="CR96" s="1020"/>
      <c r="CS96" s="1021"/>
      <c r="CT96" s="1021"/>
      <c r="CU96" s="1021"/>
      <c r="CV96" s="1022"/>
      <c r="CW96" s="1020"/>
      <c r="CX96" s="1021"/>
      <c r="CY96" s="1021"/>
      <c r="CZ96" s="1021"/>
      <c r="DA96" s="1022"/>
      <c r="DB96" s="1020"/>
      <c r="DC96" s="1021"/>
      <c r="DD96" s="1021"/>
      <c r="DE96" s="1021"/>
      <c r="DF96" s="1022"/>
      <c r="DG96" s="1020"/>
      <c r="DH96" s="1021"/>
      <c r="DI96" s="1021"/>
      <c r="DJ96" s="1021"/>
      <c r="DK96" s="1022"/>
      <c r="DL96" s="1020"/>
      <c r="DM96" s="1021"/>
      <c r="DN96" s="1021"/>
      <c r="DO96" s="1021"/>
      <c r="DP96" s="1022"/>
      <c r="DQ96" s="1020"/>
      <c r="DR96" s="1021"/>
      <c r="DS96" s="1021"/>
      <c r="DT96" s="1021"/>
      <c r="DU96" s="1022"/>
      <c r="DV96" s="1009"/>
      <c r="DW96" s="1010"/>
      <c r="DX96" s="1010"/>
      <c r="DY96" s="1010"/>
      <c r="DZ96" s="1011"/>
      <c r="EA96" s="233"/>
    </row>
    <row r="97" spans="1:131" ht="26.25" hidden="1" customHeight="1" x14ac:dyDescent="0.2">
      <c r="A97" s="248"/>
      <c r="B97" s="249"/>
      <c r="C97" s="249"/>
      <c r="D97" s="249"/>
      <c r="E97" s="249"/>
      <c r="F97" s="249"/>
      <c r="G97" s="249"/>
      <c r="H97" s="249"/>
      <c r="I97" s="249"/>
      <c r="J97" s="249"/>
      <c r="K97" s="249"/>
      <c r="L97" s="249"/>
      <c r="M97" s="249"/>
      <c r="N97" s="249"/>
      <c r="O97" s="249"/>
      <c r="P97" s="249"/>
      <c r="Q97" s="250"/>
      <c r="R97" s="250"/>
      <c r="S97" s="250"/>
      <c r="T97" s="250"/>
      <c r="U97" s="250"/>
      <c r="V97" s="250"/>
      <c r="W97" s="250"/>
      <c r="X97" s="250"/>
      <c r="Y97" s="250"/>
      <c r="Z97" s="250"/>
      <c r="AA97" s="250"/>
      <c r="AB97" s="250"/>
      <c r="AC97" s="250"/>
      <c r="AD97" s="250"/>
      <c r="AE97" s="250"/>
      <c r="AF97" s="250"/>
      <c r="AG97" s="250"/>
      <c r="AH97" s="250"/>
      <c r="AI97" s="250"/>
      <c r="AJ97" s="250"/>
      <c r="AK97" s="250"/>
      <c r="AL97" s="250"/>
      <c r="AM97" s="250"/>
      <c r="AN97" s="250"/>
      <c r="AO97" s="250"/>
      <c r="AP97" s="250"/>
      <c r="AQ97" s="250"/>
      <c r="AR97" s="250"/>
      <c r="AS97" s="250"/>
      <c r="AT97" s="250"/>
      <c r="AU97" s="250"/>
      <c r="AV97" s="250"/>
      <c r="AW97" s="250"/>
      <c r="AX97" s="250"/>
      <c r="AY97" s="250"/>
      <c r="AZ97" s="251"/>
      <c r="BA97" s="251"/>
      <c r="BB97" s="251"/>
      <c r="BC97" s="251"/>
      <c r="BD97" s="251"/>
      <c r="BE97" s="244"/>
      <c r="BF97" s="244"/>
      <c r="BG97" s="244"/>
      <c r="BH97" s="244"/>
      <c r="BI97" s="244"/>
      <c r="BJ97" s="244"/>
      <c r="BK97" s="244"/>
      <c r="BL97" s="244"/>
      <c r="BM97" s="244"/>
      <c r="BN97" s="244"/>
      <c r="BO97" s="244"/>
      <c r="BP97" s="244"/>
      <c r="BQ97" s="241">
        <v>91</v>
      </c>
      <c r="BR97" s="246"/>
      <c r="BS97" s="1009"/>
      <c r="BT97" s="1010"/>
      <c r="BU97" s="1010"/>
      <c r="BV97" s="1010"/>
      <c r="BW97" s="1010"/>
      <c r="BX97" s="1010"/>
      <c r="BY97" s="1010"/>
      <c r="BZ97" s="1010"/>
      <c r="CA97" s="1010"/>
      <c r="CB97" s="1010"/>
      <c r="CC97" s="1010"/>
      <c r="CD97" s="1010"/>
      <c r="CE97" s="1010"/>
      <c r="CF97" s="1010"/>
      <c r="CG97" s="1019"/>
      <c r="CH97" s="1020"/>
      <c r="CI97" s="1021"/>
      <c r="CJ97" s="1021"/>
      <c r="CK97" s="1021"/>
      <c r="CL97" s="1022"/>
      <c r="CM97" s="1020"/>
      <c r="CN97" s="1021"/>
      <c r="CO97" s="1021"/>
      <c r="CP97" s="1021"/>
      <c r="CQ97" s="1022"/>
      <c r="CR97" s="1020"/>
      <c r="CS97" s="1021"/>
      <c r="CT97" s="1021"/>
      <c r="CU97" s="1021"/>
      <c r="CV97" s="1022"/>
      <c r="CW97" s="1020"/>
      <c r="CX97" s="1021"/>
      <c r="CY97" s="1021"/>
      <c r="CZ97" s="1021"/>
      <c r="DA97" s="1022"/>
      <c r="DB97" s="1020"/>
      <c r="DC97" s="1021"/>
      <c r="DD97" s="1021"/>
      <c r="DE97" s="1021"/>
      <c r="DF97" s="1022"/>
      <c r="DG97" s="1020"/>
      <c r="DH97" s="1021"/>
      <c r="DI97" s="1021"/>
      <c r="DJ97" s="1021"/>
      <c r="DK97" s="1022"/>
      <c r="DL97" s="1020"/>
      <c r="DM97" s="1021"/>
      <c r="DN97" s="1021"/>
      <c r="DO97" s="1021"/>
      <c r="DP97" s="1022"/>
      <c r="DQ97" s="1020"/>
      <c r="DR97" s="1021"/>
      <c r="DS97" s="1021"/>
      <c r="DT97" s="1021"/>
      <c r="DU97" s="1022"/>
      <c r="DV97" s="1009"/>
      <c r="DW97" s="1010"/>
      <c r="DX97" s="1010"/>
      <c r="DY97" s="1010"/>
      <c r="DZ97" s="1011"/>
      <c r="EA97" s="233"/>
    </row>
    <row r="98" spans="1:131" ht="26.25" hidden="1" customHeight="1" x14ac:dyDescent="0.2">
      <c r="A98" s="248"/>
      <c r="B98" s="249"/>
      <c r="C98" s="249"/>
      <c r="D98" s="249"/>
      <c r="E98" s="249"/>
      <c r="F98" s="249"/>
      <c r="G98" s="249"/>
      <c r="H98" s="249"/>
      <c r="I98" s="249"/>
      <c r="J98" s="249"/>
      <c r="K98" s="249"/>
      <c r="L98" s="249"/>
      <c r="M98" s="249"/>
      <c r="N98" s="249"/>
      <c r="O98" s="249"/>
      <c r="P98" s="249"/>
      <c r="Q98" s="250"/>
      <c r="R98" s="250"/>
      <c r="S98" s="250"/>
      <c r="T98" s="250"/>
      <c r="U98" s="250"/>
      <c r="V98" s="250"/>
      <c r="W98" s="250"/>
      <c r="X98" s="250"/>
      <c r="Y98" s="250"/>
      <c r="Z98" s="250"/>
      <c r="AA98" s="250"/>
      <c r="AB98" s="250"/>
      <c r="AC98" s="250"/>
      <c r="AD98" s="250"/>
      <c r="AE98" s="250"/>
      <c r="AF98" s="250"/>
      <c r="AG98" s="250"/>
      <c r="AH98" s="250"/>
      <c r="AI98" s="250"/>
      <c r="AJ98" s="250"/>
      <c r="AK98" s="250"/>
      <c r="AL98" s="250"/>
      <c r="AM98" s="250"/>
      <c r="AN98" s="250"/>
      <c r="AO98" s="250"/>
      <c r="AP98" s="250"/>
      <c r="AQ98" s="250"/>
      <c r="AR98" s="250"/>
      <c r="AS98" s="250"/>
      <c r="AT98" s="250"/>
      <c r="AU98" s="250"/>
      <c r="AV98" s="250"/>
      <c r="AW98" s="250"/>
      <c r="AX98" s="250"/>
      <c r="AY98" s="250"/>
      <c r="AZ98" s="251"/>
      <c r="BA98" s="251"/>
      <c r="BB98" s="251"/>
      <c r="BC98" s="251"/>
      <c r="BD98" s="251"/>
      <c r="BE98" s="244"/>
      <c r="BF98" s="244"/>
      <c r="BG98" s="244"/>
      <c r="BH98" s="244"/>
      <c r="BI98" s="244"/>
      <c r="BJ98" s="244"/>
      <c r="BK98" s="244"/>
      <c r="BL98" s="244"/>
      <c r="BM98" s="244"/>
      <c r="BN98" s="244"/>
      <c r="BO98" s="244"/>
      <c r="BP98" s="244"/>
      <c r="BQ98" s="241">
        <v>92</v>
      </c>
      <c r="BR98" s="246"/>
      <c r="BS98" s="1009"/>
      <c r="BT98" s="1010"/>
      <c r="BU98" s="1010"/>
      <c r="BV98" s="1010"/>
      <c r="BW98" s="1010"/>
      <c r="BX98" s="1010"/>
      <c r="BY98" s="1010"/>
      <c r="BZ98" s="1010"/>
      <c r="CA98" s="1010"/>
      <c r="CB98" s="1010"/>
      <c r="CC98" s="1010"/>
      <c r="CD98" s="1010"/>
      <c r="CE98" s="1010"/>
      <c r="CF98" s="1010"/>
      <c r="CG98" s="1019"/>
      <c r="CH98" s="1020"/>
      <c r="CI98" s="1021"/>
      <c r="CJ98" s="1021"/>
      <c r="CK98" s="1021"/>
      <c r="CL98" s="1022"/>
      <c r="CM98" s="1020"/>
      <c r="CN98" s="1021"/>
      <c r="CO98" s="1021"/>
      <c r="CP98" s="1021"/>
      <c r="CQ98" s="1022"/>
      <c r="CR98" s="1020"/>
      <c r="CS98" s="1021"/>
      <c r="CT98" s="1021"/>
      <c r="CU98" s="1021"/>
      <c r="CV98" s="1022"/>
      <c r="CW98" s="1020"/>
      <c r="CX98" s="1021"/>
      <c r="CY98" s="1021"/>
      <c r="CZ98" s="1021"/>
      <c r="DA98" s="1022"/>
      <c r="DB98" s="1020"/>
      <c r="DC98" s="1021"/>
      <c r="DD98" s="1021"/>
      <c r="DE98" s="1021"/>
      <c r="DF98" s="1022"/>
      <c r="DG98" s="1020"/>
      <c r="DH98" s="1021"/>
      <c r="DI98" s="1021"/>
      <c r="DJ98" s="1021"/>
      <c r="DK98" s="1022"/>
      <c r="DL98" s="1020"/>
      <c r="DM98" s="1021"/>
      <c r="DN98" s="1021"/>
      <c r="DO98" s="1021"/>
      <c r="DP98" s="1022"/>
      <c r="DQ98" s="1020"/>
      <c r="DR98" s="1021"/>
      <c r="DS98" s="1021"/>
      <c r="DT98" s="1021"/>
      <c r="DU98" s="1022"/>
      <c r="DV98" s="1009"/>
      <c r="DW98" s="1010"/>
      <c r="DX98" s="1010"/>
      <c r="DY98" s="1010"/>
      <c r="DZ98" s="1011"/>
      <c r="EA98" s="233"/>
    </row>
    <row r="99" spans="1:131" ht="26.25" hidden="1" customHeight="1" x14ac:dyDescent="0.2">
      <c r="A99" s="248"/>
      <c r="B99" s="249"/>
      <c r="C99" s="249"/>
      <c r="D99" s="249"/>
      <c r="E99" s="249"/>
      <c r="F99" s="249"/>
      <c r="G99" s="249"/>
      <c r="H99" s="249"/>
      <c r="I99" s="249"/>
      <c r="J99" s="249"/>
      <c r="K99" s="249"/>
      <c r="L99" s="249"/>
      <c r="M99" s="249"/>
      <c r="N99" s="249"/>
      <c r="O99" s="249"/>
      <c r="P99" s="249"/>
      <c r="Q99" s="250"/>
      <c r="R99" s="250"/>
      <c r="S99" s="250"/>
      <c r="T99" s="250"/>
      <c r="U99" s="250"/>
      <c r="V99" s="250"/>
      <c r="W99" s="250"/>
      <c r="X99" s="250"/>
      <c r="Y99" s="250"/>
      <c r="Z99" s="250"/>
      <c r="AA99" s="250"/>
      <c r="AB99" s="250"/>
      <c r="AC99" s="250"/>
      <c r="AD99" s="250"/>
      <c r="AE99" s="250"/>
      <c r="AF99" s="250"/>
      <c r="AG99" s="250"/>
      <c r="AH99" s="250"/>
      <c r="AI99" s="250"/>
      <c r="AJ99" s="250"/>
      <c r="AK99" s="250"/>
      <c r="AL99" s="250"/>
      <c r="AM99" s="250"/>
      <c r="AN99" s="250"/>
      <c r="AO99" s="250"/>
      <c r="AP99" s="250"/>
      <c r="AQ99" s="250"/>
      <c r="AR99" s="250"/>
      <c r="AS99" s="250"/>
      <c r="AT99" s="250"/>
      <c r="AU99" s="250"/>
      <c r="AV99" s="250"/>
      <c r="AW99" s="250"/>
      <c r="AX99" s="250"/>
      <c r="AY99" s="250"/>
      <c r="AZ99" s="251"/>
      <c r="BA99" s="251"/>
      <c r="BB99" s="251"/>
      <c r="BC99" s="251"/>
      <c r="BD99" s="251"/>
      <c r="BE99" s="244"/>
      <c r="BF99" s="244"/>
      <c r="BG99" s="244"/>
      <c r="BH99" s="244"/>
      <c r="BI99" s="244"/>
      <c r="BJ99" s="244"/>
      <c r="BK99" s="244"/>
      <c r="BL99" s="244"/>
      <c r="BM99" s="244"/>
      <c r="BN99" s="244"/>
      <c r="BO99" s="244"/>
      <c r="BP99" s="244"/>
      <c r="BQ99" s="241">
        <v>93</v>
      </c>
      <c r="BR99" s="246"/>
      <c r="BS99" s="1009"/>
      <c r="BT99" s="1010"/>
      <c r="BU99" s="1010"/>
      <c r="BV99" s="1010"/>
      <c r="BW99" s="1010"/>
      <c r="BX99" s="1010"/>
      <c r="BY99" s="1010"/>
      <c r="BZ99" s="1010"/>
      <c r="CA99" s="1010"/>
      <c r="CB99" s="1010"/>
      <c r="CC99" s="1010"/>
      <c r="CD99" s="1010"/>
      <c r="CE99" s="1010"/>
      <c r="CF99" s="1010"/>
      <c r="CG99" s="1019"/>
      <c r="CH99" s="1020"/>
      <c r="CI99" s="1021"/>
      <c r="CJ99" s="1021"/>
      <c r="CK99" s="1021"/>
      <c r="CL99" s="1022"/>
      <c r="CM99" s="1020"/>
      <c r="CN99" s="1021"/>
      <c r="CO99" s="1021"/>
      <c r="CP99" s="1021"/>
      <c r="CQ99" s="1022"/>
      <c r="CR99" s="1020"/>
      <c r="CS99" s="1021"/>
      <c r="CT99" s="1021"/>
      <c r="CU99" s="1021"/>
      <c r="CV99" s="1022"/>
      <c r="CW99" s="1020"/>
      <c r="CX99" s="1021"/>
      <c r="CY99" s="1021"/>
      <c r="CZ99" s="1021"/>
      <c r="DA99" s="1022"/>
      <c r="DB99" s="1020"/>
      <c r="DC99" s="1021"/>
      <c r="DD99" s="1021"/>
      <c r="DE99" s="1021"/>
      <c r="DF99" s="1022"/>
      <c r="DG99" s="1020"/>
      <c r="DH99" s="1021"/>
      <c r="DI99" s="1021"/>
      <c r="DJ99" s="1021"/>
      <c r="DK99" s="1022"/>
      <c r="DL99" s="1020"/>
      <c r="DM99" s="1021"/>
      <c r="DN99" s="1021"/>
      <c r="DO99" s="1021"/>
      <c r="DP99" s="1022"/>
      <c r="DQ99" s="1020"/>
      <c r="DR99" s="1021"/>
      <c r="DS99" s="1021"/>
      <c r="DT99" s="1021"/>
      <c r="DU99" s="1022"/>
      <c r="DV99" s="1009"/>
      <c r="DW99" s="1010"/>
      <c r="DX99" s="1010"/>
      <c r="DY99" s="1010"/>
      <c r="DZ99" s="1011"/>
      <c r="EA99" s="233"/>
    </row>
    <row r="100" spans="1:131" ht="26.25" hidden="1" customHeight="1" x14ac:dyDescent="0.2">
      <c r="A100" s="248"/>
      <c r="B100" s="249"/>
      <c r="C100" s="249"/>
      <c r="D100" s="249"/>
      <c r="E100" s="249"/>
      <c r="F100" s="249"/>
      <c r="G100" s="249"/>
      <c r="H100" s="249"/>
      <c r="I100" s="249"/>
      <c r="J100" s="249"/>
      <c r="K100" s="249"/>
      <c r="L100" s="249"/>
      <c r="M100" s="249"/>
      <c r="N100" s="249"/>
      <c r="O100" s="249"/>
      <c r="P100" s="249"/>
      <c r="Q100" s="250"/>
      <c r="R100" s="250"/>
      <c r="S100" s="250"/>
      <c r="T100" s="250"/>
      <c r="U100" s="250"/>
      <c r="V100" s="250"/>
      <c r="W100" s="250"/>
      <c r="X100" s="250"/>
      <c r="Y100" s="250"/>
      <c r="Z100" s="250"/>
      <c r="AA100" s="250"/>
      <c r="AB100" s="250"/>
      <c r="AC100" s="250"/>
      <c r="AD100" s="250"/>
      <c r="AE100" s="250"/>
      <c r="AF100" s="250"/>
      <c r="AG100" s="250"/>
      <c r="AH100" s="250"/>
      <c r="AI100" s="250"/>
      <c r="AJ100" s="250"/>
      <c r="AK100" s="250"/>
      <c r="AL100" s="250"/>
      <c r="AM100" s="250"/>
      <c r="AN100" s="250"/>
      <c r="AO100" s="250"/>
      <c r="AP100" s="250"/>
      <c r="AQ100" s="250"/>
      <c r="AR100" s="250"/>
      <c r="AS100" s="250"/>
      <c r="AT100" s="250"/>
      <c r="AU100" s="250"/>
      <c r="AV100" s="250"/>
      <c r="AW100" s="250"/>
      <c r="AX100" s="250"/>
      <c r="AY100" s="250"/>
      <c r="AZ100" s="251"/>
      <c r="BA100" s="251"/>
      <c r="BB100" s="251"/>
      <c r="BC100" s="251"/>
      <c r="BD100" s="251"/>
      <c r="BE100" s="244"/>
      <c r="BF100" s="244"/>
      <c r="BG100" s="244"/>
      <c r="BH100" s="244"/>
      <c r="BI100" s="244"/>
      <c r="BJ100" s="244"/>
      <c r="BK100" s="244"/>
      <c r="BL100" s="244"/>
      <c r="BM100" s="244"/>
      <c r="BN100" s="244"/>
      <c r="BO100" s="244"/>
      <c r="BP100" s="244"/>
      <c r="BQ100" s="241">
        <v>94</v>
      </c>
      <c r="BR100" s="246"/>
      <c r="BS100" s="1009"/>
      <c r="BT100" s="1010"/>
      <c r="BU100" s="1010"/>
      <c r="BV100" s="1010"/>
      <c r="BW100" s="1010"/>
      <c r="BX100" s="1010"/>
      <c r="BY100" s="1010"/>
      <c r="BZ100" s="1010"/>
      <c r="CA100" s="1010"/>
      <c r="CB100" s="1010"/>
      <c r="CC100" s="1010"/>
      <c r="CD100" s="1010"/>
      <c r="CE100" s="1010"/>
      <c r="CF100" s="1010"/>
      <c r="CG100" s="1019"/>
      <c r="CH100" s="1020"/>
      <c r="CI100" s="1021"/>
      <c r="CJ100" s="1021"/>
      <c r="CK100" s="1021"/>
      <c r="CL100" s="1022"/>
      <c r="CM100" s="1020"/>
      <c r="CN100" s="1021"/>
      <c r="CO100" s="1021"/>
      <c r="CP100" s="1021"/>
      <c r="CQ100" s="1022"/>
      <c r="CR100" s="1020"/>
      <c r="CS100" s="1021"/>
      <c r="CT100" s="1021"/>
      <c r="CU100" s="1021"/>
      <c r="CV100" s="1022"/>
      <c r="CW100" s="1020"/>
      <c r="CX100" s="1021"/>
      <c r="CY100" s="1021"/>
      <c r="CZ100" s="1021"/>
      <c r="DA100" s="1022"/>
      <c r="DB100" s="1020"/>
      <c r="DC100" s="1021"/>
      <c r="DD100" s="1021"/>
      <c r="DE100" s="1021"/>
      <c r="DF100" s="1022"/>
      <c r="DG100" s="1020"/>
      <c r="DH100" s="1021"/>
      <c r="DI100" s="1021"/>
      <c r="DJ100" s="1021"/>
      <c r="DK100" s="1022"/>
      <c r="DL100" s="1020"/>
      <c r="DM100" s="1021"/>
      <c r="DN100" s="1021"/>
      <c r="DO100" s="1021"/>
      <c r="DP100" s="1022"/>
      <c r="DQ100" s="1020"/>
      <c r="DR100" s="1021"/>
      <c r="DS100" s="1021"/>
      <c r="DT100" s="1021"/>
      <c r="DU100" s="1022"/>
      <c r="DV100" s="1009"/>
      <c r="DW100" s="1010"/>
      <c r="DX100" s="1010"/>
      <c r="DY100" s="1010"/>
      <c r="DZ100" s="1011"/>
      <c r="EA100" s="233"/>
    </row>
    <row r="101" spans="1:131" ht="26.25" hidden="1" customHeight="1" x14ac:dyDescent="0.2">
      <c r="A101" s="248"/>
      <c r="B101" s="249"/>
      <c r="C101" s="249"/>
      <c r="D101" s="249"/>
      <c r="E101" s="249"/>
      <c r="F101" s="249"/>
      <c r="G101" s="249"/>
      <c r="H101" s="249"/>
      <c r="I101" s="249"/>
      <c r="J101" s="249"/>
      <c r="K101" s="249"/>
      <c r="L101" s="249"/>
      <c r="M101" s="249"/>
      <c r="N101" s="249"/>
      <c r="O101" s="249"/>
      <c r="P101" s="249"/>
      <c r="Q101" s="250"/>
      <c r="R101" s="250"/>
      <c r="S101" s="250"/>
      <c r="T101" s="250"/>
      <c r="U101" s="250"/>
      <c r="V101" s="250"/>
      <c r="W101" s="250"/>
      <c r="X101" s="250"/>
      <c r="Y101" s="250"/>
      <c r="Z101" s="250"/>
      <c r="AA101" s="250"/>
      <c r="AB101" s="250"/>
      <c r="AC101" s="250"/>
      <c r="AD101" s="250"/>
      <c r="AE101" s="250"/>
      <c r="AF101" s="250"/>
      <c r="AG101" s="250"/>
      <c r="AH101" s="250"/>
      <c r="AI101" s="250"/>
      <c r="AJ101" s="250"/>
      <c r="AK101" s="250"/>
      <c r="AL101" s="250"/>
      <c r="AM101" s="250"/>
      <c r="AN101" s="250"/>
      <c r="AO101" s="250"/>
      <c r="AP101" s="250"/>
      <c r="AQ101" s="250"/>
      <c r="AR101" s="250"/>
      <c r="AS101" s="250"/>
      <c r="AT101" s="250"/>
      <c r="AU101" s="250"/>
      <c r="AV101" s="250"/>
      <c r="AW101" s="250"/>
      <c r="AX101" s="250"/>
      <c r="AY101" s="250"/>
      <c r="AZ101" s="251"/>
      <c r="BA101" s="251"/>
      <c r="BB101" s="251"/>
      <c r="BC101" s="251"/>
      <c r="BD101" s="251"/>
      <c r="BE101" s="244"/>
      <c r="BF101" s="244"/>
      <c r="BG101" s="244"/>
      <c r="BH101" s="244"/>
      <c r="BI101" s="244"/>
      <c r="BJ101" s="244"/>
      <c r="BK101" s="244"/>
      <c r="BL101" s="244"/>
      <c r="BM101" s="244"/>
      <c r="BN101" s="244"/>
      <c r="BO101" s="244"/>
      <c r="BP101" s="244"/>
      <c r="BQ101" s="241">
        <v>95</v>
      </c>
      <c r="BR101" s="246"/>
      <c r="BS101" s="1009"/>
      <c r="BT101" s="1010"/>
      <c r="BU101" s="1010"/>
      <c r="BV101" s="1010"/>
      <c r="BW101" s="1010"/>
      <c r="BX101" s="1010"/>
      <c r="BY101" s="1010"/>
      <c r="BZ101" s="1010"/>
      <c r="CA101" s="1010"/>
      <c r="CB101" s="1010"/>
      <c r="CC101" s="1010"/>
      <c r="CD101" s="1010"/>
      <c r="CE101" s="1010"/>
      <c r="CF101" s="1010"/>
      <c r="CG101" s="1019"/>
      <c r="CH101" s="1020"/>
      <c r="CI101" s="1021"/>
      <c r="CJ101" s="1021"/>
      <c r="CK101" s="1021"/>
      <c r="CL101" s="1022"/>
      <c r="CM101" s="1020"/>
      <c r="CN101" s="1021"/>
      <c r="CO101" s="1021"/>
      <c r="CP101" s="1021"/>
      <c r="CQ101" s="1022"/>
      <c r="CR101" s="1020"/>
      <c r="CS101" s="1021"/>
      <c r="CT101" s="1021"/>
      <c r="CU101" s="1021"/>
      <c r="CV101" s="1022"/>
      <c r="CW101" s="1020"/>
      <c r="CX101" s="1021"/>
      <c r="CY101" s="1021"/>
      <c r="CZ101" s="1021"/>
      <c r="DA101" s="1022"/>
      <c r="DB101" s="1020"/>
      <c r="DC101" s="1021"/>
      <c r="DD101" s="1021"/>
      <c r="DE101" s="1021"/>
      <c r="DF101" s="1022"/>
      <c r="DG101" s="1020"/>
      <c r="DH101" s="1021"/>
      <c r="DI101" s="1021"/>
      <c r="DJ101" s="1021"/>
      <c r="DK101" s="1022"/>
      <c r="DL101" s="1020"/>
      <c r="DM101" s="1021"/>
      <c r="DN101" s="1021"/>
      <c r="DO101" s="1021"/>
      <c r="DP101" s="1022"/>
      <c r="DQ101" s="1020"/>
      <c r="DR101" s="1021"/>
      <c r="DS101" s="1021"/>
      <c r="DT101" s="1021"/>
      <c r="DU101" s="1022"/>
      <c r="DV101" s="1009"/>
      <c r="DW101" s="1010"/>
      <c r="DX101" s="1010"/>
      <c r="DY101" s="1010"/>
      <c r="DZ101" s="1011"/>
      <c r="EA101" s="233"/>
    </row>
    <row r="102" spans="1:131" ht="26.25" customHeight="1" thickBot="1" x14ac:dyDescent="0.25">
      <c r="A102" s="248"/>
      <c r="B102" s="249"/>
      <c r="C102" s="249"/>
      <c r="D102" s="249"/>
      <c r="E102" s="249"/>
      <c r="F102" s="249"/>
      <c r="G102" s="249"/>
      <c r="H102" s="249"/>
      <c r="I102" s="249"/>
      <c r="J102" s="249"/>
      <c r="K102" s="249"/>
      <c r="L102" s="249"/>
      <c r="M102" s="249"/>
      <c r="N102" s="249"/>
      <c r="O102" s="249"/>
      <c r="P102" s="249"/>
      <c r="Q102" s="250"/>
      <c r="R102" s="250"/>
      <c r="S102" s="250"/>
      <c r="T102" s="250"/>
      <c r="U102" s="250"/>
      <c r="V102" s="250"/>
      <c r="W102" s="250"/>
      <c r="X102" s="250"/>
      <c r="Y102" s="250"/>
      <c r="Z102" s="250"/>
      <c r="AA102" s="250"/>
      <c r="AB102" s="250"/>
      <c r="AC102" s="250"/>
      <c r="AD102" s="250"/>
      <c r="AE102" s="250"/>
      <c r="AF102" s="250"/>
      <c r="AG102" s="250"/>
      <c r="AH102" s="250"/>
      <c r="AI102" s="250"/>
      <c r="AJ102" s="250"/>
      <c r="AK102" s="250"/>
      <c r="AL102" s="250"/>
      <c r="AM102" s="250"/>
      <c r="AN102" s="250"/>
      <c r="AO102" s="250"/>
      <c r="AP102" s="250"/>
      <c r="AQ102" s="250"/>
      <c r="AR102" s="250"/>
      <c r="AS102" s="250"/>
      <c r="AT102" s="250"/>
      <c r="AU102" s="250"/>
      <c r="AV102" s="250"/>
      <c r="AW102" s="250"/>
      <c r="AX102" s="250"/>
      <c r="AY102" s="250"/>
      <c r="AZ102" s="251"/>
      <c r="BA102" s="251"/>
      <c r="BB102" s="251"/>
      <c r="BC102" s="251"/>
      <c r="BD102" s="251"/>
      <c r="BE102" s="244"/>
      <c r="BF102" s="244"/>
      <c r="BG102" s="244"/>
      <c r="BH102" s="244"/>
      <c r="BI102" s="244"/>
      <c r="BJ102" s="244"/>
      <c r="BK102" s="244"/>
      <c r="BL102" s="244"/>
      <c r="BM102" s="244"/>
      <c r="BN102" s="244"/>
      <c r="BO102" s="244"/>
      <c r="BP102" s="244"/>
      <c r="BQ102" s="243" t="s">
        <v>398</v>
      </c>
      <c r="BR102" s="1001" t="s">
        <v>441</v>
      </c>
      <c r="BS102" s="1002"/>
      <c r="BT102" s="1002"/>
      <c r="BU102" s="1002"/>
      <c r="BV102" s="1002"/>
      <c r="BW102" s="1002"/>
      <c r="BX102" s="1002"/>
      <c r="BY102" s="1002"/>
      <c r="BZ102" s="1002"/>
      <c r="CA102" s="1002"/>
      <c r="CB102" s="1002"/>
      <c r="CC102" s="1002"/>
      <c r="CD102" s="1002"/>
      <c r="CE102" s="1002"/>
      <c r="CF102" s="1002"/>
      <c r="CG102" s="1012"/>
      <c r="CH102" s="1013"/>
      <c r="CI102" s="1014"/>
      <c r="CJ102" s="1014"/>
      <c r="CK102" s="1014"/>
      <c r="CL102" s="1015"/>
      <c r="CM102" s="1013"/>
      <c r="CN102" s="1014"/>
      <c r="CO102" s="1014"/>
      <c r="CP102" s="1014"/>
      <c r="CQ102" s="1015"/>
      <c r="CR102" s="1016"/>
      <c r="CS102" s="1017"/>
      <c r="CT102" s="1017"/>
      <c r="CU102" s="1017"/>
      <c r="CV102" s="1018"/>
      <c r="CW102" s="1016"/>
      <c r="CX102" s="1017"/>
      <c r="CY102" s="1017"/>
      <c r="CZ102" s="1017"/>
      <c r="DA102" s="1018"/>
      <c r="DB102" s="1016"/>
      <c r="DC102" s="1017"/>
      <c r="DD102" s="1017"/>
      <c r="DE102" s="1017"/>
      <c r="DF102" s="1018"/>
      <c r="DG102" s="1016"/>
      <c r="DH102" s="1017"/>
      <c r="DI102" s="1017"/>
      <c r="DJ102" s="1017"/>
      <c r="DK102" s="1018"/>
      <c r="DL102" s="1016"/>
      <c r="DM102" s="1017"/>
      <c r="DN102" s="1017"/>
      <c r="DO102" s="1017"/>
      <c r="DP102" s="1018"/>
      <c r="DQ102" s="1016"/>
      <c r="DR102" s="1017"/>
      <c r="DS102" s="1017"/>
      <c r="DT102" s="1017"/>
      <c r="DU102" s="1018"/>
      <c r="DV102" s="1001"/>
      <c r="DW102" s="1002"/>
      <c r="DX102" s="1002"/>
      <c r="DY102" s="1002"/>
      <c r="DZ102" s="1003"/>
      <c r="EA102" s="233"/>
    </row>
    <row r="103" spans="1:131" ht="26.25" customHeight="1" x14ac:dyDescent="0.2">
      <c r="A103" s="248"/>
      <c r="B103" s="249"/>
      <c r="C103" s="249"/>
      <c r="D103" s="249"/>
      <c r="E103" s="249"/>
      <c r="F103" s="249"/>
      <c r="G103" s="249"/>
      <c r="H103" s="249"/>
      <c r="I103" s="249"/>
      <c r="J103" s="249"/>
      <c r="K103" s="249"/>
      <c r="L103" s="249"/>
      <c r="M103" s="249"/>
      <c r="N103" s="249"/>
      <c r="O103" s="249"/>
      <c r="P103" s="249"/>
      <c r="Q103" s="250"/>
      <c r="R103" s="250"/>
      <c r="S103" s="250"/>
      <c r="T103" s="250"/>
      <c r="U103" s="250"/>
      <c r="V103" s="250"/>
      <c r="W103" s="250"/>
      <c r="X103" s="250"/>
      <c r="Y103" s="250"/>
      <c r="Z103" s="250"/>
      <c r="AA103" s="250"/>
      <c r="AB103" s="250"/>
      <c r="AC103" s="250"/>
      <c r="AD103" s="250"/>
      <c r="AE103" s="250"/>
      <c r="AF103" s="250"/>
      <c r="AG103" s="250"/>
      <c r="AH103" s="250"/>
      <c r="AI103" s="250"/>
      <c r="AJ103" s="250"/>
      <c r="AK103" s="250"/>
      <c r="AL103" s="250"/>
      <c r="AM103" s="250"/>
      <c r="AN103" s="250"/>
      <c r="AO103" s="250"/>
      <c r="AP103" s="250"/>
      <c r="AQ103" s="250"/>
      <c r="AR103" s="250"/>
      <c r="AS103" s="250"/>
      <c r="AT103" s="250"/>
      <c r="AU103" s="250"/>
      <c r="AV103" s="250"/>
      <c r="AW103" s="250"/>
      <c r="AX103" s="250"/>
      <c r="AY103" s="250"/>
      <c r="AZ103" s="251"/>
      <c r="BA103" s="251"/>
      <c r="BB103" s="251"/>
      <c r="BC103" s="251"/>
      <c r="BD103" s="251"/>
      <c r="BE103" s="244"/>
      <c r="BF103" s="244"/>
      <c r="BG103" s="244"/>
      <c r="BH103" s="244"/>
      <c r="BI103" s="244"/>
      <c r="BJ103" s="244"/>
      <c r="BK103" s="244"/>
      <c r="BL103" s="244"/>
      <c r="BM103" s="244"/>
      <c r="BN103" s="244"/>
      <c r="BO103" s="244"/>
      <c r="BP103" s="244"/>
      <c r="BQ103" s="1004" t="s">
        <v>442</v>
      </c>
      <c r="BR103" s="1004"/>
      <c r="BS103" s="1004"/>
      <c r="BT103" s="1004"/>
      <c r="BU103" s="1004"/>
      <c r="BV103" s="1004"/>
      <c r="BW103" s="1004"/>
      <c r="BX103" s="1004"/>
      <c r="BY103" s="1004"/>
      <c r="BZ103" s="1004"/>
      <c r="CA103" s="1004"/>
      <c r="CB103" s="1004"/>
      <c r="CC103" s="1004"/>
      <c r="CD103" s="1004"/>
      <c r="CE103" s="1004"/>
      <c r="CF103" s="1004"/>
      <c r="CG103" s="1004"/>
      <c r="CH103" s="1004"/>
      <c r="CI103" s="1004"/>
      <c r="CJ103" s="1004"/>
      <c r="CK103" s="1004"/>
      <c r="CL103" s="1004"/>
      <c r="CM103" s="1004"/>
      <c r="CN103" s="1004"/>
      <c r="CO103" s="1004"/>
      <c r="CP103" s="1004"/>
      <c r="CQ103" s="1004"/>
      <c r="CR103" s="1004"/>
      <c r="CS103" s="1004"/>
      <c r="CT103" s="1004"/>
      <c r="CU103" s="1004"/>
      <c r="CV103" s="1004"/>
      <c r="CW103" s="1004"/>
      <c r="CX103" s="1004"/>
      <c r="CY103" s="1004"/>
      <c r="CZ103" s="1004"/>
      <c r="DA103" s="1004"/>
      <c r="DB103" s="1004"/>
      <c r="DC103" s="1004"/>
      <c r="DD103" s="1004"/>
      <c r="DE103" s="1004"/>
      <c r="DF103" s="1004"/>
      <c r="DG103" s="1004"/>
      <c r="DH103" s="1004"/>
      <c r="DI103" s="1004"/>
      <c r="DJ103" s="1004"/>
      <c r="DK103" s="1004"/>
      <c r="DL103" s="1004"/>
      <c r="DM103" s="1004"/>
      <c r="DN103" s="1004"/>
      <c r="DO103" s="1004"/>
      <c r="DP103" s="1004"/>
      <c r="DQ103" s="1004"/>
      <c r="DR103" s="1004"/>
      <c r="DS103" s="1004"/>
      <c r="DT103" s="1004"/>
      <c r="DU103" s="1004"/>
      <c r="DV103" s="1004"/>
      <c r="DW103" s="1004"/>
      <c r="DX103" s="1004"/>
      <c r="DY103" s="1004"/>
      <c r="DZ103" s="1004"/>
      <c r="EA103" s="233"/>
    </row>
    <row r="104" spans="1:131" ht="26.25" customHeight="1" x14ac:dyDescent="0.2">
      <c r="A104" s="248"/>
      <c r="B104" s="249"/>
      <c r="C104" s="249"/>
      <c r="D104" s="249"/>
      <c r="E104" s="249"/>
      <c r="F104" s="249"/>
      <c r="G104" s="249"/>
      <c r="H104" s="249"/>
      <c r="I104" s="249"/>
      <c r="J104" s="249"/>
      <c r="K104" s="249"/>
      <c r="L104" s="249"/>
      <c r="M104" s="249"/>
      <c r="N104" s="249"/>
      <c r="O104" s="249"/>
      <c r="P104" s="249"/>
      <c r="Q104" s="250"/>
      <c r="R104" s="250"/>
      <c r="S104" s="250"/>
      <c r="T104" s="250"/>
      <c r="U104" s="250"/>
      <c r="V104" s="250"/>
      <c r="W104" s="250"/>
      <c r="X104" s="250"/>
      <c r="Y104" s="250"/>
      <c r="Z104" s="250"/>
      <c r="AA104" s="250"/>
      <c r="AB104" s="250"/>
      <c r="AC104" s="250"/>
      <c r="AD104" s="250"/>
      <c r="AE104" s="250"/>
      <c r="AF104" s="250"/>
      <c r="AG104" s="250"/>
      <c r="AH104" s="250"/>
      <c r="AI104" s="250"/>
      <c r="AJ104" s="250"/>
      <c r="AK104" s="250"/>
      <c r="AL104" s="250"/>
      <c r="AM104" s="250"/>
      <c r="AN104" s="250"/>
      <c r="AO104" s="250"/>
      <c r="AP104" s="250"/>
      <c r="AQ104" s="250"/>
      <c r="AR104" s="250"/>
      <c r="AS104" s="250"/>
      <c r="AT104" s="250"/>
      <c r="AU104" s="250"/>
      <c r="AV104" s="250"/>
      <c r="AW104" s="250"/>
      <c r="AX104" s="250"/>
      <c r="AY104" s="250"/>
      <c r="AZ104" s="251"/>
      <c r="BA104" s="251"/>
      <c r="BB104" s="251"/>
      <c r="BC104" s="251"/>
      <c r="BD104" s="251"/>
      <c r="BE104" s="244"/>
      <c r="BF104" s="244"/>
      <c r="BG104" s="244"/>
      <c r="BH104" s="244"/>
      <c r="BI104" s="244"/>
      <c r="BJ104" s="244"/>
      <c r="BK104" s="244"/>
      <c r="BL104" s="244"/>
      <c r="BM104" s="244"/>
      <c r="BN104" s="244"/>
      <c r="BO104" s="244"/>
      <c r="BP104" s="244"/>
      <c r="BQ104" s="1005" t="s">
        <v>443</v>
      </c>
      <c r="BR104" s="1005"/>
      <c r="BS104" s="1005"/>
      <c r="BT104" s="1005"/>
      <c r="BU104" s="1005"/>
      <c r="BV104" s="1005"/>
      <c r="BW104" s="1005"/>
      <c r="BX104" s="1005"/>
      <c r="BY104" s="1005"/>
      <c r="BZ104" s="1005"/>
      <c r="CA104" s="1005"/>
      <c r="CB104" s="1005"/>
      <c r="CC104" s="1005"/>
      <c r="CD104" s="1005"/>
      <c r="CE104" s="1005"/>
      <c r="CF104" s="1005"/>
      <c r="CG104" s="1005"/>
      <c r="CH104" s="1005"/>
      <c r="CI104" s="1005"/>
      <c r="CJ104" s="1005"/>
      <c r="CK104" s="1005"/>
      <c r="CL104" s="1005"/>
      <c r="CM104" s="1005"/>
      <c r="CN104" s="1005"/>
      <c r="CO104" s="1005"/>
      <c r="CP104" s="1005"/>
      <c r="CQ104" s="1005"/>
      <c r="CR104" s="1005"/>
      <c r="CS104" s="1005"/>
      <c r="CT104" s="1005"/>
      <c r="CU104" s="1005"/>
      <c r="CV104" s="1005"/>
      <c r="CW104" s="1005"/>
      <c r="CX104" s="1005"/>
      <c r="CY104" s="1005"/>
      <c r="CZ104" s="1005"/>
      <c r="DA104" s="1005"/>
      <c r="DB104" s="1005"/>
      <c r="DC104" s="1005"/>
      <c r="DD104" s="1005"/>
      <c r="DE104" s="1005"/>
      <c r="DF104" s="1005"/>
      <c r="DG104" s="1005"/>
      <c r="DH104" s="1005"/>
      <c r="DI104" s="1005"/>
      <c r="DJ104" s="1005"/>
      <c r="DK104" s="1005"/>
      <c r="DL104" s="1005"/>
      <c r="DM104" s="1005"/>
      <c r="DN104" s="1005"/>
      <c r="DO104" s="1005"/>
      <c r="DP104" s="1005"/>
      <c r="DQ104" s="1005"/>
      <c r="DR104" s="1005"/>
      <c r="DS104" s="1005"/>
      <c r="DT104" s="1005"/>
      <c r="DU104" s="1005"/>
      <c r="DV104" s="1005"/>
      <c r="DW104" s="1005"/>
      <c r="DX104" s="1005"/>
      <c r="DY104" s="1005"/>
      <c r="DZ104" s="1005"/>
      <c r="EA104" s="233"/>
    </row>
    <row r="105" spans="1:131" ht="11.25" customHeight="1" x14ac:dyDescent="0.2">
      <c r="A105" s="244"/>
      <c r="B105" s="244"/>
      <c r="C105" s="244"/>
      <c r="D105" s="244"/>
      <c r="E105" s="244"/>
      <c r="F105" s="244"/>
      <c r="G105" s="244"/>
      <c r="H105" s="244"/>
      <c r="I105" s="244"/>
      <c r="J105" s="244"/>
      <c r="K105" s="244"/>
      <c r="L105" s="244"/>
      <c r="M105" s="244"/>
      <c r="N105" s="244"/>
      <c r="O105" s="244"/>
      <c r="P105" s="244"/>
      <c r="Q105" s="244"/>
      <c r="R105" s="244"/>
      <c r="S105" s="244"/>
      <c r="T105" s="244"/>
      <c r="U105" s="244"/>
      <c r="V105" s="244"/>
      <c r="W105" s="244"/>
      <c r="X105" s="244"/>
      <c r="Y105" s="244"/>
      <c r="Z105" s="244"/>
      <c r="AA105" s="244"/>
      <c r="AB105" s="244"/>
      <c r="AC105" s="244"/>
      <c r="AD105" s="244"/>
      <c r="AE105" s="244"/>
      <c r="AF105" s="244"/>
      <c r="AG105" s="244"/>
      <c r="AH105" s="244"/>
      <c r="AI105" s="244"/>
      <c r="AJ105" s="244"/>
      <c r="AK105" s="244"/>
      <c r="AL105" s="244"/>
      <c r="AM105" s="244"/>
      <c r="AN105" s="244"/>
      <c r="AO105" s="244"/>
      <c r="AP105" s="244"/>
      <c r="AQ105" s="244"/>
      <c r="AR105" s="244"/>
      <c r="AS105" s="244"/>
      <c r="AT105" s="244"/>
      <c r="AU105" s="244"/>
      <c r="AV105" s="244"/>
      <c r="AW105" s="244"/>
      <c r="AX105" s="244"/>
      <c r="AY105" s="244"/>
      <c r="AZ105" s="244"/>
      <c r="BA105" s="244"/>
      <c r="BB105" s="244"/>
      <c r="BC105" s="244"/>
      <c r="BD105" s="244"/>
      <c r="BE105" s="244"/>
      <c r="BF105" s="244"/>
      <c r="BG105" s="244"/>
      <c r="BH105" s="244"/>
      <c r="BI105" s="244"/>
      <c r="BJ105" s="244"/>
      <c r="BK105" s="244"/>
      <c r="BL105" s="244"/>
      <c r="BM105" s="244"/>
      <c r="BN105" s="244"/>
      <c r="BO105" s="244"/>
      <c r="BP105" s="244"/>
      <c r="BQ105" s="233"/>
      <c r="BR105" s="233"/>
      <c r="BS105" s="233"/>
      <c r="BT105" s="233"/>
      <c r="BU105" s="233"/>
      <c r="BV105" s="233"/>
      <c r="BW105" s="233"/>
      <c r="BX105" s="233"/>
      <c r="BY105" s="233"/>
      <c r="BZ105" s="233"/>
      <c r="CA105" s="233"/>
      <c r="CB105" s="233"/>
      <c r="CC105" s="233"/>
      <c r="CD105" s="233"/>
      <c r="CE105" s="233"/>
      <c r="CF105" s="233"/>
      <c r="CG105" s="233"/>
      <c r="CH105" s="233"/>
      <c r="CI105" s="233"/>
      <c r="CJ105" s="233"/>
      <c r="CK105" s="233"/>
      <c r="CL105" s="233"/>
      <c r="CM105" s="233"/>
      <c r="CN105" s="233"/>
      <c r="CO105" s="233"/>
      <c r="CP105" s="233"/>
      <c r="CQ105" s="233"/>
      <c r="CR105" s="233"/>
      <c r="CS105" s="233"/>
      <c r="CT105" s="233"/>
      <c r="CU105" s="233"/>
      <c r="CV105" s="233"/>
      <c r="CW105" s="233"/>
      <c r="CX105" s="233"/>
      <c r="CY105" s="233"/>
      <c r="CZ105" s="233"/>
      <c r="DA105" s="233"/>
      <c r="DB105" s="233"/>
      <c r="DC105" s="233"/>
      <c r="DD105" s="233"/>
      <c r="DE105" s="233"/>
      <c r="DF105" s="233"/>
      <c r="DG105" s="233"/>
      <c r="DH105" s="233"/>
      <c r="DI105" s="233"/>
      <c r="DJ105" s="233"/>
      <c r="DK105" s="233"/>
      <c r="DL105" s="233"/>
      <c r="DM105" s="233"/>
      <c r="DN105" s="233"/>
      <c r="DO105" s="233"/>
      <c r="DP105" s="233"/>
      <c r="DQ105" s="233"/>
      <c r="DR105" s="233"/>
      <c r="DS105" s="233"/>
      <c r="DT105" s="233"/>
      <c r="DU105" s="233"/>
      <c r="DV105" s="233"/>
      <c r="DW105" s="233"/>
      <c r="DX105" s="233"/>
      <c r="DY105" s="233"/>
      <c r="DZ105" s="233"/>
      <c r="EA105" s="233"/>
    </row>
    <row r="106" spans="1:131" ht="11.25" customHeight="1" x14ac:dyDescent="0.2">
      <c r="A106" s="244"/>
      <c r="B106" s="244"/>
      <c r="C106" s="244"/>
      <c r="D106" s="244"/>
      <c r="E106" s="244"/>
      <c r="F106" s="244"/>
      <c r="G106" s="244"/>
      <c r="H106" s="244"/>
      <c r="I106" s="244"/>
      <c r="J106" s="244"/>
      <c r="K106" s="244"/>
      <c r="L106" s="244"/>
      <c r="M106" s="244"/>
      <c r="N106" s="244"/>
      <c r="O106" s="244"/>
      <c r="P106" s="244"/>
      <c r="Q106" s="244"/>
      <c r="R106" s="244"/>
      <c r="S106" s="244"/>
      <c r="T106" s="244"/>
      <c r="U106" s="244"/>
      <c r="V106" s="244"/>
      <c r="W106" s="244"/>
      <c r="X106" s="244"/>
      <c r="Y106" s="244"/>
      <c r="Z106" s="244"/>
      <c r="AA106" s="244"/>
      <c r="AB106" s="244"/>
      <c r="AC106" s="244"/>
      <c r="AD106" s="244"/>
      <c r="AE106" s="244"/>
      <c r="AF106" s="244"/>
      <c r="AG106" s="244"/>
      <c r="AH106" s="244"/>
      <c r="AI106" s="244"/>
      <c r="AJ106" s="244"/>
      <c r="AK106" s="244"/>
      <c r="AL106" s="244"/>
      <c r="AM106" s="244"/>
      <c r="AN106" s="244"/>
      <c r="AO106" s="244"/>
      <c r="AP106" s="244"/>
      <c r="AQ106" s="244"/>
      <c r="AR106" s="244"/>
      <c r="AS106" s="244"/>
      <c r="AT106" s="244"/>
      <c r="AU106" s="244"/>
      <c r="AV106" s="244"/>
      <c r="AW106" s="244"/>
      <c r="AX106" s="244"/>
      <c r="AY106" s="244"/>
      <c r="AZ106" s="244"/>
      <c r="BA106" s="244"/>
      <c r="BB106" s="244"/>
      <c r="BC106" s="244"/>
      <c r="BD106" s="244"/>
      <c r="BE106" s="244"/>
      <c r="BF106" s="244"/>
      <c r="BG106" s="244"/>
      <c r="BH106" s="244"/>
      <c r="BI106" s="244"/>
      <c r="BJ106" s="244"/>
      <c r="BK106" s="244"/>
      <c r="BL106" s="244"/>
      <c r="BM106" s="244"/>
      <c r="BN106" s="244"/>
      <c r="BO106" s="244"/>
      <c r="BP106" s="244"/>
      <c r="BQ106" s="233"/>
      <c r="BR106" s="233"/>
      <c r="BS106" s="233"/>
      <c r="BT106" s="233"/>
      <c r="BU106" s="233"/>
      <c r="BV106" s="233"/>
      <c r="BW106" s="233"/>
      <c r="BX106" s="233"/>
      <c r="BY106" s="233"/>
      <c r="BZ106" s="233"/>
      <c r="CA106" s="233"/>
      <c r="CB106" s="233"/>
      <c r="CC106" s="233"/>
      <c r="CD106" s="233"/>
      <c r="CE106" s="233"/>
      <c r="CF106" s="233"/>
      <c r="CG106" s="233"/>
      <c r="CH106" s="233"/>
      <c r="CI106" s="233"/>
      <c r="CJ106" s="233"/>
      <c r="CK106" s="233"/>
      <c r="CL106" s="233"/>
      <c r="CM106" s="233"/>
      <c r="CN106" s="233"/>
      <c r="CO106" s="233"/>
      <c r="CP106" s="233"/>
      <c r="CQ106" s="233"/>
      <c r="CR106" s="233"/>
      <c r="CS106" s="233"/>
      <c r="CT106" s="233"/>
      <c r="CU106" s="233"/>
      <c r="CV106" s="233"/>
      <c r="CW106" s="233"/>
      <c r="CX106" s="233"/>
      <c r="CY106" s="233"/>
      <c r="CZ106" s="233"/>
      <c r="DA106" s="233"/>
      <c r="DB106" s="233"/>
      <c r="DC106" s="233"/>
      <c r="DD106" s="233"/>
      <c r="DE106" s="233"/>
      <c r="DF106" s="233"/>
      <c r="DG106" s="233"/>
      <c r="DH106" s="233"/>
      <c r="DI106" s="233"/>
      <c r="DJ106" s="233"/>
      <c r="DK106" s="233"/>
      <c r="DL106" s="233"/>
      <c r="DM106" s="233"/>
      <c r="DN106" s="233"/>
      <c r="DO106" s="233"/>
      <c r="DP106" s="233"/>
      <c r="DQ106" s="233"/>
      <c r="DR106" s="233"/>
      <c r="DS106" s="233"/>
      <c r="DT106" s="233"/>
      <c r="DU106" s="233"/>
      <c r="DV106" s="233"/>
      <c r="DW106" s="233"/>
      <c r="DX106" s="233"/>
      <c r="DY106" s="233"/>
      <c r="DZ106" s="233"/>
      <c r="EA106" s="233"/>
    </row>
    <row r="107" spans="1:131" s="233" customFormat="1" ht="26.25" customHeight="1" thickBot="1" x14ac:dyDescent="0.25">
      <c r="A107" s="252" t="s">
        <v>444</v>
      </c>
      <c r="B107" s="253"/>
      <c r="C107" s="253"/>
      <c r="D107" s="253"/>
      <c r="E107" s="253"/>
      <c r="F107" s="253"/>
      <c r="G107" s="253"/>
      <c r="H107" s="253"/>
      <c r="I107" s="253"/>
      <c r="J107" s="253"/>
      <c r="K107" s="253"/>
      <c r="L107" s="253"/>
      <c r="M107" s="253"/>
      <c r="N107" s="253"/>
      <c r="O107" s="253"/>
      <c r="P107" s="253"/>
      <c r="Q107" s="253"/>
      <c r="R107" s="253"/>
      <c r="S107" s="253"/>
      <c r="T107" s="253"/>
      <c r="U107" s="253"/>
      <c r="V107" s="253"/>
      <c r="W107" s="253"/>
      <c r="X107" s="253"/>
      <c r="Y107" s="253"/>
      <c r="Z107" s="253"/>
      <c r="AA107" s="253"/>
      <c r="AB107" s="253"/>
      <c r="AC107" s="253"/>
      <c r="AD107" s="253"/>
      <c r="AE107" s="253"/>
      <c r="AF107" s="253"/>
      <c r="AG107" s="253"/>
      <c r="AH107" s="253"/>
      <c r="AI107" s="253"/>
      <c r="AJ107" s="253"/>
      <c r="AK107" s="253"/>
      <c r="AL107" s="253"/>
      <c r="AM107" s="253"/>
      <c r="AN107" s="253"/>
      <c r="AO107" s="253"/>
      <c r="AP107" s="253"/>
      <c r="AQ107" s="253"/>
      <c r="AR107" s="253"/>
      <c r="AS107" s="253"/>
      <c r="AT107" s="253"/>
      <c r="AU107" s="252" t="s">
        <v>445</v>
      </c>
      <c r="AV107" s="253"/>
      <c r="AW107" s="253"/>
      <c r="AX107" s="253"/>
      <c r="AY107" s="253"/>
      <c r="AZ107" s="253"/>
      <c r="BA107" s="253"/>
      <c r="BB107" s="253"/>
      <c r="BC107" s="253"/>
      <c r="BD107" s="253"/>
      <c r="BE107" s="253"/>
      <c r="BF107" s="253"/>
      <c r="BG107" s="253"/>
      <c r="BH107" s="253"/>
      <c r="BI107" s="253"/>
      <c r="BJ107" s="253"/>
      <c r="BK107" s="253"/>
      <c r="BL107" s="253"/>
      <c r="BM107" s="253"/>
      <c r="BN107" s="253"/>
      <c r="BO107" s="253"/>
      <c r="BP107" s="253"/>
      <c r="BQ107" s="253"/>
      <c r="BR107" s="253"/>
      <c r="BS107" s="253"/>
      <c r="BT107" s="253"/>
      <c r="BU107" s="253"/>
      <c r="BV107" s="253"/>
      <c r="BW107" s="253"/>
      <c r="BX107" s="253"/>
      <c r="BY107" s="253"/>
      <c r="BZ107" s="253"/>
      <c r="CA107" s="253"/>
      <c r="CB107" s="253"/>
      <c r="CC107" s="253"/>
      <c r="CD107" s="253"/>
      <c r="CE107" s="253"/>
      <c r="CF107" s="253"/>
      <c r="CG107" s="253"/>
      <c r="CH107" s="253"/>
      <c r="CI107" s="253"/>
      <c r="CJ107" s="253"/>
      <c r="CK107" s="253"/>
      <c r="CL107" s="253"/>
      <c r="CM107" s="253"/>
      <c r="CN107" s="253"/>
      <c r="CO107" s="253"/>
      <c r="CP107" s="253"/>
      <c r="CQ107" s="253"/>
      <c r="CR107" s="253"/>
      <c r="CS107" s="253"/>
      <c r="CT107" s="253"/>
      <c r="CU107" s="253"/>
      <c r="CV107" s="253"/>
      <c r="CW107" s="253"/>
      <c r="CX107" s="253"/>
      <c r="CY107" s="253"/>
      <c r="CZ107" s="253"/>
      <c r="DA107" s="253"/>
      <c r="DB107" s="253"/>
      <c r="DC107" s="253"/>
      <c r="DD107" s="253"/>
      <c r="DE107" s="253"/>
      <c r="DF107" s="253"/>
      <c r="DG107" s="253"/>
      <c r="DH107" s="253"/>
      <c r="DI107" s="253"/>
      <c r="DJ107" s="253"/>
      <c r="DK107" s="253"/>
      <c r="DL107" s="253"/>
      <c r="DM107" s="253"/>
      <c r="DN107" s="253"/>
      <c r="DO107" s="253"/>
      <c r="DP107" s="253"/>
      <c r="DQ107" s="253"/>
      <c r="DR107" s="253"/>
      <c r="DS107" s="253"/>
      <c r="DT107" s="253"/>
      <c r="DU107" s="253"/>
      <c r="DV107" s="253"/>
      <c r="DW107" s="253"/>
      <c r="DX107" s="253"/>
      <c r="DY107" s="253"/>
      <c r="DZ107" s="253"/>
    </row>
    <row r="108" spans="1:131" s="233" customFormat="1" ht="26.25" customHeight="1" x14ac:dyDescent="0.2">
      <c r="A108" s="1006" t="s">
        <v>446</v>
      </c>
      <c r="B108" s="1007"/>
      <c r="C108" s="1007"/>
      <c r="D108" s="1007"/>
      <c r="E108" s="1007"/>
      <c r="F108" s="1007"/>
      <c r="G108" s="1007"/>
      <c r="H108" s="1007"/>
      <c r="I108" s="1007"/>
      <c r="J108" s="1007"/>
      <c r="K108" s="1007"/>
      <c r="L108" s="1007"/>
      <c r="M108" s="1007"/>
      <c r="N108" s="1007"/>
      <c r="O108" s="1007"/>
      <c r="P108" s="1007"/>
      <c r="Q108" s="1007"/>
      <c r="R108" s="1007"/>
      <c r="S108" s="1007"/>
      <c r="T108" s="1007"/>
      <c r="U108" s="1007"/>
      <c r="V108" s="1007"/>
      <c r="W108" s="1007"/>
      <c r="X108" s="1007"/>
      <c r="Y108" s="1007"/>
      <c r="Z108" s="1007"/>
      <c r="AA108" s="1007"/>
      <c r="AB108" s="1007"/>
      <c r="AC108" s="1007"/>
      <c r="AD108" s="1007"/>
      <c r="AE108" s="1007"/>
      <c r="AF108" s="1007"/>
      <c r="AG108" s="1007"/>
      <c r="AH108" s="1007"/>
      <c r="AI108" s="1007"/>
      <c r="AJ108" s="1007"/>
      <c r="AK108" s="1007"/>
      <c r="AL108" s="1007"/>
      <c r="AM108" s="1007"/>
      <c r="AN108" s="1007"/>
      <c r="AO108" s="1007"/>
      <c r="AP108" s="1007"/>
      <c r="AQ108" s="1007"/>
      <c r="AR108" s="1007"/>
      <c r="AS108" s="1007"/>
      <c r="AT108" s="1008"/>
      <c r="AU108" s="1006" t="s">
        <v>447</v>
      </c>
      <c r="AV108" s="1007"/>
      <c r="AW108" s="1007"/>
      <c r="AX108" s="1007"/>
      <c r="AY108" s="1007"/>
      <c r="AZ108" s="1007"/>
      <c r="BA108" s="1007"/>
      <c r="BB108" s="1007"/>
      <c r="BC108" s="1007"/>
      <c r="BD108" s="1007"/>
      <c r="BE108" s="1007"/>
      <c r="BF108" s="1007"/>
      <c r="BG108" s="1007"/>
      <c r="BH108" s="1007"/>
      <c r="BI108" s="1007"/>
      <c r="BJ108" s="1007"/>
      <c r="BK108" s="1007"/>
      <c r="BL108" s="1007"/>
      <c r="BM108" s="1007"/>
      <c r="BN108" s="1007"/>
      <c r="BO108" s="1007"/>
      <c r="BP108" s="1007"/>
      <c r="BQ108" s="1007"/>
      <c r="BR108" s="1007"/>
      <c r="BS108" s="1007"/>
      <c r="BT108" s="1007"/>
      <c r="BU108" s="1007"/>
      <c r="BV108" s="1007"/>
      <c r="BW108" s="1007"/>
      <c r="BX108" s="1007"/>
      <c r="BY108" s="1007"/>
      <c r="BZ108" s="1007"/>
      <c r="CA108" s="1007"/>
      <c r="CB108" s="1007"/>
      <c r="CC108" s="1007"/>
      <c r="CD108" s="1007"/>
      <c r="CE108" s="1007"/>
      <c r="CF108" s="1007"/>
      <c r="CG108" s="1007"/>
      <c r="CH108" s="1007"/>
      <c r="CI108" s="1007"/>
      <c r="CJ108" s="1007"/>
      <c r="CK108" s="1007"/>
      <c r="CL108" s="1007"/>
      <c r="CM108" s="1007"/>
      <c r="CN108" s="1007"/>
      <c r="CO108" s="1007"/>
      <c r="CP108" s="1007"/>
      <c r="CQ108" s="1007"/>
      <c r="CR108" s="1007"/>
      <c r="CS108" s="1007"/>
      <c r="CT108" s="1007"/>
      <c r="CU108" s="1007"/>
      <c r="CV108" s="1007"/>
      <c r="CW108" s="1007"/>
      <c r="CX108" s="1007"/>
      <c r="CY108" s="1007"/>
      <c r="CZ108" s="1007"/>
      <c r="DA108" s="1007"/>
      <c r="DB108" s="1007"/>
      <c r="DC108" s="1007"/>
      <c r="DD108" s="1007"/>
      <c r="DE108" s="1007"/>
      <c r="DF108" s="1007"/>
      <c r="DG108" s="1007"/>
      <c r="DH108" s="1007"/>
      <c r="DI108" s="1007"/>
      <c r="DJ108" s="1007"/>
      <c r="DK108" s="1007"/>
      <c r="DL108" s="1007"/>
      <c r="DM108" s="1007"/>
      <c r="DN108" s="1007"/>
      <c r="DO108" s="1007"/>
      <c r="DP108" s="1007"/>
      <c r="DQ108" s="1007"/>
      <c r="DR108" s="1007"/>
      <c r="DS108" s="1007"/>
      <c r="DT108" s="1007"/>
      <c r="DU108" s="1007"/>
      <c r="DV108" s="1007"/>
      <c r="DW108" s="1007"/>
      <c r="DX108" s="1007"/>
      <c r="DY108" s="1007"/>
      <c r="DZ108" s="1008"/>
    </row>
    <row r="109" spans="1:131" s="233" customFormat="1" ht="26.25" customHeight="1" x14ac:dyDescent="0.2">
      <c r="A109" s="959" t="s">
        <v>448</v>
      </c>
      <c r="B109" s="960"/>
      <c r="C109" s="960"/>
      <c r="D109" s="960"/>
      <c r="E109" s="960"/>
      <c r="F109" s="960"/>
      <c r="G109" s="960"/>
      <c r="H109" s="960"/>
      <c r="I109" s="960"/>
      <c r="J109" s="960"/>
      <c r="K109" s="960"/>
      <c r="L109" s="960"/>
      <c r="M109" s="960"/>
      <c r="N109" s="960"/>
      <c r="O109" s="960"/>
      <c r="P109" s="960"/>
      <c r="Q109" s="960"/>
      <c r="R109" s="960"/>
      <c r="S109" s="960"/>
      <c r="T109" s="960"/>
      <c r="U109" s="960"/>
      <c r="V109" s="960"/>
      <c r="W109" s="960"/>
      <c r="X109" s="960"/>
      <c r="Y109" s="960"/>
      <c r="Z109" s="961"/>
      <c r="AA109" s="962" t="s">
        <v>449</v>
      </c>
      <c r="AB109" s="960"/>
      <c r="AC109" s="960"/>
      <c r="AD109" s="960"/>
      <c r="AE109" s="961"/>
      <c r="AF109" s="962" t="s">
        <v>450</v>
      </c>
      <c r="AG109" s="960"/>
      <c r="AH109" s="960"/>
      <c r="AI109" s="960"/>
      <c r="AJ109" s="961"/>
      <c r="AK109" s="962" t="s">
        <v>303</v>
      </c>
      <c r="AL109" s="960"/>
      <c r="AM109" s="960"/>
      <c r="AN109" s="960"/>
      <c r="AO109" s="961"/>
      <c r="AP109" s="962" t="s">
        <v>451</v>
      </c>
      <c r="AQ109" s="960"/>
      <c r="AR109" s="960"/>
      <c r="AS109" s="960"/>
      <c r="AT109" s="993"/>
      <c r="AU109" s="959" t="s">
        <v>448</v>
      </c>
      <c r="AV109" s="960"/>
      <c r="AW109" s="960"/>
      <c r="AX109" s="960"/>
      <c r="AY109" s="960"/>
      <c r="AZ109" s="960"/>
      <c r="BA109" s="960"/>
      <c r="BB109" s="960"/>
      <c r="BC109" s="960"/>
      <c r="BD109" s="960"/>
      <c r="BE109" s="960"/>
      <c r="BF109" s="960"/>
      <c r="BG109" s="960"/>
      <c r="BH109" s="960"/>
      <c r="BI109" s="960"/>
      <c r="BJ109" s="960"/>
      <c r="BK109" s="960"/>
      <c r="BL109" s="960"/>
      <c r="BM109" s="960"/>
      <c r="BN109" s="960"/>
      <c r="BO109" s="960"/>
      <c r="BP109" s="961"/>
      <c r="BQ109" s="962" t="s">
        <v>449</v>
      </c>
      <c r="BR109" s="960"/>
      <c r="BS109" s="960"/>
      <c r="BT109" s="960"/>
      <c r="BU109" s="961"/>
      <c r="BV109" s="962" t="s">
        <v>450</v>
      </c>
      <c r="BW109" s="960"/>
      <c r="BX109" s="960"/>
      <c r="BY109" s="960"/>
      <c r="BZ109" s="961"/>
      <c r="CA109" s="962" t="s">
        <v>303</v>
      </c>
      <c r="CB109" s="960"/>
      <c r="CC109" s="960"/>
      <c r="CD109" s="960"/>
      <c r="CE109" s="961"/>
      <c r="CF109" s="1000" t="s">
        <v>451</v>
      </c>
      <c r="CG109" s="1000"/>
      <c r="CH109" s="1000"/>
      <c r="CI109" s="1000"/>
      <c r="CJ109" s="1000"/>
      <c r="CK109" s="962" t="s">
        <v>452</v>
      </c>
      <c r="CL109" s="960"/>
      <c r="CM109" s="960"/>
      <c r="CN109" s="960"/>
      <c r="CO109" s="960"/>
      <c r="CP109" s="960"/>
      <c r="CQ109" s="960"/>
      <c r="CR109" s="960"/>
      <c r="CS109" s="960"/>
      <c r="CT109" s="960"/>
      <c r="CU109" s="960"/>
      <c r="CV109" s="960"/>
      <c r="CW109" s="960"/>
      <c r="CX109" s="960"/>
      <c r="CY109" s="960"/>
      <c r="CZ109" s="960"/>
      <c r="DA109" s="960"/>
      <c r="DB109" s="960"/>
      <c r="DC109" s="960"/>
      <c r="DD109" s="960"/>
      <c r="DE109" s="960"/>
      <c r="DF109" s="961"/>
      <c r="DG109" s="962" t="s">
        <v>449</v>
      </c>
      <c r="DH109" s="960"/>
      <c r="DI109" s="960"/>
      <c r="DJ109" s="960"/>
      <c r="DK109" s="961"/>
      <c r="DL109" s="962" t="s">
        <v>450</v>
      </c>
      <c r="DM109" s="960"/>
      <c r="DN109" s="960"/>
      <c r="DO109" s="960"/>
      <c r="DP109" s="961"/>
      <c r="DQ109" s="962" t="s">
        <v>303</v>
      </c>
      <c r="DR109" s="960"/>
      <c r="DS109" s="960"/>
      <c r="DT109" s="960"/>
      <c r="DU109" s="961"/>
      <c r="DV109" s="962" t="s">
        <v>451</v>
      </c>
      <c r="DW109" s="960"/>
      <c r="DX109" s="960"/>
      <c r="DY109" s="960"/>
      <c r="DZ109" s="993"/>
    </row>
    <row r="110" spans="1:131" s="233" customFormat="1" ht="26.25" customHeight="1" x14ac:dyDescent="0.2">
      <c r="A110" s="871" t="s">
        <v>453</v>
      </c>
      <c r="B110" s="872"/>
      <c r="C110" s="872"/>
      <c r="D110" s="872"/>
      <c r="E110" s="872"/>
      <c r="F110" s="872"/>
      <c r="G110" s="872"/>
      <c r="H110" s="872"/>
      <c r="I110" s="872"/>
      <c r="J110" s="872"/>
      <c r="K110" s="872"/>
      <c r="L110" s="872"/>
      <c r="M110" s="872"/>
      <c r="N110" s="872"/>
      <c r="O110" s="872"/>
      <c r="P110" s="872"/>
      <c r="Q110" s="872"/>
      <c r="R110" s="872"/>
      <c r="S110" s="872"/>
      <c r="T110" s="872"/>
      <c r="U110" s="872"/>
      <c r="V110" s="872"/>
      <c r="W110" s="872"/>
      <c r="X110" s="872"/>
      <c r="Y110" s="872"/>
      <c r="Z110" s="873"/>
      <c r="AA110" s="952">
        <v>119475076</v>
      </c>
      <c r="AB110" s="953"/>
      <c r="AC110" s="953"/>
      <c r="AD110" s="953"/>
      <c r="AE110" s="954"/>
      <c r="AF110" s="955">
        <v>122220491</v>
      </c>
      <c r="AG110" s="953"/>
      <c r="AH110" s="953"/>
      <c r="AI110" s="953"/>
      <c r="AJ110" s="954"/>
      <c r="AK110" s="955">
        <v>114467681</v>
      </c>
      <c r="AL110" s="953"/>
      <c r="AM110" s="953"/>
      <c r="AN110" s="953"/>
      <c r="AO110" s="954"/>
      <c r="AP110" s="956">
        <v>12.8</v>
      </c>
      <c r="AQ110" s="957"/>
      <c r="AR110" s="957"/>
      <c r="AS110" s="957"/>
      <c r="AT110" s="958"/>
      <c r="AU110" s="994" t="s">
        <v>73</v>
      </c>
      <c r="AV110" s="995"/>
      <c r="AW110" s="995"/>
      <c r="AX110" s="995"/>
      <c r="AY110" s="995"/>
      <c r="AZ110" s="924" t="s">
        <v>454</v>
      </c>
      <c r="BA110" s="872"/>
      <c r="BB110" s="872"/>
      <c r="BC110" s="872"/>
      <c r="BD110" s="872"/>
      <c r="BE110" s="872"/>
      <c r="BF110" s="872"/>
      <c r="BG110" s="872"/>
      <c r="BH110" s="872"/>
      <c r="BI110" s="872"/>
      <c r="BJ110" s="872"/>
      <c r="BK110" s="872"/>
      <c r="BL110" s="872"/>
      <c r="BM110" s="872"/>
      <c r="BN110" s="872"/>
      <c r="BO110" s="872"/>
      <c r="BP110" s="873"/>
      <c r="BQ110" s="925">
        <v>2671094512</v>
      </c>
      <c r="BR110" s="906"/>
      <c r="BS110" s="906"/>
      <c r="BT110" s="906"/>
      <c r="BU110" s="906"/>
      <c r="BV110" s="906">
        <v>2678080134</v>
      </c>
      <c r="BW110" s="906"/>
      <c r="BX110" s="906"/>
      <c r="BY110" s="906"/>
      <c r="BZ110" s="906"/>
      <c r="CA110" s="906">
        <v>2701272949</v>
      </c>
      <c r="CB110" s="906"/>
      <c r="CC110" s="906"/>
      <c r="CD110" s="906"/>
      <c r="CE110" s="906"/>
      <c r="CF110" s="930">
        <v>301.8</v>
      </c>
      <c r="CG110" s="931"/>
      <c r="CH110" s="931"/>
      <c r="CI110" s="931"/>
      <c r="CJ110" s="931"/>
      <c r="CK110" s="990" t="s">
        <v>455</v>
      </c>
      <c r="CL110" s="883"/>
      <c r="CM110" s="924" t="s">
        <v>456</v>
      </c>
      <c r="CN110" s="872"/>
      <c r="CO110" s="872"/>
      <c r="CP110" s="872"/>
      <c r="CQ110" s="872"/>
      <c r="CR110" s="872"/>
      <c r="CS110" s="872"/>
      <c r="CT110" s="872"/>
      <c r="CU110" s="872"/>
      <c r="CV110" s="872"/>
      <c r="CW110" s="872"/>
      <c r="CX110" s="872"/>
      <c r="CY110" s="872"/>
      <c r="CZ110" s="872"/>
      <c r="DA110" s="872"/>
      <c r="DB110" s="872"/>
      <c r="DC110" s="872"/>
      <c r="DD110" s="872"/>
      <c r="DE110" s="872"/>
      <c r="DF110" s="873"/>
      <c r="DG110" s="925">
        <v>37893946</v>
      </c>
      <c r="DH110" s="906"/>
      <c r="DI110" s="906"/>
      <c r="DJ110" s="906"/>
      <c r="DK110" s="906"/>
      <c r="DL110" s="906">
        <v>44813951</v>
      </c>
      <c r="DM110" s="906"/>
      <c r="DN110" s="906"/>
      <c r="DO110" s="906"/>
      <c r="DP110" s="906"/>
      <c r="DQ110" s="906">
        <v>41692897</v>
      </c>
      <c r="DR110" s="906"/>
      <c r="DS110" s="906"/>
      <c r="DT110" s="906"/>
      <c r="DU110" s="906"/>
      <c r="DV110" s="907">
        <v>4.7</v>
      </c>
      <c r="DW110" s="907"/>
      <c r="DX110" s="907"/>
      <c r="DY110" s="907"/>
      <c r="DZ110" s="908"/>
    </row>
    <row r="111" spans="1:131" s="233" customFormat="1" ht="26.25" customHeight="1" x14ac:dyDescent="0.2">
      <c r="A111" s="838" t="s">
        <v>457</v>
      </c>
      <c r="B111" s="839"/>
      <c r="C111" s="839"/>
      <c r="D111" s="839"/>
      <c r="E111" s="839"/>
      <c r="F111" s="839"/>
      <c r="G111" s="839"/>
      <c r="H111" s="839"/>
      <c r="I111" s="839"/>
      <c r="J111" s="839"/>
      <c r="K111" s="839"/>
      <c r="L111" s="839"/>
      <c r="M111" s="839"/>
      <c r="N111" s="839"/>
      <c r="O111" s="839"/>
      <c r="P111" s="839"/>
      <c r="Q111" s="839"/>
      <c r="R111" s="839"/>
      <c r="S111" s="839"/>
      <c r="T111" s="839"/>
      <c r="U111" s="839"/>
      <c r="V111" s="839"/>
      <c r="W111" s="839"/>
      <c r="X111" s="839"/>
      <c r="Y111" s="839"/>
      <c r="Z111" s="989"/>
      <c r="AA111" s="982">
        <v>37685657</v>
      </c>
      <c r="AB111" s="983"/>
      <c r="AC111" s="983"/>
      <c r="AD111" s="983"/>
      <c r="AE111" s="984"/>
      <c r="AF111" s="985">
        <v>29477850</v>
      </c>
      <c r="AG111" s="983"/>
      <c r="AH111" s="983"/>
      <c r="AI111" s="983"/>
      <c r="AJ111" s="984"/>
      <c r="AK111" s="985">
        <v>23891480</v>
      </c>
      <c r="AL111" s="983"/>
      <c r="AM111" s="983"/>
      <c r="AN111" s="983"/>
      <c r="AO111" s="984"/>
      <c r="AP111" s="986">
        <v>2.7</v>
      </c>
      <c r="AQ111" s="987"/>
      <c r="AR111" s="987"/>
      <c r="AS111" s="987"/>
      <c r="AT111" s="988"/>
      <c r="AU111" s="996"/>
      <c r="AV111" s="997"/>
      <c r="AW111" s="997"/>
      <c r="AX111" s="997"/>
      <c r="AY111" s="997"/>
      <c r="AZ111" s="879" t="s">
        <v>458</v>
      </c>
      <c r="BA111" s="816"/>
      <c r="BB111" s="816"/>
      <c r="BC111" s="816"/>
      <c r="BD111" s="816"/>
      <c r="BE111" s="816"/>
      <c r="BF111" s="816"/>
      <c r="BG111" s="816"/>
      <c r="BH111" s="816"/>
      <c r="BI111" s="816"/>
      <c r="BJ111" s="816"/>
      <c r="BK111" s="816"/>
      <c r="BL111" s="816"/>
      <c r="BM111" s="816"/>
      <c r="BN111" s="816"/>
      <c r="BO111" s="816"/>
      <c r="BP111" s="817"/>
      <c r="BQ111" s="880">
        <v>95987730</v>
      </c>
      <c r="BR111" s="881"/>
      <c r="BS111" s="881"/>
      <c r="BT111" s="881"/>
      <c r="BU111" s="881"/>
      <c r="BV111" s="881">
        <v>91229923</v>
      </c>
      <c r="BW111" s="881"/>
      <c r="BX111" s="881"/>
      <c r="BY111" s="881"/>
      <c r="BZ111" s="881"/>
      <c r="CA111" s="881">
        <v>76747817</v>
      </c>
      <c r="CB111" s="881"/>
      <c r="CC111" s="881"/>
      <c r="CD111" s="881"/>
      <c r="CE111" s="881"/>
      <c r="CF111" s="939">
        <v>8.6</v>
      </c>
      <c r="CG111" s="940"/>
      <c r="CH111" s="940"/>
      <c r="CI111" s="940"/>
      <c r="CJ111" s="940"/>
      <c r="CK111" s="991"/>
      <c r="CL111" s="885"/>
      <c r="CM111" s="879" t="s">
        <v>459</v>
      </c>
      <c r="CN111" s="816"/>
      <c r="CO111" s="816"/>
      <c r="CP111" s="816"/>
      <c r="CQ111" s="816"/>
      <c r="CR111" s="816"/>
      <c r="CS111" s="816"/>
      <c r="CT111" s="816"/>
      <c r="CU111" s="816"/>
      <c r="CV111" s="816"/>
      <c r="CW111" s="816"/>
      <c r="CX111" s="816"/>
      <c r="CY111" s="816"/>
      <c r="CZ111" s="816"/>
      <c r="DA111" s="816"/>
      <c r="DB111" s="816"/>
      <c r="DC111" s="816"/>
      <c r="DD111" s="816"/>
      <c r="DE111" s="816"/>
      <c r="DF111" s="817"/>
      <c r="DG111" s="880" t="s">
        <v>400</v>
      </c>
      <c r="DH111" s="881"/>
      <c r="DI111" s="881"/>
      <c r="DJ111" s="881"/>
      <c r="DK111" s="881"/>
      <c r="DL111" s="881" t="s">
        <v>460</v>
      </c>
      <c r="DM111" s="881"/>
      <c r="DN111" s="881"/>
      <c r="DO111" s="881"/>
      <c r="DP111" s="881"/>
      <c r="DQ111" s="881">
        <v>241000</v>
      </c>
      <c r="DR111" s="881"/>
      <c r="DS111" s="881"/>
      <c r="DT111" s="881"/>
      <c r="DU111" s="881"/>
      <c r="DV111" s="858">
        <v>0</v>
      </c>
      <c r="DW111" s="858"/>
      <c r="DX111" s="858"/>
      <c r="DY111" s="858"/>
      <c r="DZ111" s="859"/>
    </row>
    <row r="112" spans="1:131" s="233" customFormat="1" ht="26.25" customHeight="1" x14ac:dyDescent="0.2">
      <c r="A112" s="976" t="s">
        <v>461</v>
      </c>
      <c r="B112" s="977"/>
      <c r="C112" s="816" t="s">
        <v>462</v>
      </c>
      <c r="D112" s="816"/>
      <c r="E112" s="816"/>
      <c r="F112" s="816"/>
      <c r="G112" s="816"/>
      <c r="H112" s="816"/>
      <c r="I112" s="816"/>
      <c r="J112" s="816"/>
      <c r="K112" s="816"/>
      <c r="L112" s="816"/>
      <c r="M112" s="816"/>
      <c r="N112" s="816"/>
      <c r="O112" s="816"/>
      <c r="P112" s="816"/>
      <c r="Q112" s="816"/>
      <c r="R112" s="816"/>
      <c r="S112" s="816"/>
      <c r="T112" s="816"/>
      <c r="U112" s="816"/>
      <c r="V112" s="816"/>
      <c r="W112" s="816"/>
      <c r="X112" s="816"/>
      <c r="Y112" s="816"/>
      <c r="Z112" s="817"/>
      <c r="AA112" s="843">
        <v>61378123</v>
      </c>
      <c r="AB112" s="844"/>
      <c r="AC112" s="844"/>
      <c r="AD112" s="844"/>
      <c r="AE112" s="845"/>
      <c r="AF112" s="846">
        <v>60202558</v>
      </c>
      <c r="AG112" s="844"/>
      <c r="AH112" s="844"/>
      <c r="AI112" s="844"/>
      <c r="AJ112" s="845"/>
      <c r="AK112" s="846">
        <v>61100568</v>
      </c>
      <c r="AL112" s="844"/>
      <c r="AM112" s="844"/>
      <c r="AN112" s="844"/>
      <c r="AO112" s="845"/>
      <c r="AP112" s="888">
        <v>6.8</v>
      </c>
      <c r="AQ112" s="889"/>
      <c r="AR112" s="889"/>
      <c r="AS112" s="889"/>
      <c r="AT112" s="890"/>
      <c r="AU112" s="996"/>
      <c r="AV112" s="997"/>
      <c r="AW112" s="997"/>
      <c r="AX112" s="997"/>
      <c r="AY112" s="997"/>
      <c r="AZ112" s="879" t="s">
        <v>463</v>
      </c>
      <c r="BA112" s="816"/>
      <c r="BB112" s="816"/>
      <c r="BC112" s="816"/>
      <c r="BD112" s="816"/>
      <c r="BE112" s="816"/>
      <c r="BF112" s="816"/>
      <c r="BG112" s="816"/>
      <c r="BH112" s="816"/>
      <c r="BI112" s="816"/>
      <c r="BJ112" s="816"/>
      <c r="BK112" s="816"/>
      <c r="BL112" s="816"/>
      <c r="BM112" s="816"/>
      <c r="BN112" s="816"/>
      <c r="BO112" s="816"/>
      <c r="BP112" s="817"/>
      <c r="BQ112" s="880">
        <v>493201907</v>
      </c>
      <c r="BR112" s="881"/>
      <c r="BS112" s="881"/>
      <c r="BT112" s="881"/>
      <c r="BU112" s="881"/>
      <c r="BV112" s="881">
        <v>467957550</v>
      </c>
      <c r="BW112" s="881"/>
      <c r="BX112" s="881"/>
      <c r="BY112" s="881"/>
      <c r="BZ112" s="881"/>
      <c r="CA112" s="881">
        <v>454545419</v>
      </c>
      <c r="CB112" s="881"/>
      <c r="CC112" s="881"/>
      <c r="CD112" s="881"/>
      <c r="CE112" s="881"/>
      <c r="CF112" s="939">
        <v>50.8</v>
      </c>
      <c r="CG112" s="940"/>
      <c r="CH112" s="940"/>
      <c r="CI112" s="940"/>
      <c r="CJ112" s="940"/>
      <c r="CK112" s="991"/>
      <c r="CL112" s="885"/>
      <c r="CM112" s="879" t="s">
        <v>464</v>
      </c>
      <c r="CN112" s="816"/>
      <c r="CO112" s="816"/>
      <c r="CP112" s="816"/>
      <c r="CQ112" s="816"/>
      <c r="CR112" s="816"/>
      <c r="CS112" s="816"/>
      <c r="CT112" s="816"/>
      <c r="CU112" s="816"/>
      <c r="CV112" s="816"/>
      <c r="CW112" s="816"/>
      <c r="CX112" s="816"/>
      <c r="CY112" s="816"/>
      <c r="CZ112" s="816"/>
      <c r="DA112" s="816"/>
      <c r="DB112" s="816"/>
      <c r="DC112" s="816"/>
      <c r="DD112" s="816"/>
      <c r="DE112" s="816"/>
      <c r="DF112" s="817"/>
      <c r="DG112" s="880" t="s">
        <v>465</v>
      </c>
      <c r="DH112" s="881"/>
      <c r="DI112" s="881"/>
      <c r="DJ112" s="881"/>
      <c r="DK112" s="881"/>
      <c r="DL112" s="881" t="s">
        <v>465</v>
      </c>
      <c r="DM112" s="881"/>
      <c r="DN112" s="881"/>
      <c r="DO112" s="881"/>
      <c r="DP112" s="881"/>
      <c r="DQ112" s="881" t="s">
        <v>400</v>
      </c>
      <c r="DR112" s="881"/>
      <c r="DS112" s="881"/>
      <c r="DT112" s="881"/>
      <c r="DU112" s="881"/>
      <c r="DV112" s="858" t="s">
        <v>400</v>
      </c>
      <c r="DW112" s="858"/>
      <c r="DX112" s="858"/>
      <c r="DY112" s="858"/>
      <c r="DZ112" s="859"/>
    </row>
    <row r="113" spans="1:130" s="233" customFormat="1" ht="26.25" customHeight="1" x14ac:dyDescent="0.2">
      <c r="A113" s="978"/>
      <c r="B113" s="979"/>
      <c r="C113" s="816" t="s">
        <v>466</v>
      </c>
      <c r="D113" s="816"/>
      <c r="E113" s="816"/>
      <c r="F113" s="816"/>
      <c r="G113" s="816"/>
      <c r="H113" s="816"/>
      <c r="I113" s="816"/>
      <c r="J113" s="816"/>
      <c r="K113" s="816"/>
      <c r="L113" s="816"/>
      <c r="M113" s="816"/>
      <c r="N113" s="816"/>
      <c r="O113" s="816"/>
      <c r="P113" s="816"/>
      <c r="Q113" s="816"/>
      <c r="R113" s="816"/>
      <c r="S113" s="816"/>
      <c r="T113" s="816"/>
      <c r="U113" s="816"/>
      <c r="V113" s="816"/>
      <c r="W113" s="816"/>
      <c r="X113" s="816"/>
      <c r="Y113" s="816"/>
      <c r="Z113" s="817"/>
      <c r="AA113" s="982">
        <v>48635599</v>
      </c>
      <c r="AB113" s="983"/>
      <c r="AC113" s="983"/>
      <c r="AD113" s="983"/>
      <c r="AE113" s="984"/>
      <c r="AF113" s="985">
        <v>43151165</v>
      </c>
      <c r="AG113" s="983"/>
      <c r="AH113" s="983"/>
      <c r="AI113" s="983"/>
      <c r="AJ113" s="984"/>
      <c r="AK113" s="985">
        <v>43268650</v>
      </c>
      <c r="AL113" s="983"/>
      <c r="AM113" s="983"/>
      <c r="AN113" s="983"/>
      <c r="AO113" s="984"/>
      <c r="AP113" s="986">
        <v>4.8</v>
      </c>
      <c r="AQ113" s="987"/>
      <c r="AR113" s="987"/>
      <c r="AS113" s="987"/>
      <c r="AT113" s="988"/>
      <c r="AU113" s="996"/>
      <c r="AV113" s="997"/>
      <c r="AW113" s="997"/>
      <c r="AX113" s="997"/>
      <c r="AY113" s="997"/>
      <c r="AZ113" s="879" t="s">
        <v>467</v>
      </c>
      <c r="BA113" s="816"/>
      <c r="BB113" s="816"/>
      <c r="BC113" s="816"/>
      <c r="BD113" s="816"/>
      <c r="BE113" s="816"/>
      <c r="BF113" s="816"/>
      <c r="BG113" s="816"/>
      <c r="BH113" s="816"/>
      <c r="BI113" s="816"/>
      <c r="BJ113" s="816"/>
      <c r="BK113" s="816"/>
      <c r="BL113" s="816"/>
      <c r="BM113" s="816"/>
      <c r="BN113" s="816"/>
      <c r="BO113" s="816"/>
      <c r="BP113" s="817"/>
      <c r="BQ113" s="880" t="s">
        <v>400</v>
      </c>
      <c r="BR113" s="881"/>
      <c r="BS113" s="881"/>
      <c r="BT113" s="881"/>
      <c r="BU113" s="881"/>
      <c r="BV113" s="881" t="s">
        <v>400</v>
      </c>
      <c r="BW113" s="881"/>
      <c r="BX113" s="881"/>
      <c r="BY113" s="881"/>
      <c r="BZ113" s="881"/>
      <c r="CA113" s="881" t="s">
        <v>400</v>
      </c>
      <c r="CB113" s="881"/>
      <c r="CC113" s="881"/>
      <c r="CD113" s="881"/>
      <c r="CE113" s="881"/>
      <c r="CF113" s="939" t="s">
        <v>423</v>
      </c>
      <c r="CG113" s="940"/>
      <c r="CH113" s="940"/>
      <c r="CI113" s="940"/>
      <c r="CJ113" s="940"/>
      <c r="CK113" s="991"/>
      <c r="CL113" s="885"/>
      <c r="CM113" s="879" t="s">
        <v>468</v>
      </c>
      <c r="CN113" s="816"/>
      <c r="CO113" s="816"/>
      <c r="CP113" s="816"/>
      <c r="CQ113" s="816"/>
      <c r="CR113" s="816"/>
      <c r="CS113" s="816"/>
      <c r="CT113" s="816"/>
      <c r="CU113" s="816"/>
      <c r="CV113" s="816"/>
      <c r="CW113" s="816"/>
      <c r="CX113" s="816"/>
      <c r="CY113" s="816"/>
      <c r="CZ113" s="816"/>
      <c r="DA113" s="816"/>
      <c r="DB113" s="816"/>
      <c r="DC113" s="816"/>
      <c r="DD113" s="816"/>
      <c r="DE113" s="816"/>
      <c r="DF113" s="817"/>
      <c r="DG113" s="843" t="s">
        <v>400</v>
      </c>
      <c r="DH113" s="844"/>
      <c r="DI113" s="844"/>
      <c r="DJ113" s="844"/>
      <c r="DK113" s="845"/>
      <c r="DL113" s="846" t="s">
        <v>400</v>
      </c>
      <c r="DM113" s="844"/>
      <c r="DN113" s="844"/>
      <c r="DO113" s="844"/>
      <c r="DP113" s="845"/>
      <c r="DQ113" s="846" t="s">
        <v>400</v>
      </c>
      <c r="DR113" s="844"/>
      <c r="DS113" s="844"/>
      <c r="DT113" s="844"/>
      <c r="DU113" s="845"/>
      <c r="DV113" s="888" t="s">
        <v>400</v>
      </c>
      <c r="DW113" s="889"/>
      <c r="DX113" s="889"/>
      <c r="DY113" s="889"/>
      <c r="DZ113" s="890"/>
    </row>
    <row r="114" spans="1:130" s="233" customFormat="1" ht="26.25" customHeight="1" x14ac:dyDescent="0.2">
      <c r="A114" s="978"/>
      <c r="B114" s="979"/>
      <c r="C114" s="816" t="s">
        <v>469</v>
      </c>
      <c r="D114" s="816"/>
      <c r="E114" s="816"/>
      <c r="F114" s="816"/>
      <c r="G114" s="816"/>
      <c r="H114" s="816"/>
      <c r="I114" s="816"/>
      <c r="J114" s="816"/>
      <c r="K114" s="816"/>
      <c r="L114" s="816"/>
      <c r="M114" s="816"/>
      <c r="N114" s="816"/>
      <c r="O114" s="816"/>
      <c r="P114" s="816"/>
      <c r="Q114" s="816"/>
      <c r="R114" s="816"/>
      <c r="S114" s="816"/>
      <c r="T114" s="816"/>
      <c r="U114" s="816"/>
      <c r="V114" s="816"/>
      <c r="W114" s="816"/>
      <c r="X114" s="816"/>
      <c r="Y114" s="816"/>
      <c r="Z114" s="817"/>
      <c r="AA114" s="843" t="s">
        <v>400</v>
      </c>
      <c r="AB114" s="844"/>
      <c r="AC114" s="844"/>
      <c r="AD114" s="844"/>
      <c r="AE114" s="845"/>
      <c r="AF114" s="846" t="s">
        <v>470</v>
      </c>
      <c r="AG114" s="844"/>
      <c r="AH114" s="844"/>
      <c r="AI114" s="844"/>
      <c r="AJ114" s="845"/>
      <c r="AK114" s="846" t="s">
        <v>400</v>
      </c>
      <c r="AL114" s="844"/>
      <c r="AM114" s="844"/>
      <c r="AN114" s="844"/>
      <c r="AO114" s="845"/>
      <c r="AP114" s="888" t="s">
        <v>400</v>
      </c>
      <c r="AQ114" s="889"/>
      <c r="AR114" s="889"/>
      <c r="AS114" s="889"/>
      <c r="AT114" s="890"/>
      <c r="AU114" s="996"/>
      <c r="AV114" s="997"/>
      <c r="AW114" s="997"/>
      <c r="AX114" s="997"/>
      <c r="AY114" s="997"/>
      <c r="AZ114" s="879" t="s">
        <v>471</v>
      </c>
      <c r="BA114" s="816"/>
      <c r="BB114" s="816"/>
      <c r="BC114" s="816"/>
      <c r="BD114" s="816"/>
      <c r="BE114" s="816"/>
      <c r="BF114" s="816"/>
      <c r="BG114" s="816"/>
      <c r="BH114" s="816"/>
      <c r="BI114" s="816"/>
      <c r="BJ114" s="816"/>
      <c r="BK114" s="816"/>
      <c r="BL114" s="816"/>
      <c r="BM114" s="816"/>
      <c r="BN114" s="816"/>
      <c r="BO114" s="816"/>
      <c r="BP114" s="817"/>
      <c r="BQ114" s="880">
        <v>204782227</v>
      </c>
      <c r="BR114" s="881"/>
      <c r="BS114" s="881"/>
      <c r="BT114" s="881"/>
      <c r="BU114" s="881"/>
      <c r="BV114" s="881">
        <v>205583460</v>
      </c>
      <c r="BW114" s="881"/>
      <c r="BX114" s="881"/>
      <c r="BY114" s="881"/>
      <c r="BZ114" s="881"/>
      <c r="CA114" s="881">
        <v>207867665</v>
      </c>
      <c r="CB114" s="881"/>
      <c r="CC114" s="881"/>
      <c r="CD114" s="881"/>
      <c r="CE114" s="881"/>
      <c r="CF114" s="939">
        <v>23.2</v>
      </c>
      <c r="CG114" s="940"/>
      <c r="CH114" s="940"/>
      <c r="CI114" s="940"/>
      <c r="CJ114" s="940"/>
      <c r="CK114" s="991"/>
      <c r="CL114" s="885"/>
      <c r="CM114" s="879" t="s">
        <v>472</v>
      </c>
      <c r="CN114" s="816"/>
      <c r="CO114" s="816"/>
      <c r="CP114" s="816"/>
      <c r="CQ114" s="816"/>
      <c r="CR114" s="816"/>
      <c r="CS114" s="816"/>
      <c r="CT114" s="816"/>
      <c r="CU114" s="816"/>
      <c r="CV114" s="816"/>
      <c r="CW114" s="816"/>
      <c r="CX114" s="816"/>
      <c r="CY114" s="816"/>
      <c r="CZ114" s="816"/>
      <c r="DA114" s="816"/>
      <c r="DB114" s="816"/>
      <c r="DC114" s="816"/>
      <c r="DD114" s="816"/>
      <c r="DE114" s="816"/>
      <c r="DF114" s="817"/>
      <c r="DG114" s="843" t="s">
        <v>400</v>
      </c>
      <c r="DH114" s="844"/>
      <c r="DI114" s="844"/>
      <c r="DJ114" s="844"/>
      <c r="DK114" s="845"/>
      <c r="DL114" s="846" t="s">
        <v>423</v>
      </c>
      <c r="DM114" s="844"/>
      <c r="DN114" s="844"/>
      <c r="DO114" s="844"/>
      <c r="DP114" s="845"/>
      <c r="DQ114" s="846" t="s">
        <v>400</v>
      </c>
      <c r="DR114" s="844"/>
      <c r="DS114" s="844"/>
      <c r="DT114" s="844"/>
      <c r="DU114" s="845"/>
      <c r="DV114" s="888" t="s">
        <v>465</v>
      </c>
      <c r="DW114" s="889"/>
      <c r="DX114" s="889"/>
      <c r="DY114" s="889"/>
      <c r="DZ114" s="890"/>
    </row>
    <row r="115" spans="1:130" s="233" customFormat="1" ht="26.25" customHeight="1" x14ac:dyDescent="0.2">
      <c r="A115" s="978"/>
      <c r="B115" s="979"/>
      <c r="C115" s="816" t="s">
        <v>473</v>
      </c>
      <c r="D115" s="816"/>
      <c r="E115" s="816"/>
      <c r="F115" s="816"/>
      <c r="G115" s="816"/>
      <c r="H115" s="816"/>
      <c r="I115" s="816"/>
      <c r="J115" s="816"/>
      <c r="K115" s="816"/>
      <c r="L115" s="816"/>
      <c r="M115" s="816"/>
      <c r="N115" s="816"/>
      <c r="O115" s="816"/>
      <c r="P115" s="816"/>
      <c r="Q115" s="816"/>
      <c r="R115" s="816"/>
      <c r="S115" s="816"/>
      <c r="T115" s="816"/>
      <c r="U115" s="816"/>
      <c r="V115" s="816"/>
      <c r="W115" s="816"/>
      <c r="X115" s="816"/>
      <c r="Y115" s="816"/>
      <c r="Z115" s="817"/>
      <c r="AA115" s="982">
        <v>2555766</v>
      </c>
      <c r="AB115" s="983"/>
      <c r="AC115" s="983"/>
      <c r="AD115" s="983"/>
      <c r="AE115" s="984"/>
      <c r="AF115" s="985">
        <v>3804473</v>
      </c>
      <c r="AG115" s="983"/>
      <c r="AH115" s="983"/>
      <c r="AI115" s="983"/>
      <c r="AJ115" s="984"/>
      <c r="AK115" s="985">
        <v>3327137</v>
      </c>
      <c r="AL115" s="983"/>
      <c r="AM115" s="983"/>
      <c r="AN115" s="983"/>
      <c r="AO115" s="984"/>
      <c r="AP115" s="986">
        <v>0.4</v>
      </c>
      <c r="AQ115" s="987"/>
      <c r="AR115" s="987"/>
      <c r="AS115" s="987"/>
      <c r="AT115" s="988"/>
      <c r="AU115" s="996"/>
      <c r="AV115" s="997"/>
      <c r="AW115" s="997"/>
      <c r="AX115" s="997"/>
      <c r="AY115" s="997"/>
      <c r="AZ115" s="879" t="s">
        <v>474</v>
      </c>
      <c r="BA115" s="816"/>
      <c r="BB115" s="816"/>
      <c r="BC115" s="816"/>
      <c r="BD115" s="816"/>
      <c r="BE115" s="816"/>
      <c r="BF115" s="816"/>
      <c r="BG115" s="816"/>
      <c r="BH115" s="816"/>
      <c r="BI115" s="816"/>
      <c r="BJ115" s="816"/>
      <c r="BK115" s="816"/>
      <c r="BL115" s="816"/>
      <c r="BM115" s="816"/>
      <c r="BN115" s="816"/>
      <c r="BO115" s="816"/>
      <c r="BP115" s="817"/>
      <c r="BQ115" s="880">
        <v>38574096</v>
      </c>
      <c r="BR115" s="881"/>
      <c r="BS115" s="881"/>
      <c r="BT115" s="881"/>
      <c r="BU115" s="881"/>
      <c r="BV115" s="881">
        <v>39544193</v>
      </c>
      <c r="BW115" s="881"/>
      <c r="BX115" s="881"/>
      <c r="BY115" s="881"/>
      <c r="BZ115" s="881"/>
      <c r="CA115" s="881">
        <v>10655056</v>
      </c>
      <c r="CB115" s="881"/>
      <c r="CC115" s="881"/>
      <c r="CD115" s="881"/>
      <c r="CE115" s="881"/>
      <c r="CF115" s="939">
        <v>1.2</v>
      </c>
      <c r="CG115" s="940"/>
      <c r="CH115" s="940"/>
      <c r="CI115" s="940"/>
      <c r="CJ115" s="940"/>
      <c r="CK115" s="991"/>
      <c r="CL115" s="885"/>
      <c r="CM115" s="879" t="s">
        <v>475</v>
      </c>
      <c r="CN115" s="816"/>
      <c r="CO115" s="816"/>
      <c r="CP115" s="816"/>
      <c r="CQ115" s="816"/>
      <c r="CR115" s="816"/>
      <c r="CS115" s="816"/>
      <c r="CT115" s="816"/>
      <c r="CU115" s="816"/>
      <c r="CV115" s="816"/>
      <c r="CW115" s="816"/>
      <c r="CX115" s="816"/>
      <c r="CY115" s="816"/>
      <c r="CZ115" s="816"/>
      <c r="DA115" s="816"/>
      <c r="DB115" s="816"/>
      <c r="DC115" s="816"/>
      <c r="DD115" s="816"/>
      <c r="DE115" s="816"/>
      <c r="DF115" s="817"/>
      <c r="DG115" s="843" t="s">
        <v>423</v>
      </c>
      <c r="DH115" s="844"/>
      <c r="DI115" s="844"/>
      <c r="DJ115" s="844"/>
      <c r="DK115" s="845"/>
      <c r="DL115" s="846" t="s">
        <v>400</v>
      </c>
      <c r="DM115" s="844"/>
      <c r="DN115" s="844"/>
      <c r="DO115" s="844"/>
      <c r="DP115" s="845"/>
      <c r="DQ115" s="846" t="s">
        <v>400</v>
      </c>
      <c r="DR115" s="844"/>
      <c r="DS115" s="844"/>
      <c r="DT115" s="844"/>
      <c r="DU115" s="845"/>
      <c r="DV115" s="888" t="s">
        <v>400</v>
      </c>
      <c r="DW115" s="889"/>
      <c r="DX115" s="889"/>
      <c r="DY115" s="889"/>
      <c r="DZ115" s="890"/>
    </row>
    <row r="116" spans="1:130" s="233" customFormat="1" ht="26.25" customHeight="1" x14ac:dyDescent="0.2">
      <c r="A116" s="980"/>
      <c r="B116" s="981"/>
      <c r="C116" s="903" t="s">
        <v>476</v>
      </c>
      <c r="D116" s="903"/>
      <c r="E116" s="903"/>
      <c r="F116" s="903"/>
      <c r="G116" s="903"/>
      <c r="H116" s="903"/>
      <c r="I116" s="903"/>
      <c r="J116" s="903"/>
      <c r="K116" s="903"/>
      <c r="L116" s="903"/>
      <c r="M116" s="903"/>
      <c r="N116" s="903"/>
      <c r="O116" s="903"/>
      <c r="P116" s="903"/>
      <c r="Q116" s="903"/>
      <c r="R116" s="903"/>
      <c r="S116" s="903"/>
      <c r="T116" s="903"/>
      <c r="U116" s="903"/>
      <c r="V116" s="903"/>
      <c r="W116" s="903"/>
      <c r="X116" s="903"/>
      <c r="Y116" s="903"/>
      <c r="Z116" s="904"/>
      <c r="AA116" s="843" t="s">
        <v>423</v>
      </c>
      <c r="AB116" s="844"/>
      <c r="AC116" s="844"/>
      <c r="AD116" s="844"/>
      <c r="AE116" s="845"/>
      <c r="AF116" s="846">
        <v>2748</v>
      </c>
      <c r="AG116" s="844"/>
      <c r="AH116" s="844"/>
      <c r="AI116" s="844"/>
      <c r="AJ116" s="845"/>
      <c r="AK116" s="846">
        <v>25</v>
      </c>
      <c r="AL116" s="844"/>
      <c r="AM116" s="844"/>
      <c r="AN116" s="844"/>
      <c r="AO116" s="845"/>
      <c r="AP116" s="888">
        <v>0</v>
      </c>
      <c r="AQ116" s="889"/>
      <c r="AR116" s="889"/>
      <c r="AS116" s="889"/>
      <c r="AT116" s="890"/>
      <c r="AU116" s="996"/>
      <c r="AV116" s="997"/>
      <c r="AW116" s="997"/>
      <c r="AX116" s="997"/>
      <c r="AY116" s="997"/>
      <c r="AZ116" s="973" t="s">
        <v>477</v>
      </c>
      <c r="BA116" s="974"/>
      <c r="BB116" s="974"/>
      <c r="BC116" s="974"/>
      <c r="BD116" s="974"/>
      <c r="BE116" s="974"/>
      <c r="BF116" s="974"/>
      <c r="BG116" s="974"/>
      <c r="BH116" s="974"/>
      <c r="BI116" s="974"/>
      <c r="BJ116" s="974"/>
      <c r="BK116" s="974"/>
      <c r="BL116" s="974"/>
      <c r="BM116" s="974"/>
      <c r="BN116" s="974"/>
      <c r="BO116" s="974"/>
      <c r="BP116" s="975"/>
      <c r="BQ116" s="880" t="s">
        <v>465</v>
      </c>
      <c r="BR116" s="881"/>
      <c r="BS116" s="881"/>
      <c r="BT116" s="881"/>
      <c r="BU116" s="881"/>
      <c r="BV116" s="881" t="s">
        <v>470</v>
      </c>
      <c r="BW116" s="881"/>
      <c r="BX116" s="881"/>
      <c r="BY116" s="881"/>
      <c r="BZ116" s="881"/>
      <c r="CA116" s="881" t="s">
        <v>423</v>
      </c>
      <c r="CB116" s="881"/>
      <c r="CC116" s="881"/>
      <c r="CD116" s="881"/>
      <c r="CE116" s="881"/>
      <c r="CF116" s="939" t="s">
        <v>400</v>
      </c>
      <c r="CG116" s="940"/>
      <c r="CH116" s="940"/>
      <c r="CI116" s="940"/>
      <c r="CJ116" s="940"/>
      <c r="CK116" s="991"/>
      <c r="CL116" s="885"/>
      <c r="CM116" s="879" t="s">
        <v>478</v>
      </c>
      <c r="CN116" s="816"/>
      <c r="CO116" s="816"/>
      <c r="CP116" s="816"/>
      <c r="CQ116" s="816"/>
      <c r="CR116" s="816"/>
      <c r="CS116" s="816"/>
      <c r="CT116" s="816"/>
      <c r="CU116" s="816"/>
      <c r="CV116" s="816"/>
      <c r="CW116" s="816"/>
      <c r="CX116" s="816"/>
      <c r="CY116" s="816"/>
      <c r="CZ116" s="816"/>
      <c r="DA116" s="816"/>
      <c r="DB116" s="816"/>
      <c r="DC116" s="816"/>
      <c r="DD116" s="816"/>
      <c r="DE116" s="816"/>
      <c r="DF116" s="817"/>
      <c r="DG116" s="843" t="s">
        <v>400</v>
      </c>
      <c r="DH116" s="844"/>
      <c r="DI116" s="844"/>
      <c r="DJ116" s="844"/>
      <c r="DK116" s="845"/>
      <c r="DL116" s="846" t="s">
        <v>423</v>
      </c>
      <c r="DM116" s="844"/>
      <c r="DN116" s="844"/>
      <c r="DO116" s="844"/>
      <c r="DP116" s="845"/>
      <c r="DQ116" s="846" t="s">
        <v>400</v>
      </c>
      <c r="DR116" s="844"/>
      <c r="DS116" s="844"/>
      <c r="DT116" s="844"/>
      <c r="DU116" s="845"/>
      <c r="DV116" s="888" t="s">
        <v>423</v>
      </c>
      <c r="DW116" s="889"/>
      <c r="DX116" s="889"/>
      <c r="DY116" s="889"/>
      <c r="DZ116" s="890"/>
    </row>
    <row r="117" spans="1:130" s="233" customFormat="1" ht="26.25" customHeight="1" x14ac:dyDescent="0.2">
      <c r="A117" s="959" t="s">
        <v>185</v>
      </c>
      <c r="B117" s="960"/>
      <c r="C117" s="960"/>
      <c r="D117" s="960"/>
      <c r="E117" s="960"/>
      <c r="F117" s="960"/>
      <c r="G117" s="960"/>
      <c r="H117" s="960"/>
      <c r="I117" s="960"/>
      <c r="J117" s="960"/>
      <c r="K117" s="960"/>
      <c r="L117" s="960"/>
      <c r="M117" s="960"/>
      <c r="N117" s="960"/>
      <c r="O117" s="960"/>
      <c r="P117" s="960"/>
      <c r="Q117" s="960"/>
      <c r="R117" s="960"/>
      <c r="S117" s="960"/>
      <c r="T117" s="960"/>
      <c r="U117" s="960"/>
      <c r="V117" s="960"/>
      <c r="W117" s="960"/>
      <c r="X117" s="960"/>
      <c r="Y117" s="941" t="s">
        <v>479</v>
      </c>
      <c r="Z117" s="961"/>
      <c r="AA117" s="966">
        <v>269730221</v>
      </c>
      <c r="AB117" s="967"/>
      <c r="AC117" s="967"/>
      <c r="AD117" s="967"/>
      <c r="AE117" s="968"/>
      <c r="AF117" s="969">
        <v>258859285</v>
      </c>
      <c r="AG117" s="967"/>
      <c r="AH117" s="967"/>
      <c r="AI117" s="967"/>
      <c r="AJ117" s="968"/>
      <c r="AK117" s="969">
        <v>246055541</v>
      </c>
      <c r="AL117" s="967"/>
      <c r="AM117" s="967"/>
      <c r="AN117" s="967"/>
      <c r="AO117" s="968"/>
      <c r="AP117" s="970"/>
      <c r="AQ117" s="971"/>
      <c r="AR117" s="971"/>
      <c r="AS117" s="971"/>
      <c r="AT117" s="972"/>
      <c r="AU117" s="996"/>
      <c r="AV117" s="997"/>
      <c r="AW117" s="997"/>
      <c r="AX117" s="997"/>
      <c r="AY117" s="997"/>
      <c r="AZ117" s="927" t="s">
        <v>480</v>
      </c>
      <c r="BA117" s="928"/>
      <c r="BB117" s="928"/>
      <c r="BC117" s="928"/>
      <c r="BD117" s="928"/>
      <c r="BE117" s="928"/>
      <c r="BF117" s="928"/>
      <c r="BG117" s="928"/>
      <c r="BH117" s="928"/>
      <c r="BI117" s="928"/>
      <c r="BJ117" s="928"/>
      <c r="BK117" s="928"/>
      <c r="BL117" s="928"/>
      <c r="BM117" s="928"/>
      <c r="BN117" s="928"/>
      <c r="BO117" s="928"/>
      <c r="BP117" s="929"/>
      <c r="BQ117" s="880" t="s">
        <v>460</v>
      </c>
      <c r="BR117" s="881"/>
      <c r="BS117" s="881"/>
      <c r="BT117" s="881"/>
      <c r="BU117" s="881"/>
      <c r="BV117" s="881" t="s">
        <v>465</v>
      </c>
      <c r="BW117" s="881"/>
      <c r="BX117" s="881"/>
      <c r="BY117" s="881"/>
      <c r="BZ117" s="881"/>
      <c r="CA117" s="881" t="s">
        <v>423</v>
      </c>
      <c r="CB117" s="881"/>
      <c r="CC117" s="881"/>
      <c r="CD117" s="881"/>
      <c r="CE117" s="881"/>
      <c r="CF117" s="939" t="s">
        <v>400</v>
      </c>
      <c r="CG117" s="940"/>
      <c r="CH117" s="940"/>
      <c r="CI117" s="940"/>
      <c r="CJ117" s="940"/>
      <c r="CK117" s="991"/>
      <c r="CL117" s="885"/>
      <c r="CM117" s="879" t="s">
        <v>481</v>
      </c>
      <c r="CN117" s="816"/>
      <c r="CO117" s="816"/>
      <c r="CP117" s="816"/>
      <c r="CQ117" s="816"/>
      <c r="CR117" s="816"/>
      <c r="CS117" s="816"/>
      <c r="CT117" s="816"/>
      <c r="CU117" s="816"/>
      <c r="CV117" s="816"/>
      <c r="CW117" s="816"/>
      <c r="CX117" s="816"/>
      <c r="CY117" s="816"/>
      <c r="CZ117" s="816"/>
      <c r="DA117" s="816"/>
      <c r="DB117" s="816"/>
      <c r="DC117" s="816"/>
      <c r="DD117" s="816"/>
      <c r="DE117" s="816"/>
      <c r="DF117" s="817"/>
      <c r="DG117" s="843" t="s">
        <v>423</v>
      </c>
      <c r="DH117" s="844"/>
      <c r="DI117" s="844"/>
      <c r="DJ117" s="844"/>
      <c r="DK117" s="845"/>
      <c r="DL117" s="846" t="s">
        <v>465</v>
      </c>
      <c r="DM117" s="844"/>
      <c r="DN117" s="844"/>
      <c r="DO117" s="844"/>
      <c r="DP117" s="845"/>
      <c r="DQ117" s="846" t="s">
        <v>465</v>
      </c>
      <c r="DR117" s="844"/>
      <c r="DS117" s="844"/>
      <c r="DT117" s="844"/>
      <c r="DU117" s="845"/>
      <c r="DV117" s="888" t="s">
        <v>460</v>
      </c>
      <c r="DW117" s="889"/>
      <c r="DX117" s="889"/>
      <c r="DY117" s="889"/>
      <c r="DZ117" s="890"/>
    </row>
    <row r="118" spans="1:130" s="233" customFormat="1" ht="26.25" customHeight="1" x14ac:dyDescent="0.2">
      <c r="A118" s="959" t="s">
        <v>452</v>
      </c>
      <c r="B118" s="960"/>
      <c r="C118" s="960"/>
      <c r="D118" s="960"/>
      <c r="E118" s="960"/>
      <c r="F118" s="960"/>
      <c r="G118" s="960"/>
      <c r="H118" s="960"/>
      <c r="I118" s="960"/>
      <c r="J118" s="960"/>
      <c r="K118" s="960"/>
      <c r="L118" s="960"/>
      <c r="M118" s="960"/>
      <c r="N118" s="960"/>
      <c r="O118" s="960"/>
      <c r="P118" s="960"/>
      <c r="Q118" s="960"/>
      <c r="R118" s="960"/>
      <c r="S118" s="960"/>
      <c r="T118" s="960"/>
      <c r="U118" s="960"/>
      <c r="V118" s="960"/>
      <c r="W118" s="960"/>
      <c r="X118" s="960"/>
      <c r="Y118" s="960"/>
      <c r="Z118" s="961"/>
      <c r="AA118" s="962" t="s">
        <v>449</v>
      </c>
      <c r="AB118" s="960"/>
      <c r="AC118" s="960"/>
      <c r="AD118" s="960"/>
      <c r="AE118" s="961"/>
      <c r="AF118" s="962" t="s">
        <v>450</v>
      </c>
      <c r="AG118" s="960"/>
      <c r="AH118" s="960"/>
      <c r="AI118" s="960"/>
      <c r="AJ118" s="961"/>
      <c r="AK118" s="962" t="s">
        <v>303</v>
      </c>
      <c r="AL118" s="960"/>
      <c r="AM118" s="960"/>
      <c r="AN118" s="960"/>
      <c r="AO118" s="961"/>
      <c r="AP118" s="963" t="s">
        <v>451</v>
      </c>
      <c r="AQ118" s="964"/>
      <c r="AR118" s="964"/>
      <c r="AS118" s="964"/>
      <c r="AT118" s="965"/>
      <c r="AU118" s="996"/>
      <c r="AV118" s="997"/>
      <c r="AW118" s="997"/>
      <c r="AX118" s="997"/>
      <c r="AY118" s="997"/>
      <c r="AZ118" s="902" t="s">
        <v>482</v>
      </c>
      <c r="BA118" s="903"/>
      <c r="BB118" s="903"/>
      <c r="BC118" s="903"/>
      <c r="BD118" s="903"/>
      <c r="BE118" s="903"/>
      <c r="BF118" s="903"/>
      <c r="BG118" s="903"/>
      <c r="BH118" s="903"/>
      <c r="BI118" s="903"/>
      <c r="BJ118" s="903"/>
      <c r="BK118" s="903"/>
      <c r="BL118" s="903"/>
      <c r="BM118" s="903"/>
      <c r="BN118" s="903"/>
      <c r="BO118" s="903"/>
      <c r="BP118" s="904"/>
      <c r="BQ118" s="943" t="s">
        <v>400</v>
      </c>
      <c r="BR118" s="909"/>
      <c r="BS118" s="909"/>
      <c r="BT118" s="909"/>
      <c r="BU118" s="909"/>
      <c r="BV118" s="909" t="s">
        <v>400</v>
      </c>
      <c r="BW118" s="909"/>
      <c r="BX118" s="909"/>
      <c r="BY118" s="909"/>
      <c r="BZ118" s="909"/>
      <c r="CA118" s="909" t="s">
        <v>400</v>
      </c>
      <c r="CB118" s="909"/>
      <c r="CC118" s="909"/>
      <c r="CD118" s="909"/>
      <c r="CE118" s="909"/>
      <c r="CF118" s="939" t="s">
        <v>465</v>
      </c>
      <c r="CG118" s="940"/>
      <c r="CH118" s="940"/>
      <c r="CI118" s="940"/>
      <c r="CJ118" s="940"/>
      <c r="CK118" s="991"/>
      <c r="CL118" s="885"/>
      <c r="CM118" s="879" t="s">
        <v>483</v>
      </c>
      <c r="CN118" s="816"/>
      <c r="CO118" s="816"/>
      <c r="CP118" s="816"/>
      <c r="CQ118" s="816"/>
      <c r="CR118" s="816"/>
      <c r="CS118" s="816"/>
      <c r="CT118" s="816"/>
      <c r="CU118" s="816"/>
      <c r="CV118" s="816"/>
      <c r="CW118" s="816"/>
      <c r="CX118" s="816"/>
      <c r="CY118" s="816"/>
      <c r="CZ118" s="816"/>
      <c r="DA118" s="816"/>
      <c r="DB118" s="816"/>
      <c r="DC118" s="816"/>
      <c r="DD118" s="816"/>
      <c r="DE118" s="816"/>
      <c r="DF118" s="817"/>
      <c r="DG118" s="843" t="s">
        <v>460</v>
      </c>
      <c r="DH118" s="844"/>
      <c r="DI118" s="844"/>
      <c r="DJ118" s="844"/>
      <c r="DK118" s="845"/>
      <c r="DL118" s="846" t="s">
        <v>400</v>
      </c>
      <c r="DM118" s="844"/>
      <c r="DN118" s="844"/>
      <c r="DO118" s="844"/>
      <c r="DP118" s="845"/>
      <c r="DQ118" s="846" t="s">
        <v>484</v>
      </c>
      <c r="DR118" s="844"/>
      <c r="DS118" s="844"/>
      <c r="DT118" s="844"/>
      <c r="DU118" s="845"/>
      <c r="DV118" s="888" t="s">
        <v>423</v>
      </c>
      <c r="DW118" s="889"/>
      <c r="DX118" s="889"/>
      <c r="DY118" s="889"/>
      <c r="DZ118" s="890"/>
    </row>
    <row r="119" spans="1:130" s="233" customFormat="1" ht="26.25" customHeight="1" x14ac:dyDescent="0.2">
      <c r="A119" s="882" t="s">
        <v>455</v>
      </c>
      <c r="B119" s="883"/>
      <c r="C119" s="924" t="s">
        <v>456</v>
      </c>
      <c r="D119" s="872"/>
      <c r="E119" s="872"/>
      <c r="F119" s="872"/>
      <c r="G119" s="872"/>
      <c r="H119" s="872"/>
      <c r="I119" s="872"/>
      <c r="J119" s="872"/>
      <c r="K119" s="872"/>
      <c r="L119" s="872"/>
      <c r="M119" s="872"/>
      <c r="N119" s="872"/>
      <c r="O119" s="872"/>
      <c r="P119" s="872"/>
      <c r="Q119" s="872"/>
      <c r="R119" s="872"/>
      <c r="S119" s="872"/>
      <c r="T119" s="872"/>
      <c r="U119" s="872"/>
      <c r="V119" s="872"/>
      <c r="W119" s="872"/>
      <c r="X119" s="872"/>
      <c r="Y119" s="872"/>
      <c r="Z119" s="873"/>
      <c r="AA119" s="952">
        <v>2555766</v>
      </c>
      <c r="AB119" s="953"/>
      <c r="AC119" s="953"/>
      <c r="AD119" s="953"/>
      <c r="AE119" s="954"/>
      <c r="AF119" s="955">
        <v>3804473</v>
      </c>
      <c r="AG119" s="953"/>
      <c r="AH119" s="953"/>
      <c r="AI119" s="953"/>
      <c r="AJ119" s="954"/>
      <c r="AK119" s="955">
        <v>3327137</v>
      </c>
      <c r="AL119" s="953"/>
      <c r="AM119" s="953"/>
      <c r="AN119" s="953"/>
      <c r="AO119" s="954"/>
      <c r="AP119" s="956">
        <v>0.4</v>
      </c>
      <c r="AQ119" s="957"/>
      <c r="AR119" s="957"/>
      <c r="AS119" s="957"/>
      <c r="AT119" s="958"/>
      <c r="AU119" s="998"/>
      <c r="AV119" s="999"/>
      <c r="AW119" s="999"/>
      <c r="AX119" s="999"/>
      <c r="AY119" s="999"/>
      <c r="AZ119" s="254" t="s">
        <v>185</v>
      </c>
      <c r="BA119" s="254"/>
      <c r="BB119" s="254"/>
      <c r="BC119" s="254"/>
      <c r="BD119" s="254"/>
      <c r="BE119" s="254"/>
      <c r="BF119" s="254"/>
      <c r="BG119" s="254"/>
      <c r="BH119" s="254"/>
      <c r="BI119" s="254"/>
      <c r="BJ119" s="254"/>
      <c r="BK119" s="254"/>
      <c r="BL119" s="254"/>
      <c r="BM119" s="254"/>
      <c r="BN119" s="254"/>
      <c r="BO119" s="941" t="s">
        <v>485</v>
      </c>
      <c r="BP119" s="942"/>
      <c r="BQ119" s="943">
        <v>3503640472</v>
      </c>
      <c r="BR119" s="909"/>
      <c r="BS119" s="909"/>
      <c r="BT119" s="909"/>
      <c r="BU119" s="909"/>
      <c r="BV119" s="909">
        <v>3482395260</v>
      </c>
      <c r="BW119" s="909"/>
      <c r="BX119" s="909"/>
      <c r="BY119" s="909"/>
      <c r="BZ119" s="909"/>
      <c r="CA119" s="909">
        <v>3451088906</v>
      </c>
      <c r="CB119" s="909"/>
      <c r="CC119" s="909"/>
      <c r="CD119" s="909"/>
      <c r="CE119" s="909"/>
      <c r="CF119" s="812"/>
      <c r="CG119" s="813"/>
      <c r="CH119" s="813"/>
      <c r="CI119" s="813"/>
      <c r="CJ119" s="898"/>
      <c r="CK119" s="992"/>
      <c r="CL119" s="887"/>
      <c r="CM119" s="902" t="s">
        <v>486</v>
      </c>
      <c r="CN119" s="903"/>
      <c r="CO119" s="903"/>
      <c r="CP119" s="903"/>
      <c r="CQ119" s="903"/>
      <c r="CR119" s="903"/>
      <c r="CS119" s="903"/>
      <c r="CT119" s="903"/>
      <c r="CU119" s="903"/>
      <c r="CV119" s="903"/>
      <c r="CW119" s="903"/>
      <c r="CX119" s="903"/>
      <c r="CY119" s="903"/>
      <c r="CZ119" s="903"/>
      <c r="DA119" s="903"/>
      <c r="DB119" s="903"/>
      <c r="DC119" s="903"/>
      <c r="DD119" s="903"/>
      <c r="DE119" s="903"/>
      <c r="DF119" s="904"/>
      <c r="DG119" s="827">
        <v>58093784</v>
      </c>
      <c r="DH119" s="828"/>
      <c r="DI119" s="828"/>
      <c r="DJ119" s="828"/>
      <c r="DK119" s="829"/>
      <c r="DL119" s="830">
        <v>46415972</v>
      </c>
      <c r="DM119" s="828"/>
      <c r="DN119" s="828"/>
      <c r="DO119" s="828"/>
      <c r="DP119" s="829"/>
      <c r="DQ119" s="830">
        <v>34813920</v>
      </c>
      <c r="DR119" s="828"/>
      <c r="DS119" s="828"/>
      <c r="DT119" s="828"/>
      <c r="DU119" s="829"/>
      <c r="DV119" s="912">
        <v>3.9</v>
      </c>
      <c r="DW119" s="913"/>
      <c r="DX119" s="913"/>
      <c r="DY119" s="913"/>
      <c r="DZ119" s="914"/>
    </row>
    <row r="120" spans="1:130" s="233" customFormat="1" ht="26.25" customHeight="1" x14ac:dyDescent="0.2">
      <c r="A120" s="884"/>
      <c r="B120" s="885"/>
      <c r="C120" s="879" t="s">
        <v>459</v>
      </c>
      <c r="D120" s="816"/>
      <c r="E120" s="816"/>
      <c r="F120" s="816"/>
      <c r="G120" s="816"/>
      <c r="H120" s="816"/>
      <c r="I120" s="816"/>
      <c r="J120" s="816"/>
      <c r="K120" s="816"/>
      <c r="L120" s="816"/>
      <c r="M120" s="816"/>
      <c r="N120" s="816"/>
      <c r="O120" s="816"/>
      <c r="P120" s="816"/>
      <c r="Q120" s="816"/>
      <c r="R120" s="816"/>
      <c r="S120" s="816"/>
      <c r="T120" s="816"/>
      <c r="U120" s="816"/>
      <c r="V120" s="816"/>
      <c r="W120" s="816"/>
      <c r="X120" s="816"/>
      <c r="Y120" s="816"/>
      <c r="Z120" s="817"/>
      <c r="AA120" s="843" t="s">
        <v>400</v>
      </c>
      <c r="AB120" s="844"/>
      <c r="AC120" s="844"/>
      <c r="AD120" s="844"/>
      <c r="AE120" s="845"/>
      <c r="AF120" s="846" t="s">
        <v>400</v>
      </c>
      <c r="AG120" s="844"/>
      <c r="AH120" s="844"/>
      <c r="AI120" s="844"/>
      <c r="AJ120" s="845"/>
      <c r="AK120" s="846" t="s">
        <v>400</v>
      </c>
      <c r="AL120" s="844"/>
      <c r="AM120" s="844"/>
      <c r="AN120" s="844"/>
      <c r="AO120" s="845"/>
      <c r="AP120" s="888" t="s">
        <v>400</v>
      </c>
      <c r="AQ120" s="889"/>
      <c r="AR120" s="889"/>
      <c r="AS120" s="889"/>
      <c r="AT120" s="890"/>
      <c r="AU120" s="944" t="s">
        <v>487</v>
      </c>
      <c r="AV120" s="945"/>
      <c r="AW120" s="945"/>
      <c r="AX120" s="945"/>
      <c r="AY120" s="946"/>
      <c r="AZ120" s="924" t="s">
        <v>488</v>
      </c>
      <c r="BA120" s="872"/>
      <c r="BB120" s="872"/>
      <c r="BC120" s="872"/>
      <c r="BD120" s="872"/>
      <c r="BE120" s="872"/>
      <c r="BF120" s="872"/>
      <c r="BG120" s="872"/>
      <c r="BH120" s="872"/>
      <c r="BI120" s="872"/>
      <c r="BJ120" s="872"/>
      <c r="BK120" s="872"/>
      <c r="BL120" s="872"/>
      <c r="BM120" s="872"/>
      <c r="BN120" s="872"/>
      <c r="BO120" s="872"/>
      <c r="BP120" s="873"/>
      <c r="BQ120" s="925">
        <v>181000492</v>
      </c>
      <c r="BR120" s="906"/>
      <c r="BS120" s="906"/>
      <c r="BT120" s="906"/>
      <c r="BU120" s="906"/>
      <c r="BV120" s="906">
        <v>183879808</v>
      </c>
      <c r="BW120" s="906"/>
      <c r="BX120" s="906"/>
      <c r="BY120" s="906"/>
      <c r="BZ120" s="906"/>
      <c r="CA120" s="906">
        <v>251654546</v>
      </c>
      <c r="CB120" s="906"/>
      <c r="CC120" s="906"/>
      <c r="CD120" s="906"/>
      <c r="CE120" s="906"/>
      <c r="CF120" s="930">
        <v>28.1</v>
      </c>
      <c r="CG120" s="931"/>
      <c r="CH120" s="931"/>
      <c r="CI120" s="931"/>
      <c r="CJ120" s="931"/>
      <c r="CK120" s="932" t="s">
        <v>489</v>
      </c>
      <c r="CL120" s="916"/>
      <c r="CM120" s="916"/>
      <c r="CN120" s="916"/>
      <c r="CO120" s="917"/>
      <c r="CP120" s="936" t="s">
        <v>420</v>
      </c>
      <c r="CQ120" s="937"/>
      <c r="CR120" s="937"/>
      <c r="CS120" s="937"/>
      <c r="CT120" s="937"/>
      <c r="CU120" s="937"/>
      <c r="CV120" s="937"/>
      <c r="CW120" s="937"/>
      <c r="CX120" s="937"/>
      <c r="CY120" s="937"/>
      <c r="CZ120" s="937"/>
      <c r="DA120" s="937"/>
      <c r="DB120" s="937"/>
      <c r="DC120" s="937"/>
      <c r="DD120" s="937"/>
      <c r="DE120" s="937"/>
      <c r="DF120" s="938"/>
      <c r="DG120" s="925">
        <v>361378735</v>
      </c>
      <c r="DH120" s="906"/>
      <c r="DI120" s="906"/>
      <c r="DJ120" s="906"/>
      <c r="DK120" s="906"/>
      <c r="DL120" s="906">
        <v>348458593</v>
      </c>
      <c r="DM120" s="906"/>
      <c r="DN120" s="906"/>
      <c r="DO120" s="906"/>
      <c r="DP120" s="906"/>
      <c r="DQ120" s="906">
        <v>345707376</v>
      </c>
      <c r="DR120" s="906"/>
      <c r="DS120" s="906"/>
      <c r="DT120" s="906"/>
      <c r="DU120" s="906"/>
      <c r="DV120" s="907">
        <v>38.6</v>
      </c>
      <c r="DW120" s="907"/>
      <c r="DX120" s="907"/>
      <c r="DY120" s="907"/>
      <c r="DZ120" s="908"/>
    </row>
    <row r="121" spans="1:130" s="233" customFormat="1" ht="26.25" customHeight="1" x14ac:dyDescent="0.2">
      <c r="A121" s="884"/>
      <c r="B121" s="885"/>
      <c r="C121" s="927" t="s">
        <v>490</v>
      </c>
      <c r="D121" s="928"/>
      <c r="E121" s="928"/>
      <c r="F121" s="928"/>
      <c r="G121" s="928"/>
      <c r="H121" s="928"/>
      <c r="I121" s="928"/>
      <c r="J121" s="928"/>
      <c r="K121" s="928"/>
      <c r="L121" s="928"/>
      <c r="M121" s="928"/>
      <c r="N121" s="928"/>
      <c r="O121" s="928"/>
      <c r="P121" s="928"/>
      <c r="Q121" s="928"/>
      <c r="R121" s="928"/>
      <c r="S121" s="928"/>
      <c r="T121" s="928"/>
      <c r="U121" s="928"/>
      <c r="V121" s="928"/>
      <c r="W121" s="928"/>
      <c r="X121" s="928"/>
      <c r="Y121" s="928"/>
      <c r="Z121" s="929"/>
      <c r="AA121" s="843" t="s">
        <v>400</v>
      </c>
      <c r="AB121" s="844"/>
      <c r="AC121" s="844"/>
      <c r="AD121" s="844"/>
      <c r="AE121" s="845"/>
      <c r="AF121" s="846" t="s">
        <v>484</v>
      </c>
      <c r="AG121" s="844"/>
      <c r="AH121" s="844"/>
      <c r="AI121" s="844"/>
      <c r="AJ121" s="845"/>
      <c r="AK121" s="846" t="s">
        <v>484</v>
      </c>
      <c r="AL121" s="844"/>
      <c r="AM121" s="844"/>
      <c r="AN121" s="844"/>
      <c r="AO121" s="845"/>
      <c r="AP121" s="888" t="s">
        <v>423</v>
      </c>
      <c r="AQ121" s="889"/>
      <c r="AR121" s="889"/>
      <c r="AS121" s="889"/>
      <c r="AT121" s="890"/>
      <c r="AU121" s="947"/>
      <c r="AV121" s="948"/>
      <c r="AW121" s="948"/>
      <c r="AX121" s="948"/>
      <c r="AY121" s="949"/>
      <c r="AZ121" s="879" t="s">
        <v>491</v>
      </c>
      <c r="BA121" s="816"/>
      <c r="BB121" s="816"/>
      <c r="BC121" s="816"/>
      <c r="BD121" s="816"/>
      <c r="BE121" s="816"/>
      <c r="BF121" s="816"/>
      <c r="BG121" s="816"/>
      <c r="BH121" s="816"/>
      <c r="BI121" s="816"/>
      <c r="BJ121" s="816"/>
      <c r="BK121" s="816"/>
      <c r="BL121" s="816"/>
      <c r="BM121" s="816"/>
      <c r="BN121" s="816"/>
      <c r="BO121" s="816"/>
      <c r="BP121" s="817"/>
      <c r="BQ121" s="880">
        <v>777314112</v>
      </c>
      <c r="BR121" s="881"/>
      <c r="BS121" s="881"/>
      <c r="BT121" s="881"/>
      <c r="BU121" s="881"/>
      <c r="BV121" s="881">
        <v>777425702</v>
      </c>
      <c r="BW121" s="881"/>
      <c r="BX121" s="881"/>
      <c r="BY121" s="881"/>
      <c r="BZ121" s="881"/>
      <c r="CA121" s="881">
        <v>691902153</v>
      </c>
      <c r="CB121" s="881"/>
      <c r="CC121" s="881"/>
      <c r="CD121" s="881"/>
      <c r="CE121" s="881"/>
      <c r="CF121" s="939">
        <v>77.3</v>
      </c>
      <c r="CG121" s="940"/>
      <c r="CH121" s="940"/>
      <c r="CI121" s="940"/>
      <c r="CJ121" s="940"/>
      <c r="CK121" s="933"/>
      <c r="CL121" s="919"/>
      <c r="CM121" s="919"/>
      <c r="CN121" s="919"/>
      <c r="CO121" s="920"/>
      <c r="CP121" s="899" t="s">
        <v>421</v>
      </c>
      <c r="CQ121" s="900"/>
      <c r="CR121" s="900"/>
      <c r="CS121" s="900"/>
      <c r="CT121" s="900"/>
      <c r="CU121" s="900"/>
      <c r="CV121" s="900"/>
      <c r="CW121" s="900"/>
      <c r="CX121" s="900"/>
      <c r="CY121" s="900"/>
      <c r="CZ121" s="900"/>
      <c r="DA121" s="900"/>
      <c r="DB121" s="900"/>
      <c r="DC121" s="900"/>
      <c r="DD121" s="900"/>
      <c r="DE121" s="900"/>
      <c r="DF121" s="901"/>
      <c r="DG121" s="880">
        <v>51001979</v>
      </c>
      <c r="DH121" s="881"/>
      <c r="DI121" s="881"/>
      <c r="DJ121" s="881"/>
      <c r="DK121" s="881"/>
      <c r="DL121" s="881">
        <v>45898325</v>
      </c>
      <c r="DM121" s="881"/>
      <c r="DN121" s="881"/>
      <c r="DO121" s="881"/>
      <c r="DP121" s="881"/>
      <c r="DQ121" s="881">
        <v>40999314</v>
      </c>
      <c r="DR121" s="881"/>
      <c r="DS121" s="881"/>
      <c r="DT121" s="881"/>
      <c r="DU121" s="881"/>
      <c r="DV121" s="858">
        <v>4.5999999999999996</v>
      </c>
      <c r="DW121" s="858"/>
      <c r="DX121" s="858"/>
      <c r="DY121" s="858"/>
      <c r="DZ121" s="859"/>
    </row>
    <row r="122" spans="1:130" s="233" customFormat="1" ht="26.25" customHeight="1" x14ac:dyDescent="0.2">
      <c r="A122" s="884"/>
      <c r="B122" s="885"/>
      <c r="C122" s="879" t="s">
        <v>472</v>
      </c>
      <c r="D122" s="816"/>
      <c r="E122" s="816"/>
      <c r="F122" s="816"/>
      <c r="G122" s="816"/>
      <c r="H122" s="816"/>
      <c r="I122" s="816"/>
      <c r="J122" s="816"/>
      <c r="K122" s="816"/>
      <c r="L122" s="816"/>
      <c r="M122" s="816"/>
      <c r="N122" s="816"/>
      <c r="O122" s="816"/>
      <c r="P122" s="816"/>
      <c r="Q122" s="816"/>
      <c r="R122" s="816"/>
      <c r="S122" s="816"/>
      <c r="T122" s="816"/>
      <c r="U122" s="816"/>
      <c r="V122" s="816"/>
      <c r="W122" s="816"/>
      <c r="X122" s="816"/>
      <c r="Y122" s="816"/>
      <c r="Z122" s="817"/>
      <c r="AA122" s="843" t="s">
        <v>423</v>
      </c>
      <c r="AB122" s="844"/>
      <c r="AC122" s="844"/>
      <c r="AD122" s="844"/>
      <c r="AE122" s="845"/>
      <c r="AF122" s="846" t="s">
        <v>460</v>
      </c>
      <c r="AG122" s="844"/>
      <c r="AH122" s="844"/>
      <c r="AI122" s="844"/>
      <c r="AJ122" s="845"/>
      <c r="AK122" s="846" t="s">
        <v>465</v>
      </c>
      <c r="AL122" s="844"/>
      <c r="AM122" s="844"/>
      <c r="AN122" s="844"/>
      <c r="AO122" s="845"/>
      <c r="AP122" s="888" t="s">
        <v>400</v>
      </c>
      <c r="AQ122" s="889"/>
      <c r="AR122" s="889"/>
      <c r="AS122" s="889"/>
      <c r="AT122" s="890"/>
      <c r="AU122" s="947"/>
      <c r="AV122" s="948"/>
      <c r="AW122" s="948"/>
      <c r="AX122" s="948"/>
      <c r="AY122" s="949"/>
      <c r="AZ122" s="902" t="s">
        <v>492</v>
      </c>
      <c r="BA122" s="903"/>
      <c r="BB122" s="903"/>
      <c r="BC122" s="903"/>
      <c r="BD122" s="903"/>
      <c r="BE122" s="903"/>
      <c r="BF122" s="903"/>
      <c r="BG122" s="903"/>
      <c r="BH122" s="903"/>
      <c r="BI122" s="903"/>
      <c r="BJ122" s="903"/>
      <c r="BK122" s="903"/>
      <c r="BL122" s="903"/>
      <c r="BM122" s="903"/>
      <c r="BN122" s="903"/>
      <c r="BO122" s="903"/>
      <c r="BP122" s="904"/>
      <c r="BQ122" s="943">
        <v>1367851993</v>
      </c>
      <c r="BR122" s="909"/>
      <c r="BS122" s="909"/>
      <c r="BT122" s="909"/>
      <c r="BU122" s="909"/>
      <c r="BV122" s="909">
        <v>1348979409</v>
      </c>
      <c r="BW122" s="909"/>
      <c r="BX122" s="909"/>
      <c r="BY122" s="909"/>
      <c r="BZ122" s="909"/>
      <c r="CA122" s="909">
        <v>1344210447</v>
      </c>
      <c r="CB122" s="909"/>
      <c r="CC122" s="909"/>
      <c r="CD122" s="909"/>
      <c r="CE122" s="909"/>
      <c r="CF122" s="910">
        <v>150.19999999999999</v>
      </c>
      <c r="CG122" s="911"/>
      <c r="CH122" s="911"/>
      <c r="CI122" s="911"/>
      <c r="CJ122" s="911"/>
      <c r="CK122" s="933"/>
      <c r="CL122" s="919"/>
      <c r="CM122" s="919"/>
      <c r="CN122" s="919"/>
      <c r="CO122" s="920"/>
      <c r="CP122" s="899" t="s">
        <v>419</v>
      </c>
      <c r="CQ122" s="900"/>
      <c r="CR122" s="900"/>
      <c r="CS122" s="900"/>
      <c r="CT122" s="900"/>
      <c r="CU122" s="900"/>
      <c r="CV122" s="900"/>
      <c r="CW122" s="900"/>
      <c r="CX122" s="900"/>
      <c r="CY122" s="900"/>
      <c r="CZ122" s="900"/>
      <c r="DA122" s="900"/>
      <c r="DB122" s="900"/>
      <c r="DC122" s="900"/>
      <c r="DD122" s="900"/>
      <c r="DE122" s="900"/>
      <c r="DF122" s="901"/>
      <c r="DG122" s="880">
        <v>53897335</v>
      </c>
      <c r="DH122" s="881"/>
      <c r="DI122" s="881"/>
      <c r="DJ122" s="881"/>
      <c r="DK122" s="881"/>
      <c r="DL122" s="881">
        <v>44687491</v>
      </c>
      <c r="DM122" s="881"/>
      <c r="DN122" s="881"/>
      <c r="DO122" s="881"/>
      <c r="DP122" s="881"/>
      <c r="DQ122" s="881">
        <v>40036281</v>
      </c>
      <c r="DR122" s="881"/>
      <c r="DS122" s="881"/>
      <c r="DT122" s="881"/>
      <c r="DU122" s="881"/>
      <c r="DV122" s="858">
        <v>4.5</v>
      </c>
      <c r="DW122" s="858"/>
      <c r="DX122" s="858"/>
      <c r="DY122" s="858"/>
      <c r="DZ122" s="859"/>
    </row>
    <row r="123" spans="1:130" s="233" customFormat="1" ht="26.25" customHeight="1" x14ac:dyDescent="0.2">
      <c r="A123" s="884"/>
      <c r="B123" s="885"/>
      <c r="C123" s="879" t="s">
        <v>478</v>
      </c>
      <c r="D123" s="816"/>
      <c r="E123" s="816"/>
      <c r="F123" s="816"/>
      <c r="G123" s="816"/>
      <c r="H123" s="816"/>
      <c r="I123" s="816"/>
      <c r="J123" s="816"/>
      <c r="K123" s="816"/>
      <c r="L123" s="816"/>
      <c r="M123" s="816"/>
      <c r="N123" s="816"/>
      <c r="O123" s="816"/>
      <c r="P123" s="816"/>
      <c r="Q123" s="816"/>
      <c r="R123" s="816"/>
      <c r="S123" s="816"/>
      <c r="T123" s="816"/>
      <c r="U123" s="816"/>
      <c r="V123" s="816"/>
      <c r="W123" s="816"/>
      <c r="X123" s="816"/>
      <c r="Y123" s="816"/>
      <c r="Z123" s="817"/>
      <c r="AA123" s="843" t="s">
        <v>400</v>
      </c>
      <c r="AB123" s="844"/>
      <c r="AC123" s="844"/>
      <c r="AD123" s="844"/>
      <c r="AE123" s="845"/>
      <c r="AF123" s="846" t="s">
        <v>484</v>
      </c>
      <c r="AG123" s="844"/>
      <c r="AH123" s="844"/>
      <c r="AI123" s="844"/>
      <c r="AJ123" s="845"/>
      <c r="AK123" s="846" t="s">
        <v>484</v>
      </c>
      <c r="AL123" s="844"/>
      <c r="AM123" s="844"/>
      <c r="AN123" s="844"/>
      <c r="AO123" s="845"/>
      <c r="AP123" s="888" t="s">
        <v>400</v>
      </c>
      <c r="AQ123" s="889"/>
      <c r="AR123" s="889"/>
      <c r="AS123" s="889"/>
      <c r="AT123" s="890"/>
      <c r="AU123" s="950"/>
      <c r="AV123" s="951"/>
      <c r="AW123" s="951"/>
      <c r="AX123" s="951"/>
      <c r="AY123" s="951"/>
      <c r="AZ123" s="254" t="s">
        <v>185</v>
      </c>
      <c r="BA123" s="254"/>
      <c r="BB123" s="254"/>
      <c r="BC123" s="254"/>
      <c r="BD123" s="254"/>
      <c r="BE123" s="254"/>
      <c r="BF123" s="254"/>
      <c r="BG123" s="254"/>
      <c r="BH123" s="254"/>
      <c r="BI123" s="254"/>
      <c r="BJ123" s="254"/>
      <c r="BK123" s="254"/>
      <c r="BL123" s="254"/>
      <c r="BM123" s="254"/>
      <c r="BN123" s="254"/>
      <c r="BO123" s="941" t="s">
        <v>493</v>
      </c>
      <c r="BP123" s="942"/>
      <c r="BQ123" s="896">
        <v>2326166597</v>
      </c>
      <c r="BR123" s="897"/>
      <c r="BS123" s="897"/>
      <c r="BT123" s="897"/>
      <c r="BU123" s="897"/>
      <c r="BV123" s="897">
        <v>2310284919</v>
      </c>
      <c r="BW123" s="897"/>
      <c r="BX123" s="897"/>
      <c r="BY123" s="897"/>
      <c r="BZ123" s="897"/>
      <c r="CA123" s="897">
        <v>2287767146</v>
      </c>
      <c r="CB123" s="897"/>
      <c r="CC123" s="897"/>
      <c r="CD123" s="897"/>
      <c r="CE123" s="897"/>
      <c r="CF123" s="812"/>
      <c r="CG123" s="813"/>
      <c r="CH123" s="813"/>
      <c r="CI123" s="813"/>
      <c r="CJ123" s="898"/>
      <c r="CK123" s="933"/>
      <c r="CL123" s="919"/>
      <c r="CM123" s="919"/>
      <c r="CN123" s="919"/>
      <c r="CO123" s="920"/>
      <c r="CP123" s="899" t="s">
        <v>494</v>
      </c>
      <c r="CQ123" s="900"/>
      <c r="CR123" s="900"/>
      <c r="CS123" s="900"/>
      <c r="CT123" s="900"/>
      <c r="CU123" s="900"/>
      <c r="CV123" s="900"/>
      <c r="CW123" s="900"/>
      <c r="CX123" s="900"/>
      <c r="CY123" s="900"/>
      <c r="CZ123" s="900"/>
      <c r="DA123" s="900"/>
      <c r="DB123" s="900"/>
      <c r="DC123" s="900"/>
      <c r="DD123" s="900"/>
      <c r="DE123" s="900"/>
      <c r="DF123" s="901"/>
      <c r="DG123" s="843">
        <v>15797618</v>
      </c>
      <c r="DH123" s="844"/>
      <c r="DI123" s="844"/>
      <c r="DJ123" s="844"/>
      <c r="DK123" s="845"/>
      <c r="DL123" s="846">
        <v>16373724</v>
      </c>
      <c r="DM123" s="844"/>
      <c r="DN123" s="844"/>
      <c r="DO123" s="844"/>
      <c r="DP123" s="845"/>
      <c r="DQ123" s="846">
        <v>17043101</v>
      </c>
      <c r="DR123" s="844"/>
      <c r="DS123" s="844"/>
      <c r="DT123" s="844"/>
      <c r="DU123" s="845"/>
      <c r="DV123" s="888">
        <v>1.9</v>
      </c>
      <c r="DW123" s="889"/>
      <c r="DX123" s="889"/>
      <c r="DY123" s="889"/>
      <c r="DZ123" s="890"/>
    </row>
    <row r="124" spans="1:130" s="233" customFormat="1" ht="26.25" customHeight="1" thickBot="1" x14ac:dyDescent="0.25">
      <c r="A124" s="884"/>
      <c r="B124" s="885"/>
      <c r="C124" s="879" t="s">
        <v>481</v>
      </c>
      <c r="D124" s="816"/>
      <c r="E124" s="816"/>
      <c r="F124" s="816"/>
      <c r="G124" s="816"/>
      <c r="H124" s="816"/>
      <c r="I124" s="816"/>
      <c r="J124" s="816"/>
      <c r="K124" s="816"/>
      <c r="L124" s="816"/>
      <c r="M124" s="816"/>
      <c r="N124" s="816"/>
      <c r="O124" s="816"/>
      <c r="P124" s="816"/>
      <c r="Q124" s="816"/>
      <c r="R124" s="816"/>
      <c r="S124" s="816"/>
      <c r="T124" s="816"/>
      <c r="U124" s="816"/>
      <c r="V124" s="816"/>
      <c r="W124" s="816"/>
      <c r="X124" s="816"/>
      <c r="Y124" s="816"/>
      <c r="Z124" s="817"/>
      <c r="AA124" s="843" t="s">
        <v>400</v>
      </c>
      <c r="AB124" s="844"/>
      <c r="AC124" s="844"/>
      <c r="AD124" s="844"/>
      <c r="AE124" s="845"/>
      <c r="AF124" s="846" t="s">
        <v>484</v>
      </c>
      <c r="AG124" s="844"/>
      <c r="AH124" s="844"/>
      <c r="AI124" s="844"/>
      <c r="AJ124" s="845"/>
      <c r="AK124" s="846" t="s">
        <v>400</v>
      </c>
      <c r="AL124" s="844"/>
      <c r="AM124" s="844"/>
      <c r="AN124" s="844"/>
      <c r="AO124" s="845"/>
      <c r="AP124" s="888" t="s">
        <v>484</v>
      </c>
      <c r="AQ124" s="889"/>
      <c r="AR124" s="889"/>
      <c r="AS124" s="889"/>
      <c r="AT124" s="890"/>
      <c r="AU124" s="891" t="s">
        <v>495</v>
      </c>
      <c r="AV124" s="892"/>
      <c r="AW124" s="892"/>
      <c r="AX124" s="892"/>
      <c r="AY124" s="892"/>
      <c r="AZ124" s="892"/>
      <c r="BA124" s="892"/>
      <c r="BB124" s="892"/>
      <c r="BC124" s="892"/>
      <c r="BD124" s="892"/>
      <c r="BE124" s="892"/>
      <c r="BF124" s="892"/>
      <c r="BG124" s="892"/>
      <c r="BH124" s="892"/>
      <c r="BI124" s="892"/>
      <c r="BJ124" s="892"/>
      <c r="BK124" s="892"/>
      <c r="BL124" s="892"/>
      <c r="BM124" s="892"/>
      <c r="BN124" s="892"/>
      <c r="BO124" s="892"/>
      <c r="BP124" s="893"/>
      <c r="BQ124" s="894">
        <v>140.4</v>
      </c>
      <c r="BR124" s="895"/>
      <c r="BS124" s="895"/>
      <c r="BT124" s="895"/>
      <c r="BU124" s="895"/>
      <c r="BV124" s="895">
        <v>137.4</v>
      </c>
      <c r="BW124" s="895"/>
      <c r="BX124" s="895"/>
      <c r="BY124" s="895"/>
      <c r="BZ124" s="895"/>
      <c r="CA124" s="895">
        <v>129.9</v>
      </c>
      <c r="CB124" s="895"/>
      <c r="CC124" s="895"/>
      <c r="CD124" s="895"/>
      <c r="CE124" s="895"/>
      <c r="CF124" s="790"/>
      <c r="CG124" s="791"/>
      <c r="CH124" s="791"/>
      <c r="CI124" s="791"/>
      <c r="CJ124" s="926"/>
      <c r="CK124" s="934"/>
      <c r="CL124" s="934"/>
      <c r="CM124" s="934"/>
      <c r="CN124" s="934"/>
      <c r="CO124" s="935"/>
      <c r="CP124" s="899" t="s">
        <v>496</v>
      </c>
      <c r="CQ124" s="900"/>
      <c r="CR124" s="900"/>
      <c r="CS124" s="900"/>
      <c r="CT124" s="900"/>
      <c r="CU124" s="900"/>
      <c r="CV124" s="900"/>
      <c r="CW124" s="900"/>
      <c r="CX124" s="900"/>
      <c r="CY124" s="900"/>
      <c r="CZ124" s="900"/>
      <c r="DA124" s="900"/>
      <c r="DB124" s="900"/>
      <c r="DC124" s="900"/>
      <c r="DD124" s="900"/>
      <c r="DE124" s="900"/>
      <c r="DF124" s="901"/>
      <c r="DG124" s="827">
        <v>11126240</v>
      </c>
      <c r="DH124" s="828"/>
      <c r="DI124" s="828"/>
      <c r="DJ124" s="828"/>
      <c r="DK124" s="829"/>
      <c r="DL124" s="830">
        <v>12539417</v>
      </c>
      <c r="DM124" s="828"/>
      <c r="DN124" s="828"/>
      <c r="DO124" s="828"/>
      <c r="DP124" s="829"/>
      <c r="DQ124" s="830">
        <v>10759347</v>
      </c>
      <c r="DR124" s="828"/>
      <c r="DS124" s="828"/>
      <c r="DT124" s="828"/>
      <c r="DU124" s="829"/>
      <c r="DV124" s="912">
        <v>1.2</v>
      </c>
      <c r="DW124" s="913"/>
      <c r="DX124" s="913"/>
      <c r="DY124" s="913"/>
      <c r="DZ124" s="914"/>
    </row>
    <row r="125" spans="1:130" s="233" customFormat="1" ht="26.25" customHeight="1" x14ac:dyDescent="0.2">
      <c r="A125" s="884"/>
      <c r="B125" s="885"/>
      <c r="C125" s="879" t="s">
        <v>483</v>
      </c>
      <c r="D125" s="816"/>
      <c r="E125" s="816"/>
      <c r="F125" s="816"/>
      <c r="G125" s="816"/>
      <c r="H125" s="816"/>
      <c r="I125" s="816"/>
      <c r="J125" s="816"/>
      <c r="K125" s="816"/>
      <c r="L125" s="816"/>
      <c r="M125" s="816"/>
      <c r="N125" s="816"/>
      <c r="O125" s="816"/>
      <c r="P125" s="816"/>
      <c r="Q125" s="816"/>
      <c r="R125" s="816"/>
      <c r="S125" s="816"/>
      <c r="T125" s="816"/>
      <c r="U125" s="816"/>
      <c r="V125" s="816"/>
      <c r="W125" s="816"/>
      <c r="X125" s="816"/>
      <c r="Y125" s="816"/>
      <c r="Z125" s="817"/>
      <c r="AA125" s="843" t="s">
        <v>400</v>
      </c>
      <c r="AB125" s="844"/>
      <c r="AC125" s="844"/>
      <c r="AD125" s="844"/>
      <c r="AE125" s="845"/>
      <c r="AF125" s="846" t="s">
        <v>465</v>
      </c>
      <c r="AG125" s="844"/>
      <c r="AH125" s="844"/>
      <c r="AI125" s="844"/>
      <c r="AJ125" s="845"/>
      <c r="AK125" s="846" t="s">
        <v>465</v>
      </c>
      <c r="AL125" s="844"/>
      <c r="AM125" s="844"/>
      <c r="AN125" s="844"/>
      <c r="AO125" s="845"/>
      <c r="AP125" s="888" t="s">
        <v>400</v>
      </c>
      <c r="AQ125" s="889"/>
      <c r="AR125" s="889"/>
      <c r="AS125" s="889"/>
      <c r="AT125" s="890"/>
      <c r="AU125" s="255"/>
      <c r="AV125" s="256"/>
      <c r="AW125" s="256"/>
      <c r="AX125" s="256"/>
      <c r="AY125" s="256"/>
      <c r="AZ125" s="256"/>
      <c r="BA125" s="256"/>
      <c r="BB125" s="256"/>
      <c r="BC125" s="256"/>
      <c r="BD125" s="256"/>
      <c r="BE125" s="256"/>
      <c r="BF125" s="256"/>
      <c r="BG125" s="256"/>
      <c r="BH125" s="256"/>
      <c r="BI125" s="256"/>
      <c r="BJ125" s="256"/>
      <c r="BK125" s="256"/>
      <c r="BL125" s="256"/>
      <c r="BM125" s="256"/>
      <c r="BN125" s="256"/>
      <c r="BO125" s="256"/>
      <c r="BP125" s="256"/>
      <c r="BQ125" s="235"/>
      <c r="BR125" s="235"/>
      <c r="BS125" s="235"/>
      <c r="BT125" s="235"/>
      <c r="BU125" s="235"/>
      <c r="BV125" s="235"/>
      <c r="BW125" s="235"/>
      <c r="BX125" s="235"/>
      <c r="BY125" s="235"/>
      <c r="BZ125" s="235"/>
      <c r="CA125" s="235"/>
      <c r="CB125" s="235"/>
      <c r="CC125" s="235"/>
      <c r="CD125" s="235"/>
      <c r="CE125" s="235"/>
      <c r="CF125" s="235"/>
      <c r="CG125" s="235"/>
      <c r="CH125" s="235"/>
      <c r="CI125" s="235"/>
      <c r="CJ125" s="257"/>
      <c r="CK125" s="915" t="s">
        <v>497</v>
      </c>
      <c r="CL125" s="916"/>
      <c r="CM125" s="916"/>
      <c r="CN125" s="916"/>
      <c r="CO125" s="917"/>
      <c r="CP125" s="924" t="s">
        <v>498</v>
      </c>
      <c r="CQ125" s="872"/>
      <c r="CR125" s="872"/>
      <c r="CS125" s="872"/>
      <c r="CT125" s="872"/>
      <c r="CU125" s="872"/>
      <c r="CV125" s="872"/>
      <c r="CW125" s="872"/>
      <c r="CX125" s="872"/>
      <c r="CY125" s="872"/>
      <c r="CZ125" s="872"/>
      <c r="DA125" s="872"/>
      <c r="DB125" s="872"/>
      <c r="DC125" s="872"/>
      <c r="DD125" s="872"/>
      <c r="DE125" s="872"/>
      <c r="DF125" s="873"/>
      <c r="DG125" s="925" t="s">
        <v>400</v>
      </c>
      <c r="DH125" s="906"/>
      <c r="DI125" s="906"/>
      <c r="DJ125" s="906"/>
      <c r="DK125" s="906"/>
      <c r="DL125" s="906" t="s">
        <v>465</v>
      </c>
      <c r="DM125" s="906"/>
      <c r="DN125" s="906"/>
      <c r="DO125" s="906"/>
      <c r="DP125" s="906"/>
      <c r="DQ125" s="906" t="s">
        <v>400</v>
      </c>
      <c r="DR125" s="906"/>
      <c r="DS125" s="906"/>
      <c r="DT125" s="906"/>
      <c r="DU125" s="906"/>
      <c r="DV125" s="907" t="s">
        <v>465</v>
      </c>
      <c r="DW125" s="907"/>
      <c r="DX125" s="907"/>
      <c r="DY125" s="907"/>
      <c r="DZ125" s="908"/>
    </row>
    <row r="126" spans="1:130" s="233" customFormat="1" ht="26.25" customHeight="1" thickBot="1" x14ac:dyDescent="0.25">
      <c r="A126" s="884"/>
      <c r="B126" s="885"/>
      <c r="C126" s="879" t="s">
        <v>486</v>
      </c>
      <c r="D126" s="816"/>
      <c r="E126" s="816"/>
      <c r="F126" s="816"/>
      <c r="G126" s="816"/>
      <c r="H126" s="816"/>
      <c r="I126" s="816"/>
      <c r="J126" s="816"/>
      <c r="K126" s="816"/>
      <c r="L126" s="816"/>
      <c r="M126" s="816"/>
      <c r="N126" s="816"/>
      <c r="O126" s="816"/>
      <c r="P126" s="816"/>
      <c r="Q126" s="816"/>
      <c r="R126" s="816"/>
      <c r="S126" s="816"/>
      <c r="T126" s="816"/>
      <c r="U126" s="816"/>
      <c r="V126" s="816"/>
      <c r="W126" s="816"/>
      <c r="X126" s="816"/>
      <c r="Y126" s="816"/>
      <c r="Z126" s="817"/>
      <c r="AA126" s="843" t="s">
        <v>400</v>
      </c>
      <c r="AB126" s="844"/>
      <c r="AC126" s="844"/>
      <c r="AD126" s="844"/>
      <c r="AE126" s="845"/>
      <c r="AF126" s="846" t="s">
        <v>465</v>
      </c>
      <c r="AG126" s="844"/>
      <c r="AH126" s="844"/>
      <c r="AI126" s="844"/>
      <c r="AJ126" s="845"/>
      <c r="AK126" s="846" t="s">
        <v>465</v>
      </c>
      <c r="AL126" s="844"/>
      <c r="AM126" s="844"/>
      <c r="AN126" s="844"/>
      <c r="AO126" s="845"/>
      <c r="AP126" s="888" t="s">
        <v>400</v>
      </c>
      <c r="AQ126" s="889"/>
      <c r="AR126" s="889"/>
      <c r="AS126" s="889"/>
      <c r="AT126" s="890"/>
      <c r="AU126" s="235"/>
      <c r="AV126" s="235"/>
      <c r="AW126" s="235"/>
      <c r="AX126" s="235"/>
      <c r="AY126" s="235"/>
      <c r="AZ126" s="235"/>
      <c r="BA126" s="235"/>
      <c r="BB126" s="235"/>
      <c r="BC126" s="235"/>
      <c r="BD126" s="235"/>
      <c r="BE126" s="235"/>
      <c r="BF126" s="235"/>
      <c r="BG126" s="235"/>
      <c r="BH126" s="235"/>
      <c r="BI126" s="235"/>
      <c r="BJ126" s="235"/>
      <c r="BK126" s="235"/>
      <c r="BL126" s="235"/>
      <c r="BM126" s="235"/>
      <c r="BN126" s="235"/>
      <c r="BO126" s="235"/>
      <c r="BP126" s="235"/>
      <c r="BQ126" s="235"/>
      <c r="BR126" s="235"/>
      <c r="BS126" s="235"/>
      <c r="BT126" s="235"/>
      <c r="BU126" s="235"/>
      <c r="BV126" s="235"/>
      <c r="BW126" s="235"/>
      <c r="BX126" s="235"/>
      <c r="BY126" s="235"/>
      <c r="BZ126" s="235"/>
      <c r="CA126" s="235"/>
      <c r="CB126" s="235"/>
      <c r="CC126" s="235"/>
      <c r="CD126" s="258"/>
      <c r="CE126" s="258"/>
      <c r="CF126" s="258"/>
      <c r="CG126" s="235"/>
      <c r="CH126" s="235"/>
      <c r="CI126" s="235"/>
      <c r="CJ126" s="257"/>
      <c r="CK126" s="918"/>
      <c r="CL126" s="919"/>
      <c r="CM126" s="919"/>
      <c r="CN126" s="919"/>
      <c r="CO126" s="920"/>
      <c r="CP126" s="879" t="s">
        <v>499</v>
      </c>
      <c r="CQ126" s="816"/>
      <c r="CR126" s="816"/>
      <c r="CS126" s="816"/>
      <c r="CT126" s="816"/>
      <c r="CU126" s="816"/>
      <c r="CV126" s="816"/>
      <c r="CW126" s="816"/>
      <c r="CX126" s="816"/>
      <c r="CY126" s="816"/>
      <c r="CZ126" s="816"/>
      <c r="DA126" s="816"/>
      <c r="DB126" s="816"/>
      <c r="DC126" s="816"/>
      <c r="DD126" s="816"/>
      <c r="DE126" s="816"/>
      <c r="DF126" s="817"/>
      <c r="DG126" s="880" t="s">
        <v>465</v>
      </c>
      <c r="DH126" s="881"/>
      <c r="DI126" s="881"/>
      <c r="DJ126" s="881"/>
      <c r="DK126" s="881"/>
      <c r="DL126" s="881" t="s">
        <v>465</v>
      </c>
      <c r="DM126" s="881"/>
      <c r="DN126" s="881"/>
      <c r="DO126" s="881"/>
      <c r="DP126" s="881"/>
      <c r="DQ126" s="881" t="s">
        <v>465</v>
      </c>
      <c r="DR126" s="881"/>
      <c r="DS126" s="881"/>
      <c r="DT126" s="881"/>
      <c r="DU126" s="881"/>
      <c r="DV126" s="858" t="s">
        <v>400</v>
      </c>
      <c r="DW126" s="858"/>
      <c r="DX126" s="858"/>
      <c r="DY126" s="858"/>
      <c r="DZ126" s="859"/>
    </row>
    <row r="127" spans="1:130" s="233" customFormat="1" ht="26.25" customHeight="1" x14ac:dyDescent="0.2">
      <c r="A127" s="886"/>
      <c r="B127" s="887"/>
      <c r="C127" s="902" t="s">
        <v>500</v>
      </c>
      <c r="D127" s="903"/>
      <c r="E127" s="903"/>
      <c r="F127" s="903"/>
      <c r="G127" s="903"/>
      <c r="H127" s="903"/>
      <c r="I127" s="903"/>
      <c r="J127" s="903"/>
      <c r="K127" s="903"/>
      <c r="L127" s="903"/>
      <c r="M127" s="903"/>
      <c r="N127" s="903"/>
      <c r="O127" s="903"/>
      <c r="P127" s="903"/>
      <c r="Q127" s="903"/>
      <c r="R127" s="903"/>
      <c r="S127" s="903"/>
      <c r="T127" s="903"/>
      <c r="U127" s="903"/>
      <c r="V127" s="903"/>
      <c r="W127" s="903"/>
      <c r="X127" s="903"/>
      <c r="Y127" s="903"/>
      <c r="Z127" s="904"/>
      <c r="AA127" s="843" t="s">
        <v>400</v>
      </c>
      <c r="AB127" s="844"/>
      <c r="AC127" s="844"/>
      <c r="AD127" s="844"/>
      <c r="AE127" s="845"/>
      <c r="AF127" s="846" t="s">
        <v>465</v>
      </c>
      <c r="AG127" s="844"/>
      <c r="AH127" s="844"/>
      <c r="AI127" s="844"/>
      <c r="AJ127" s="845"/>
      <c r="AK127" s="846" t="s">
        <v>465</v>
      </c>
      <c r="AL127" s="844"/>
      <c r="AM127" s="844"/>
      <c r="AN127" s="844"/>
      <c r="AO127" s="845"/>
      <c r="AP127" s="888" t="s">
        <v>400</v>
      </c>
      <c r="AQ127" s="889"/>
      <c r="AR127" s="889"/>
      <c r="AS127" s="889"/>
      <c r="AT127" s="890"/>
      <c r="AU127" s="235"/>
      <c r="AV127" s="235"/>
      <c r="AW127" s="235"/>
      <c r="AX127" s="905" t="s">
        <v>501</v>
      </c>
      <c r="AY127" s="876"/>
      <c r="AZ127" s="876"/>
      <c r="BA127" s="876"/>
      <c r="BB127" s="876"/>
      <c r="BC127" s="876"/>
      <c r="BD127" s="876"/>
      <c r="BE127" s="877"/>
      <c r="BF127" s="875" t="s">
        <v>502</v>
      </c>
      <c r="BG127" s="876"/>
      <c r="BH127" s="876"/>
      <c r="BI127" s="876"/>
      <c r="BJ127" s="876"/>
      <c r="BK127" s="876"/>
      <c r="BL127" s="877"/>
      <c r="BM127" s="875" t="s">
        <v>503</v>
      </c>
      <c r="BN127" s="876"/>
      <c r="BO127" s="876"/>
      <c r="BP127" s="876"/>
      <c r="BQ127" s="876"/>
      <c r="BR127" s="876"/>
      <c r="BS127" s="877"/>
      <c r="BT127" s="875" t="s">
        <v>504</v>
      </c>
      <c r="BU127" s="876"/>
      <c r="BV127" s="876"/>
      <c r="BW127" s="876"/>
      <c r="BX127" s="876"/>
      <c r="BY127" s="876"/>
      <c r="BZ127" s="878"/>
      <c r="CA127" s="235"/>
      <c r="CB127" s="235"/>
      <c r="CC127" s="235"/>
      <c r="CD127" s="258"/>
      <c r="CE127" s="258"/>
      <c r="CF127" s="258"/>
      <c r="CG127" s="235"/>
      <c r="CH127" s="235"/>
      <c r="CI127" s="235"/>
      <c r="CJ127" s="257"/>
      <c r="CK127" s="918"/>
      <c r="CL127" s="919"/>
      <c r="CM127" s="919"/>
      <c r="CN127" s="919"/>
      <c r="CO127" s="920"/>
      <c r="CP127" s="879" t="s">
        <v>505</v>
      </c>
      <c r="CQ127" s="816"/>
      <c r="CR127" s="816"/>
      <c r="CS127" s="816"/>
      <c r="CT127" s="816"/>
      <c r="CU127" s="816"/>
      <c r="CV127" s="816"/>
      <c r="CW127" s="816"/>
      <c r="CX127" s="816"/>
      <c r="CY127" s="816"/>
      <c r="CZ127" s="816"/>
      <c r="DA127" s="816"/>
      <c r="DB127" s="816"/>
      <c r="DC127" s="816"/>
      <c r="DD127" s="816"/>
      <c r="DE127" s="816"/>
      <c r="DF127" s="817"/>
      <c r="DG127" s="880" t="s">
        <v>465</v>
      </c>
      <c r="DH127" s="881"/>
      <c r="DI127" s="881"/>
      <c r="DJ127" s="881"/>
      <c r="DK127" s="881"/>
      <c r="DL127" s="881" t="s">
        <v>400</v>
      </c>
      <c r="DM127" s="881"/>
      <c r="DN127" s="881"/>
      <c r="DO127" s="881"/>
      <c r="DP127" s="881"/>
      <c r="DQ127" s="881" t="s">
        <v>400</v>
      </c>
      <c r="DR127" s="881"/>
      <c r="DS127" s="881"/>
      <c r="DT127" s="881"/>
      <c r="DU127" s="881"/>
      <c r="DV127" s="858" t="s">
        <v>400</v>
      </c>
      <c r="DW127" s="858"/>
      <c r="DX127" s="858"/>
      <c r="DY127" s="858"/>
      <c r="DZ127" s="859"/>
    </row>
    <row r="128" spans="1:130" s="233" customFormat="1" ht="26.25" customHeight="1" thickBot="1" x14ac:dyDescent="0.25">
      <c r="A128" s="860" t="s">
        <v>506</v>
      </c>
      <c r="B128" s="861"/>
      <c r="C128" s="861"/>
      <c r="D128" s="861"/>
      <c r="E128" s="861"/>
      <c r="F128" s="861"/>
      <c r="G128" s="861"/>
      <c r="H128" s="861"/>
      <c r="I128" s="861"/>
      <c r="J128" s="861"/>
      <c r="K128" s="861"/>
      <c r="L128" s="861"/>
      <c r="M128" s="861"/>
      <c r="N128" s="861"/>
      <c r="O128" s="861"/>
      <c r="P128" s="861"/>
      <c r="Q128" s="861"/>
      <c r="R128" s="861"/>
      <c r="S128" s="861"/>
      <c r="T128" s="861"/>
      <c r="U128" s="861"/>
      <c r="V128" s="861"/>
      <c r="W128" s="862" t="s">
        <v>507</v>
      </c>
      <c r="X128" s="862"/>
      <c r="Y128" s="862"/>
      <c r="Z128" s="863"/>
      <c r="AA128" s="864">
        <v>69123807</v>
      </c>
      <c r="AB128" s="865"/>
      <c r="AC128" s="865"/>
      <c r="AD128" s="865"/>
      <c r="AE128" s="866"/>
      <c r="AF128" s="867">
        <v>61815390</v>
      </c>
      <c r="AG128" s="865"/>
      <c r="AH128" s="865"/>
      <c r="AI128" s="865"/>
      <c r="AJ128" s="866"/>
      <c r="AK128" s="867">
        <v>51424709</v>
      </c>
      <c r="AL128" s="865"/>
      <c r="AM128" s="865"/>
      <c r="AN128" s="865"/>
      <c r="AO128" s="866"/>
      <c r="AP128" s="868"/>
      <c r="AQ128" s="869"/>
      <c r="AR128" s="869"/>
      <c r="AS128" s="869"/>
      <c r="AT128" s="870"/>
      <c r="AU128" s="235"/>
      <c r="AV128" s="235"/>
      <c r="AW128" s="235"/>
      <c r="AX128" s="871" t="s">
        <v>508</v>
      </c>
      <c r="AY128" s="872"/>
      <c r="AZ128" s="872"/>
      <c r="BA128" s="872"/>
      <c r="BB128" s="872"/>
      <c r="BC128" s="872"/>
      <c r="BD128" s="872"/>
      <c r="BE128" s="873"/>
      <c r="BF128" s="850" t="s">
        <v>400</v>
      </c>
      <c r="BG128" s="851"/>
      <c r="BH128" s="851"/>
      <c r="BI128" s="851"/>
      <c r="BJ128" s="851"/>
      <c r="BK128" s="851"/>
      <c r="BL128" s="874"/>
      <c r="BM128" s="850">
        <v>11.25</v>
      </c>
      <c r="BN128" s="851"/>
      <c r="BO128" s="851"/>
      <c r="BP128" s="851"/>
      <c r="BQ128" s="851"/>
      <c r="BR128" s="851"/>
      <c r="BS128" s="874"/>
      <c r="BT128" s="850">
        <v>20</v>
      </c>
      <c r="BU128" s="851"/>
      <c r="BV128" s="851"/>
      <c r="BW128" s="851"/>
      <c r="BX128" s="851"/>
      <c r="BY128" s="851"/>
      <c r="BZ128" s="852"/>
      <c r="CA128" s="258"/>
      <c r="CB128" s="258"/>
      <c r="CC128" s="258"/>
      <c r="CD128" s="258"/>
      <c r="CE128" s="258"/>
      <c r="CF128" s="258"/>
      <c r="CG128" s="235"/>
      <c r="CH128" s="235"/>
      <c r="CI128" s="235"/>
      <c r="CJ128" s="257"/>
      <c r="CK128" s="921"/>
      <c r="CL128" s="922"/>
      <c r="CM128" s="922"/>
      <c r="CN128" s="922"/>
      <c r="CO128" s="923"/>
      <c r="CP128" s="853" t="s">
        <v>509</v>
      </c>
      <c r="CQ128" s="794"/>
      <c r="CR128" s="794"/>
      <c r="CS128" s="794"/>
      <c r="CT128" s="794"/>
      <c r="CU128" s="794"/>
      <c r="CV128" s="794"/>
      <c r="CW128" s="794"/>
      <c r="CX128" s="794"/>
      <c r="CY128" s="794"/>
      <c r="CZ128" s="794"/>
      <c r="DA128" s="794"/>
      <c r="DB128" s="794"/>
      <c r="DC128" s="794"/>
      <c r="DD128" s="794"/>
      <c r="DE128" s="794"/>
      <c r="DF128" s="795"/>
      <c r="DG128" s="854">
        <v>38574096</v>
      </c>
      <c r="DH128" s="855"/>
      <c r="DI128" s="855"/>
      <c r="DJ128" s="855"/>
      <c r="DK128" s="855"/>
      <c r="DL128" s="855">
        <v>39544193</v>
      </c>
      <c r="DM128" s="855"/>
      <c r="DN128" s="855"/>
      <c r="DO128" s="855"/>
      <c r="DP128" s="855"/>
      <c r="DQ128" s="855">
        <v>10655056</v>
      </c>
      <c r="DR128" s="855"/>
      <c r="DS128" s="855"/>
      <c r="DT128" s="855"/>
      <c r="DU128" s="855"/>
      <c r="DV128" s="856">
        <v>1.2</v>
      </c>
      <c r="DW128" s="856"/>
      <c r="DX128" s="856"/>
      <c r="DY128" s="856"/>
      <c r="DZ128" s="857"/>
    </row>
    <row r="129" spans="1:131" s="233" customFormat="1" ht="26.25" customHeight="1" x14ac:dyDescent="0.2">
      <c r="A129" s="838" t="s">
        <v>108</v>
      </c>
      <c r="B129" s="839"/>
      <c r="C129" s="839"/>
      <c r="D129" s="839"/>
      <c r="E129" s="839"/>
      <c r="F129" s="839"/>
      <c r="G129" s="839"/>
      <c r="H129" s="839"/>
      <c r="I129" s="839"/>
      <c r="J129" s="839"/>
      <c r="K129" s="839"/>
      <c r="L129" s="839"/>
      <c r="M129" s="839"/>
      <c r="N129" s="839"/>
      <c r="O129" s="839"/>
      <c r="P129" s="839"/>
      <c r="Q129" s="839"/>
      <c r="R129" s="839"/>
      <c r="S129" s="839"/>
      <c r="T129" s="839"/>
      <c r="U129" s="839"/>
      <c r="V129" s="839"/>
      <c r="W129" s="840" t="s">
        <v>510</v>
      </c>
      <c r="X129" s="841"/>
      <c r="Y129" s="841"/>
      <c r="Z129" s="842"/>
      <c r="AA129" s="843">
        <v>944806570</v>
      </c>
      <c r="AB129" s="844"/>
      <c r="AC129" s="844"/>
      <c r="AD129" s="844"/>
      <c r="AE129" s="845"/>
      <c r="AF129" s="846">
        <v>957786462</v>
      </c>
      <c r="AG129" s="844"/>
      <c r="AH129" s="844"/>
      <c r="AI129" s="844"/>
      <c r="AJ129" s="845"/>
      <c r="AK129" s="846">
        <v>999814703</v>
      </c>
      <c r="AL129" s="844"/>
      <c r="AM129" s="844"/>
      <c r="AN129" s="844"/>
      <c r="AO129" s="845"/>
      <c r="AP129" s="847"/>
      <c r="AQ129" s="848"/>
      <c r="AR129" s="848"/>
      <c r="AS129" s="848"/>
      <c r="AT129" s="849"/>
      <c r="AU129" s="236"/>
      <c r="AV129" s="236"/>
      <c r="AW129" s="236"/>
      <c r="AX129" s="815" t="s">
        <v>511</v>
      </c>
      <c r="AY129" s="816"/>
      <c r="AZ129" s="816"/>
      <c r="BA129" s="816"/>
      <c r="BB129" s="816"/>
      <c r="BC129" s="816"/>
      <c r="BD129" s="816"/>
      <c r="BE129" s="817"/>
      <c r="BF129" s="834" t="s">
        <v>129</v>
      </c>
      <c r="BG129" s="835"/>
      <c r="BH129" s="835"/>
      <c r="BI129" s="835"/>
      <c r="BJ129" s="835"/>
      <c r="BK129" s="835"/>
      <c r="BL129" s="836"/>
      <c r="BM129" s="834">
        <v>16.25</v>
      </c>
      <c r="BN129" s="835"/>
      <c r="BO129" s="835"/>
      <c r="BP129" s="835"/>
      <c r="BQ129" s="835"/>
      <c r="BR129" s="835"/>
      <c r="BS129" s="836"/>
      <c r="BT129" s="834">
        <v>30</v>
      </c>
      <c r="BU129" s="835"/>
      <c r="BV129" s="835"/>
      <c r="BW129" s="835"/>
      <c r="BX129" s="835"/>
      <c r="BY129" s="835"/>
      <c r="BZ129" s="837"/>
      <c r="CA129" s="259"/>
      <c r="CB129" s="259"/>
      <c r="CC129" s="259"/>
      <c r="CD129" s="259"/>
      <c r="CE129" s="259"/>
      <c r="CF129" s="259"/>
      <c r="CG129" s="259"/>
      <c r="CH129" s="259"/>
      <c r="CI129" s="259"/>
      <c r="CJ129" s="259"/>
      <c r="CK129" s="259"/>
      <c r="CL129" s="259"/>
      <c r="CM129" s="259"/>
      <c r="CN129" s="259"/>
      <c r="CO129" s="259"/>
      <c r="CP129" s="259"/>
      <c r="CQ129" s="259"/>
      <c r="CR129" s="259"/>
      <c r="CS129" s="259"/>
      <c r="CT129" s="259"/>
      <c r="CU129" s="259"/>
      <c r="CV129" s="259"/>
      <c r="CW129" s="259"/>
      <c r="CX129" s="259"/>
      <c r="CY129" s="259"/>
      <c r="CZ129" s="259"/>
      <c r="DA129" s="259"/>
      <c r="DB129" s="259"/>
      <c r="DC129" s="259"/>
      <c r="DD129" s="259"/>
      <c r="DE129" s="259"/>
      <c r="DF129" s="259"/>
      <c r="DG129" s="259"/>
      <c r="DH129" s="259"/>
      <c r="DI129" s="259"/>
      <c r="DJ129" s="259"/>
      <c r="DK129" s="259"/>
      <c r="DL129" s="259"/>
      <c r="DM129" s="259"/>
      <c r="DN129" s="259"/>
      <c r="DO129" s="259"/>
      <c r="DP129" s="236"/>
      <c r="DQ129" s="236"/>
      <c r="DR129" s="236"/>
      <c r="DS129" s="236"/>
      <c r="DT129" s="236"/>
      <c r="DU129" s="236"/>
      <c r="DV129" s="236"/>
      <c r="DW129" s="236"/>
      <c r="DX129" s="236"/>
      <c r="DY129" s="236"/>
      <c r="DZ129" s="236"/>
    </row>
    <row r="130" spans="1:131" s="233" customFormat="1" ht="26.25" customHeight="1" x14ac:dyDescent="0.2">
      <c r="A130" s="838" t="s">
        <v>512</v>
      </c>
      <c r="B130" s="839"/>
      <c r="C130" s="839"/>
      <c r="D130" s="839"/>
      <c r="E130" s="839"/>
      <c r="F130" s="839"/>
      <c r="G130" s="839"/>
      <c r="H130" s="839"/>
      <c r="I130" s="839"/>
      <c r="J130" s="839"/>
      <c r="K130" s="839"/>
      <c r="L130" s="839"/>
      <c r="M130" s="839"/>
      <c r="N130" s="839"/>
      <c r="O130" s="839"/>
      <c r="P130" s="839"/>
      <c r="Q130" s="839"/>
      <c r="R130" s="839"/>
      <c r="S130" s="839"/>
      <c r="T130" s="839"/>
      <c r="U130" s="839"/>
      <c r="V130" s="839"/>
      <c r="W130" s="840" t="s">
        <v>513</v>
      </c>
      <c r="X130" s="841"/>
      <c r="Y130" s="841"/>
      <c r="Z130" s="842"/>
      <c r="AA130" s="843">
        <v>106730891</v>
      </c>
      <c r="AB130" s="844"/>
      <c r="AC130" s="844"/>
      <c r="AD130" s="844"/>
      <c r="AE130" s="845"/>
      <c r="AF130" s="846">
        <v>104869365</v>
      </c>
      <c r="AG130" s="844"/>
      <c r="AH130" s="844"/>
      <c r="AI130" s="844"/>
      <c r="AJ130" s="845"/>
      <c r="AK130" s="846">
        <v>104749580</v>
      </c>
      <c r="AL130" s="844"/>
      <c r="AM130" s="844"/>
      <c r="AN130" s="844"/>
      <c r="AO130" s="845"/>
      <c r="AP130" s="847"/>
      <c r="AQ130" s="848"/>
      <c r="AR130" s="848"/>
      <c r="AS130" s="848"/>
      <c r="AT130" s="849"/>
      <c r="AU130" s="236"/>
      <c r="AV130" s="236"/>
      <c r="AW130" s="236"/>
      <c r="AX130" s="815" t="s">
        <v>514</v>
      </c>
      <c r="AY130" s="816"/>
      <c r="AZ130" s="816"/>
      <c r="BA130" s="816"/>
      <c r="BB130" s="816"/>
      <c r="BC130" s="816"/>
      <c r="BD130" s="816"/>
      <c r="BE130" s="817"/>
      <c r="BF130" s="818">
        <v>10.6</v>
      </c>
      <c r="BG130" s="819"/>
      <c r="BH130" s="819"/>
      <c r="BI130" s="819"/>
      <c r="BJ130" s="819"/>
      <c r="BK130" s="819"/>
      <c r="BL130" s="820"/>
      <c r="BM130" s="818">
        <v>25</v>
      </c>
      <c r="BN130" s="819"/>
      <c r="BO130" s="819"/>
      <c r="BP130" s="819"/>
      <c r="BQ130" s="819"/>
      <c r="BR130" s="819"/>
      <c r="BS130" s="820"/>
      <c r="BT130" s="818">
        <v>35</v>
      </c>
      <c r="BU130" s="819"/>
      <c r="BV130" s="819"/>
      <c r="BW130" s="819"/>
      <c r="BX130" s="819"/>
      <c r="BY130" s="819"/>
      <c r="BZ130" s="821"/>
      <c r="CA130" s="259"/>
      <c r="CB130" s="259"/>
      <c r="CC130" s="259"/>
      <c r="CD130" s="259"/>
      <c r="CE130" s="259"/>
      <c r="CF130" s="259"/>
      <c r="CG130" s="259"/>
      <c r="CH130" s="259"/>
      <c r="CI130" s="259"/>
      <c r="CJ130" s="259"/>
      <c r="CK130" s="259"/>
      <c r="CL130" s="259"/>
      <c r="CM130" s="259"/>
      <c r="CN130" s="259"/>
      <c r="CO130" s="259"/>
      <c r="CP130" s="259"/>
      <c r="CQ130" s="259"/>
      <c r="CR130" s="259"/>
      <c r="CS130" s="259"/>
      <c r="CT130" s="259"/>
      <c r="CU130" s="259"/>
      <c r="CV130" s="259"/>
      <c r="CW130" s="259"/>
      <c r="CX130" s="259"/>
      <c r="CY130" s="259"/>
      <c r="CZ130" s="259"/>
      <c r="DA130" s="259"/>
      <c r="DB130" s="259"/>
      <c r="DC130" s="259"/>
      <c r="DD130" s="259"/>
      <c r="DE130" s="259"/>
      <c r="DF130" s="259"/>
      <c r="DG130" s="259"/>
      <c r="DH130" s="259"/>
      <c r="DI130" s="259"/>
      <c r="DJ130" s="259"/>
      <c r="DK130" s="259"/>
      <c r="DL130" s="259"/>
      <c r="DM130" s="259"/>
      <c r="DN130" s="259"/>
      <c r="DO130" s="259"/>
      <c r="DP130" s="236"/>
      <c r="DQ130" s="236"/>
      <c r="DR130" s="236"/>
      <c r="DS130" s="236"/>
      <c r="DT130" s="236"/>
      <c r="DU130" s="236"/>
      <c r="DV130" s="236"/>
      <c r="DW130" s="236"/>
      <c r="DX130" s="236"/>
      <c r="DY130" s="236"/>
      <c r="DZ130" s="236"/>
    </row>
    <row r="131" spans="1:131" s="233" customFormat="1" ht="26.25" customHeight="1" thickBot="1" x14ac:dyDescent="0.25">
      <c r="A131" s="822"/>
      <c r="B131" s="823"/>
      <c r="C131" s="823"/>
      <c r="D131" s="823"/>
      <c r="E131" s="823"/>
      <c r="F131" s="823"/>
      <c r="G131" s="823"/>
      <c r="H131" s="823"/>
      <c r="I131" s="823"/>
      <c r="J131" s="823"/>
      <c r="K131" s="823"/>
      <c r="L131" s="823"/>
      <c r="M131" s="823"/>
      <c r="N131" s="823"/>
      <c r="O131" s="823"/>
      <c r="P131" s="823"/>
      <c r="Q131" s="823"/>
      <c r="R131" s="823"/>
      <c r="S131" s="823"/>
      <c r="T131" s="823"/>
      <c r="U131" s="823"/>
      <c r="V131" s="823"/>
      <c r="W131" s="824" t="s">
        <v>515</v>
      </c>
      <c r="X131" s="825"/>
      <c r="Y131" s="825"/>
      <c r="Z131" s="826"/>
      <c r="AA131" s="827">
        <v>838075679</v>
      </c>
      <c r="AB131" s="828"/>
      <c r="AC131" s="828"/>
      <c r="AD131" s="828"/>
      <c r="AE131" s="829"/>
      <c r="AF131" s="830">
        <v>852917097</v>
      </c>
      <c r="AG131" s="828"/>
      <c r="AH131" s="828"/>
      <c r="AI131" s="828"/>
      <c r="AJ131" s="829"/>
      <c r="AK131" s="830">
        <v>895065123</v>
      </c>
      <c r="AL131" s="828"/>
      <c r="AM131" s="828"/>
      <c r="AN131" s="828"/>
      <c r="AO131" s="829"/>
      <c r="AP131" s="831"/>
      <c r="AQ131" s="832"/>
      <c r="AR131" s="832"/>
      <c r="AS131" s="832"/>
      <c r="AT131" s="833"/>
      <c r="AU131" s="236"/>
      <c r="AV131" s="236"/>
      <c r="AW131" s="236"/>
      <c r="AX131" s="793" t="s">
        <v>516</v>
      </c>
      <c r="AY131" s="794"/>
      <c r="AZ131" s="794"/>
      <c r="BA131" s="794"/>
      <c r="BB131" s="794"/>
      <c r="BC131" s="794"/>
      <c r="BD131" s="794"/>
      <c r="BE131" s="795"/>
      <c r="BF131" s="796">
        <v>129.9</v>
      </c>
      <c r="BG131" s="797"/>
      <c r="BH131" s="797"/>
      <c r="BI131" s="797"/>
      <c r="BJ131" s="797"/>
      <c r="BK131" s="797"/>
      <c r="BL131" s="798"/>
      <c r="BM131" s="796">
        <v>400</v>
      </c>
      <c r="BN131" s="797"/>
      <c r="BO131" s="797"/>
      <c r="BP131" s="797"/>
      <c r="BQ131" s="797"/>
      <c r="BR131" s="797"/>
      <c r="BS131" s="798"/>
      <c r="BT131" s="799"/>
      <c r="BU131" s="800"/>
      <c r="BV131" s="800"/>
      <c r="BW131" s="800"/>
      <c r="BX131" s="800"/>
      <c r="BY131" s="800"/>
      <c r="BZ131" s="801"/>
      <c r="CA131" s="259"/>
      <c r="CB131" s="259"/>
      <c r="CC131" s="259"/>
      <c r="CD131" s="259"/>
      <c r="CE131" s="259"/>
      <c r="CF131" s="259"/>
      <c r="CG131" s="259"/>
      <c r="CH131" s="259"/>
      <c r="CI131" s="259"/>
      <c r="CJ131" s="259"/>
      <c r="CK131" s="259"/>
      <c r="CL131" s="259"/>
      <c r="CM131" s="259"/>
      <c r="CN131" s="259"/>
      <c r="CO131" s="259"/>
      <c r="CP131" s="259"/>
      <c r="CQ131" s="259"/>
      <c r="CR131" s="259"/>
      <c r="CS131" s="259"/>
      <c r="CT131" s="259"/>
      <c r="CU131" s="259"/>
      <c r="CV131" s="259"/>
      <c r="CW131" s="259"/>
      <c r="CX131" s="259"/>
      <c r="CY131" s="259"/>
      <c r="CZ131" s="259"/>
      <c r="DA131" s="259"/>
      <c r="DB131" s="259"/>
      <c r="DC131" s="259"/>
      <c r="DD131" s="259"/>
      <c r="DE131" s="259"/>
      <c r="DF131" s="259"/>
      <c r="DG131" s="259"/>
      <c r="DH131" s="259"/>
      <c r="DI131" s="259"/>
      <c r="DJ131" s="259"/>
      <c r="DK131" s="259"/>
      <c r="DL131" s="259"/>
      <c r="DM131" s="259"/>
      <c r="DN131" s="259"/>
      <c r="DO131" s="259"/>
      <c r="DP131" s="236"/>
      <c r="DQ131" s="236"/>
      <c r="DR131" s="236"/>
      <c r="DS131" s="236"/>
      <c r="DT131" s="236"/>
      <c r="DU131" s="236"/>
      <c r="DV131" s="236"/>
      <c r="DW131" s="236"/>
      <c r="DX131" s="236"/>
      <c r="DY131" s="236"/>
      <c r="DZ131" s="236"/>
    </row>
    <row r="132" spans="1:131" s="233" customFormat="1" ht="26.25" customHeight="1" x14ac:dyDescent="0.2">
      <c r="A132" s="802" t="s">
        <v>517</v>
      </c>
      <c r="B132" s="803"/>
      <c r="C132" s="803"/>
      <c r="D132" s="803"/>
      <c r="E132" s="803"/>
      <c r="F132" s="803"/>
      <c r="G132" s="803"/>
      <c r="H132" s="803"/>
      <c r="I132" s="803"/>
      <c r="J132" s="803"/>
      <c r="K132" s="803"/>
      <c r="L132" s="803"/>
      <c r="M132" s="803"/>
      <c r="N132" s="803"/>
      <c r="O132" s="803"/>
      <c r="P132" s="803"/>
      <c r="Q132" s="803"/>
      <c r="R132" s="803"/>
      <c r="S132" s="803"/>
      <c r="T132" s="803"/>
      <c r="U132" s="803"/>
      <c r="V132" s="806" t="s">
        <v>518</v>
      </c>
      <c r="W132" s="806"/>
      <c r="X132" s="806"/>
      <c r="Y132" s="806"/>
      <c r="Z132" s="807"/>
      <c r="AA132" s="808">
        <v>11.201318110000001</v>
      </c>
      <c r="AB132" s="809"/>
      <c r="AC132" s="809"/>
      <c r="AD132" s="809"/>
      <c r="AE132" s="810"/>
      <c r="AF132" s="811">
        <v>10.806974110000001</v>
      </c>
      <c r="AG132" s="809"/>
      <c r="AH132" s="809"/>
      <c r="AI132" s="809"/>
      <c r="AJ132" s="810"/>
      <c r="AK132" s="811">
        <v>10.04186728</v>
      </c>
      <c r="AL132" s="809"/>
      <c r="AM132" s="809"/>
      <c r="AN132" s="809"/>
      <c r="AO132" s="810"/>
      <c r="AP132" s="812"/>
      <c r="AQ132" s="813"/>
      <c r="AR132" s="813"/>
      <c r="AS132" s="813"/>
      <c r="AT132" s="814"/>
      <c r="AU132" s="260"/>
      <c r="AV132" s="236"/>
      <c r="AW132" s="236"/>
      <c r="AX132" s="236"/>
      <c r="AY132" s="236"/>
      <c r="AZ132" s="236"/>
      <c r="BA132" s="236"/>
      <c r="BB132" s="236"/>
      <c r="BC132" s="236"/>
      <c r="BD132" s="236"/>
      <c r="BE132" s="236"/>
      <c r="BF132" s="236"/>
      <c r="BG132" s="236"/>
      <c r="BH132" s="236"/>
      <c r="BI132" s="236"/>
      <c r="BJ132" s="236"/>
      <c r="BK132" s="236"/>
      <c r="BL132" s="236"/>
      <c r="BM132" s="236"/>
      <c r="BN132" s="236"/>
      <c r="BO132" s="236"/>
      <c r="BP132" s="236"/>
      <c r="BQ132" s="236"/>
      <c r="BR132" s="236"/>
      <c r="BS132" s="237"/>
      <c r="BT132" s="236"/>
      <c r="BU132" s="236"/>
      <c r="BV132" s="236"/>
      <c r="BW132" s="236"/>
      <c r="BX132" s="236"/>
      <c r="BY132" s="236"/>
      <c r="BZ132" s="236"/>
      <c r="CA132" s="259"/>
      <c r="CB132" s="259"/>
      <c r="CC132" s="259"/>
      <c r="CD132" s="259"/>
      <c r="CE132" s="259"/>
      <c r="CF132" s="259"/>
      <c r="CG132" s="259"/>
      <c r="CH132" s="259"/>
      <c r="CI132" s="259"/>
      <c r="CJ132" s="259"/>
      <c r="CK132" s="259"/>
      <c r="CL132" s="259"/>
      <c r="CM132" s="259"/>
      <c r="CN132" s="259"/>
      <c r="CO132" s="259"/>
      <c r="CP132" s="259"/>
      <c r="CQ132" s="259"/>
      <c r="CR132" s="259"/>
      <c r="CS132" s="259"/>
      <c r="CT132" s="259"/>
      <c r="CU132" s="259"/>
      <c r="CV132" s="259"/>
      <c r="CW132" s="259"/>
      <c r="CX132" s="259"/>
      <c r="CY132" s="259"/>
      <c r="CZ132" s="259"/>
      <c r="DA132" s="259"/>
      <c r="DB132" s="259"/>
      <c r="DC132" s="259"/>
      <c r="DD132" s="259"/>
      <c r="DE132" s="259"/>
      <c r="DF132" s="259"/>
      <c r="DG132" s="259"/>
      <c r="DH132" s="259"/>
      <c r="DI132" s="259"/>
      <c r="DJ132" s="259"/>
      <c r="DK132" s="259"/>
      <c r="DL132" s="259"/>
      <c r="DM132" s="259"/>
      <c r="DN132" s="259"/>
      <c r="DO132" s="259"/>
      <c r="DP132" s="236"/>
      <c r="DQ132" s="236"/>
      <c r="DR132" s="236"/>
      <c r="DS132" s="236"/>
      <c r="DT132" s="236"/>
      <c r="DU132" s="236"/>
      <c r="DV132" s="236"/>
      <c r="DW132" s="236"/>
      <c r="DX132" s="236"/>
      <c r="DY132" s="236"/>
      <c r="DZ132" s="236"/>
    </row>
    <row r="133" spans="1:131" s="233" customFormat="1" ht="26.25" customHeight="1" thickBot="1" x14ac:dyDescent="0.25">
      <c r="A133" s="804"/>
      <c r="B133" s="805"/>
      <c r="C133" s="805"/>
      <c r="D133" s="805"/>
      <c r="E133" s="805"/>
      <c r="F133" s="805"/>
      <c r="G133" s="805"/>
      <c r="H133" s="805"/>
      <c r="I133" s="805"/>
      <c r="J133" s="805"/>
      <c r="K133" s="805"/>
      <c r="L133" s="805"/>
      <c r="M133" s="805"/>
      <c r="N133" s="805"/>
      <c r="O133" s="805"/>
      <c r="P133" s="805"/>
      <c r="Q133" s="805"/>
      <c r="R133" s="805"/>
      <c r="S133" s="805"/>
      <c r="T133" s="805"/>
      <c r="U133" s="805"/>
      <c r="V133" s="785" t="s">
        <v>519</v>
      </c>
      <c r="W133" s="785"/>
      <c r="X133" s="785"/>
      <c r="Y133" s="785"/>
      <c r="Z133" s="786"/>
      <c r="AA133" s="787">
        <v>10.199999999999999</v>
      </c>
      <c r="AB133" s="788"/>
      <c r="AC133" s="788"/>
      <c r="AD133" s="788"/>
      <c r="AE133" s="789"/>
      <c r="AF133" s="787">
        <v>10.5</v>
      </c>
      <c r="AG133" s="788"/>
      <c r="AH133" s="788"/>
      <c r="AI133" s="788"/>
      <c r="AJ133" s="789"/>
      <c r="AK133" s="787">
        <v>10.6</v>
      </c>
      <c r="AL133" s="788"/>
      <c r="AM133" s="788"/>
      <c r="AN133" s="788"/>
      <c r="AO133" s="789"/>
      <c r="AP133" s="790"/>
      <c r="AQ133" s="791"/>
      <c r="AR133" s="791"/>
      <c r="AS133" s="791"/>
      <c r="AT133" s="792"/>
      <c r="AU133" s="236"/>
      <c r="AV133" s="236"/>
      <c r="AW133" s="236"/>
      <c r="AX133" s="236"/>
      <c r="AY133" s="236"/>
      <c r="AZ133" s="236"/>
      <c r="BA133" s="236"/>
      <c r="BB133" s="236"/>
      <c r="BC133" s="236"/>
      <c r="BD133" s="236"/>
      <c r="BE133" s="236"/>
      <c r="BF133" s="236"/>
      <c r="BG133" s="236"/>
      <c r="BH133" s="236"/>
      <c r="BI133" s="236"/>
      <c r="BJ133" s="236"/>
      <c r="BK133" s="236"/>
      <c r="BL133" s="236"/>
      <c r="BM133" s="236"/>
      <c r="BN133" s="259"/>
      <c r="BO133" s="259"/>
      <c r="BP133" s="259"/>
      <c r="BQ133" s="259"/>
      <c r="BR133" s="259"/>
      <c r="BS133" s="259"/>
      <c r="BT133" s="259"/>
      <c r="BU133" s="259"/>
      <c r="BV133" s="259"/>
      <c r="BW133" s="259"/>
      <c r="BX133" s="259"/>
      <c r="BY133" s="259"/>
      <c r="BZ133" s="259"/>
      <c r="CA133" s="259"/>
      <c r="CB133" s="259"/>
      <c r="CC133" s="259"/>
      <c r="CD133" s="259"/>
      <c r="CE133" s="259"/>
      <c r="CF133" s="259"/>
      <c r="CG133" s="259"/>
      <c r="CH133" s="259"/>
      <c r="CI133" s="259"/>
      <c r="CJ133" s="259"/>
      <c r="CK133" s="259"/>
      <c r="CL133" s="259"/>
      <c r="CM133" s="259"/>
      <c r="CN133" s="259"/>
      <c r="CO133" s="259"/>
      <c r="CP133" s="259"/>
      <c r="CQ133" s="259"/>
      <c r="CR133" s="259"/>
      <c r="CS133" s="259"/>
      <c r="CT133" s="259"/>
      <c r="CU133" s="259"/>
      <c r="CV133" s="259"/>
      <c r="CW133" s="259"/>
      <c r="CX133" s="259"/>
      <c r="CY133" s="259"/>
      <c r="CZ133" s="259"/>
      <c r="DA133" s="259"/>
      <c r="DB133" s="259"/>
      <c r="DC133" s="259"/>
      <c r="DD133" s="259"/>
      <c r="DE133" s="259"/>
      <c r="DF133" s="259"/>
      <c r="DG133" s="259"/>
      <c r="DH133" s="259"/>
      <c r="DI133" s="259"/>
      <c r="DJ133" s="259"/>
      <c r="DK133" s="259"/>
      <c r="DL133" s="259"/>
      <c r="DM133" s="259"/>
      <c r="DN133" s="259"/>
      <c r="DO133" s="259"/>
      <c r="DP133" s="236"/>
      <c r="DQ133" s="236"/>
      <c r="DR133" s="236"/>
      <c r="DS133" s="236"/>
      <c r="DT133" s="236"/>
      <c r="DU133" s="236"/>
      <c r="DV133" s="236"/>
      <c r="DW133" s="236"/>
      <c r="DX133" s="236"/>
      <c r="DY133" s="236"/>
      <c r="DZ133" s="236"/>
    </row>
    <row r="134" spans="1:131" ht="11.25" customHeight="1" x14ac:dyDescent="0.2">
      <c r="A134" s="261"/>
      <c r="B134" s="261"/>
      <c r="C134" s="261"/>
      <c r="D134" s="261"/>
      <c r="E134" s="261"/>
      <c r="F134" s="261"/>
      <c r="G134" s="261"/>
      <c r="H134" s="261"/>
      <c r="I134" s="261"/>
      <c r="J134" s="261"/>
      <c r="K134" s="261"/>
      <c r="L134" s="261"/>
      <c r="M134" s="261"/>
      <c r="N134" s="261"/>
      <c r="O134" s="261"/>
      <c r="P134" s="261"/>
      <c r="Q134" s="261"/>
      <c r="R134" s="261"/>
      <c r="S134" s="261"/>
      <c r="T134" s="261"/>
      <c r="U134" s="261"/>
      <c r="V134" s="261"/>
      <c r="W134" s="261"/>
      <c r="X134" s="261"/>
      <c r="Y134" s="261"/>
      <c r="Z134" s="261"/>
      <c r="AA134" s="261"/>
      <c r="AB134" s="261"/>
      <c r="AC134" s="261"/>
      <c r="AD134" s="261"/>
      <c r="AE134" s="261"/>
      <c r="AF134" s="261"/>
      <c r="AG134" s="261"/>
      <c r="AH134" s="261"/>
      <c r="AI134" s="261"/>
      <c r="AJ134" s="261"/>
      <c r="AK134" s="261"/>
      <c r="AL134" s="261"/>
      <c r="AM134" s="261"/>
      <c r="AN134" s="261"/>
      <c r="AO134" s="261"/>
      <c r="AP134" s="261"/>
      <c r="AQ134" s="261"/>
      <c r="AR134" s="261"/>
      <c r="AS134" s="261"/>
      <c r="AT134" s="261"/>
      <c r="AU134" s="236"/>
      <c r="AV134" s="236"/>
      <c r="AW134" s="236"/>
      <c r="AX134" s="236"/>
      <c r="AY134" s="236"/>
      <c r="AZ134" s="236"/>
      <c r="BA134" s="236"/>
      <c r="BB134" s="236"/>
      <c r="BC134" s="236"/>
      <c r="BD134" s="236"/>
      <c r="BE134" s="236"/>
      <c r="BF134" s="236"/>
      <c r="BG134" s="236"/>
      <c r="BH134" s="236"/>
      <c r="BI134" s="236"/>
      <c r="BJ134" s="236"/>
      <c r="BK134" s="236"/>
      <c r="BL134" s="236"/>
      <c r="BM134" s="236"/>
      <c r="BN134" s="259"/>
      <c r="BO134" s="259"/>
      <c r="BP134" s="259"/>
      <c r="BQ134" s="259"/>
      <c r="BR134" s="259"/>
      <c r="BS134" s="259"/>
      <c r="BT134" s="259"/>
      <c r="BU134" s="259"/>
      <c r="BV134" s="259"/>
      <c r="BW134" s="259"/>
      <c r="BX134" s="259"/>
      <c r="BY134" s="259"/>
      <c r="BZ134" s="259"/>
      <c r="CA134" s="259"/>
      <c r="CB134" s="259"/>
      <c r="CC134" s="259"/>
      <c r="CD134" s="259"/>
      <c r="CE134" s="259"/>
      <c r="CF134" s="259"/>
      <c r="CG134" s="259"/>
      <c r="CH134" s="259"/>
      <c r="CI134" s="259"/>
      <c r="CJ134" s="259"/>
      <c r="CK134" s="259"/>
      <c r="CL134" s="259"/>
      <c r="CM134" s="259"/>
      <c r="CN134" s="259"/>
      <c r="CO134" s="259"/>
      <c r="CP134" s="259"/>
      <c r="CQ134" s="259"/>
      <c r="CR134" s="259"/>
      <c r="CS134" s="259"/>
      <c r="CT134" s="259"/>
      <c r="CU134" s="259"/>
      <c r="CV134" s="259"/>
      <c r="CW134" s="259"/>
      <c r="CX134" s="259"/>
      <c r="CY134" s="259"/>
      <c r="CZ134" s="259"/>
      <c r="DA134" s="259"/>
      <c r="DB134" s="259"/>
      <c r="DC134" s="259"/>
      <c r="DD134" s="259"/>
      <c r="DE134" s="259"/>
      <c r="DF134" s="259"/>
      <c r="DG134" s="259"/>
      <c r="DH134" s="259"/>
      <c r="DI134" s="259"/>
      <c r="DJ134" s="259"/>
      <c r="DK134" s="259"/>
      <c r="DL134" s="259"/>
      <c r="DM134" s="259"/>
      <c r="DN134" s="259"/>
      <c r="DO134" s="259"/>
      <c r="DP134" s="236"/>
      <c r="DQ134" s="236"/>
      <c r="DR134" s="236"/>
      <c r="DS134" s="236"/>
      <c r="DT134" s="236"/>
      <c r="DU134" s="236"/>
      <c r="DV134" s="236"/>
      <c r="DW134" s="236"/>
      <c r="DX134" s="236"/>
      <c r="DY134" s="236"/>
      <c r="DZ134" s="236"/>
      <c r="EA134" s="233"/>
    </row>
    <row r="135" spans="1:131" ht="14.4" hidden="1" x14ac:dyDescent="0.2">
      <c r="AU135" s="261"/>
      <c r="AV135" s="261"/>
      <c r="AW135" s="261"/>
      <c r="AX135" s="261"/>
      <c r="AY135" s="261"/>
      <c r="AZ135" s="261"/>
      <c r="BA135" s="261"/>
      <c r="BB135" s="261"/>
      <c r="BC135" s="261"/>
      <c r="BD135" s="261"/>
      <c r="BE135" s="261"/>
      <c r="BF135" s="261"/>
      <c r="BG135" s="261"/>
      <c r="BH135" s="261"/>
      <c r="BI135" s="261"/>
      <c r="BJ135" s="261"/>
      <c r="BK135" s="261"/>
      <c r="BL135" s="261"/>
      <c r="BM135" s="261"/>
      <c r="BN135" s="261"/>
      <c r="BO135" s="261"/>
      <c r="BP135" s="261"/>
      <c r="BQ135" s="261"/>
      <c r="BR135" s="261"/>
      <c r="BS135" s="261"/>
      <c r="BT135" s="261"/>
      <c r="BU135" s="261"/>
      <c r="BV135" s="261"/>
      <c r="BW135" s="261"/>
      <c r="BX135" s="261"/>
      <c r="BY135" s="261"/>
      <c r="BZ135" s="261"/>
      <c r="CA135" s="261"/>
      <c r="CB135" s="261"/>
      <c r="CC135" s="261"/>
      <c r="CD135" s="261"/>
      <c r="CE135" s="261"/>
      <c r="CF135" s="261"/>
      <c r="CG135" s="261"/>
      <c r="CH135" s="261"/>
      <c r="CI135" s="261"/>
      <c r="CJ135" s="261"/>
      <c r="CK135" s="261"/>
      <c r="CL135" s="261"/>
      <c r="CM135" s="261"/>
      <c r="CN135" s="261"/>
      <c r="CO135" s="261"/>
      <c r="CP135" s="261"/>
      <c r="CQ135" s="261"/>
      <c r="CR135" s="261"/>
      <c r="CS135" s="261"/>
      <c r="CT135" s="261"/>
      <c r="CU135" s="261"/>
      <c r="CV135" s="261"/>
      <c r="CW135" s="261"/>
      <c r="CX135" s="261"/>
      <c r="CY135" s="261"/>
      <c r="CZ135" s="261"/>
      <c r="DA135" s="261"/>
      <c r="DB135" s="261"/>
      <c r="DC135" s="261"/>
      <c r="DD135" s="261"/>
      <c r="DE135" s="261"/>
      <c r="DF135" s="261"/>
      <c r="DG135" s="261"/>
      <c r="DH135" s="261"/>
      <c r="DI135" s="261"/>
      <c r="DJ135" s="261"/>
      <c r="DK135" s="261"/>
      <c r="DL135" s="261"/>
      <c r="DM135" s="261"/>
      <c r="DN135" s="261"/>
      <c r="DO135" s="261"/>
      <c r="DP135" s="261"/>
      <c r="DQ135" s="261"/>
      <c r="DR135" s="261"/>
      <c r="DS135" s="261"/>
      <c r="DT135" s="261"/>
      <c r="DU135" s="261"/>
      <c r="DV135" s="261"/>
      <c r="DW135" s="261"/>
      <c r="DX135" s="261"/>
      <c r="DY135" s="261"/>
      <c r="DZ135" s="261"/>
    </row>
  </sheetData>
  <sheetProtection algorithmName="SHA-512" hashValue="IJUuvcANzRyE+FRDYdRiyoXnKcSDf9owQQOeibZ2K4XtsyEZp94H08Tx4DwumItJZXH3M5HhwdcLq2mYLldTRA==" saltValue="yxr5sCSAHFR5BdPu8XQBQ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63" customWidth="1"/>
    <col min="121" max="121" width="0" style="262" hidden="1" customWidth="1"/>
    <col min="122" max="16384" width="9" style="262" hidden="1"/>
  </cols>
  <sheetData>
    <row r="1" spans="1:120" ht="13.2"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62"/>
    </row>
    <row r="17" spans="119:120" ht="13.2" x14ac:dyDescent="0.2">
      <c r="DP17" s="262"/>
    </row>
    <row r="18" spans="119:120" ht="13.2" x14ac:dyDescent="0.2"/>
    <row r="19" spans="119:120" ht="13.2" x14ac:dyDescent="0.2"/>
    <row r="20" spans="119:120" ht="13.2" x14ac:dyDescent="0.2">
      <c r="DO20" s="262"/>
      <c r="DP20" s="262"/>
    </row>
    <row r="21" spans="119:120" ht="13.2" x14ac:dyDescent="0.2">
      <c r="DP21" s="262"/>
    </row>
    <row r="22" spans="119:120" ht="13.2" x14ac:dyDescent="0.2"/>
    <row r="23" spans="119:120" ht="13.2" x14ac:dyDescent="0.2">
      <c r="DO23" s="262"/>
      <c r="DP23" s="262"/>
    </row>
    <row r="24" spans="119:120" ht="13.2" x14ac:dyDescent="0.2">
      <c r="DP24" s="262"/>
    </row>
    <row r="25" spans="119:120" ht="13.2" x14ac:dyDescent="0.2">
      <c r="DP25" s="262"/>
    </row>
    <row r="26" spans="119:120" ht="13.2" x14ac:dyDescent="0.2">
      <c r="DO26" s="262"/>
      <c r="DP26" s="262"/>
    </row>
    <row r="27" spans="119:120" ht="13.2" x14ac:dyDescent="0.2"/>
    <row r="28" spans="119:120" ht="13.2" x14ac:dyDescent="0.2">
      <c r="DO28" s="262"/>
      <c r="DP28" s="262"/>
    </row>
    <row r="29" spans="119:120" ht="13.2" x14ac:dyDescent="0.2">
      <c r="DP29" s="262"/>
    </row>
    <row r="30" spans="119:120" ht="13.2" x14ac:dyDescent="0.2"/>
    <row r="31" spans="119:120" ht="13.2" x14ac:dyDescent="0.2">
      <c r="DO31" s="262"/>
      <c r="DP31" s="262"/>
    </row>
    <row r="32" spans="119:120" ht="13.2" x14ac:dyDescent="0.2"/>
    <row r="33" spans="98:120" ht="13.2" x14ac:dyDescent="0.2">
      <c r="DO33" s="262"/>
      <c r="DP33" s="262"/>
    </row>
    <row r="34" spans="98:120" ht="13.2" x14ac:dyDescent="0.2">
      <c r="DM34" s="262"/>
    </row>
    <row r="35" spans="98:120" ht="13.2" x14ac:dyDescent="0.2">
      <c r="CT35" s="262"/>
      <c r="CU35" s="262"/>
      <c r="CV35" s="262"/>
      <c r="CY35" s="262"/>
      <c r="CZ35" s="262"/>
      <c r="DA35" s="262"/>
      <c r="DD35" s="262"/>
      <c r="DE35" s="262"/>
      <c r="DF35" s="262"/>
      <c r="DI35" s="262"/>
      <c r="DJ35" s="262"/>
      <c r="DK35" s="262"/>
      <c r="DM35" s="262"/>
      <c r="DN35" s="262"/>
      <c r="DO35" s="262"/>
      <c r="DP35" s="262"/>
    </row>
    <row r="36" spans="98:120" ht="13.2" x14ac:dyDescent="0.2"/>
    <row r="37" spans="98:120" ht="13.2" x14ac:dyDescent="0.2">
      <c r="CW37" s="262"/>
      <c r="DB37" s="262"/>
      <c r="DG37" s="262"/>
      <c r="DL37" s="262"/>
      <c r="DP37" s="262"/>
    </row>
    <row r="38" spans="98:120" ht="13.2" x14ac:dyDescent="0.2">
      <c r="CT38" s="262"/>
      <c r="CU38" s="262"/>
      <c r="CV38" s="262"/>
      <c r="CW38" s="262"/>
      <c r="CY38" s="262"/>
      <c r="CZ38" s="262"/>
      <c r="DA38" s="262"/>
      <c r="DB38" s="262"/>
      <c r="DD38" s="262"/>
      <c r="DE38" s="262"/>
      <c r="DF38" s="262"/>
      <c r="DG38" s="262"/>
      <c r="DI38" s="262"/>
      <c r="DJ38" s="262"/>
      <c r="DK38" s="262"/>
      <c r="DL38" s="262"/>
      <c r="DN38" s="262"/>
      <c r="DO38" s="262"/>
      <c r="DP38" s="26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62"/>
      <c r="DO49" s="262"/>
      <c r="DP49" s="26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62"/>
      <c r="CS63" s="262"/>
      <c r="CX63" s="262"/>
      <c r="DC63" s="262"/>
      <c r="DH63" s="262"/>
    </row>
    <row r="64" spans="22:120" ht="13.2" x14ac:dyDescent="0.2">
      <c r="V64" s="262"/>
    </row>
    <row r="65" spans="15:120" ht="13.2" x14ac:dyDescent="0.2">
      <c r="X65" s="262"/>
      <c r="Z65" s="262"/>
      <c r="AA65" s="262"/>
      <c r="AB65" s="262"/>
      <c r="AC65" s="262"/>
      <c r="AD65" s="262"/>
      <c r="AE65" s="262"/>
      <c r="AF65" s="262"/>
      <c r="AG65" s="262"/>
      <c r="AH65" s="262"/>
      <c r="AI65" s="262"/>
      <c r="AJ65" s="262"/>
      <c r="AK65" s="262"/>
      <c r="AL65" s="262"/>
      <c r="AM65" s="262"/>
      <c r="AN65" s="262"/>
      <c r="AO65" s="262"/>
      <c r="AP65" s="262"/>
      <c r="AQ65" s="262"/>
      <c r="AR65" s="262"/>
      <c r="AS65" s="262"/>
      <c r="AT65" s="262"/>
      <c r="AU65" s="262"/>
      <c r="AV65" s="262"/>
      <c r="AW65" s="262"/>
      <c r="AX65" s="262"/>
      <c r="AY65" s="262"/>
      <c r="AZ65" s="262"/>
      <c r="BA65" s="262"/>
      <c r="BB65" s="262"/>
      <c r="BC65" s="262"/>
      <c r="BD65" s="262"/>
      <c r="BE65" s="262"/>
      <c r="BF65" s="262"/>
      <c r="BG65" s="262"/>
      <c r="BH65" s="262"/>
      <c r="BI65" s="262"/>
      <c r="BJ65" s="262"/>
      <c r="BK65" s="262"/>
      <c r="BL65" s="262"/>
      <c r="BM65" s="262"/>
      <c r="BN65" s="262"/>
      <c r="BO65" s="262"/>
      <c r="BP65" s="262"/>
      <c r="BQ65" s="262"/>
      <c r="BR65" s="262"/>
      <c r="BS65" s="262"/>
      <c r="BT65" s="262"/>
      <c r="BU65" s="262"/>
      <c r="BV65" s="262"/>
      <c r="BW65" s="262"/>
      <c r="BX65" s="262"/>
      <c r="BY65" s="262"/>
      <c r="BZ65" s="262"/>
      <c r="CA65" s="262"/>
      <c r="CB65" s="262"/>
      <c r="CC65" s="262"/>
      <c r="CD65" s="262"/>
      <c r="CE65" s="262"/>
      <c r="CF65" s="262"/>
      <c r="CG65" s="262"/>
      <c r="CH65" s="262"/>
      <c r="CI65" s="262"/>
      <c r="CJ65" s="262"/>
      <c r="CK65" s="262"/>
      <c r="CL65" s="262"/>
      <c r="CM65" s="262"/>
      <c r="CN65" s="262"/>
      <c r="CO65" s="262"/>
      <c r="CP65" s="262"/>
      <c r="CQ65" s="262"/>
      <c r="CR65" s="262"/>
      <c r="CU65" s="262"/>
      <c r="CZ65" s="262"/>
      <c r="DE65" s="262"/>
      <c r="DJ65" s="262"/>
    </row>
    <row r="66" spans="15:120" ht="13.2" x14ac:dyDescent="0.2">
      <c r="Q66" s="262"/>
      <c r="S66" s="262"/>
      <c r="U66" s="262"/>
      <c r="DM66" s="262"/>
    </row>
    <row r="67" spans="15:120" ht="13.2" x14ac:dyDescent="0.2">
      <c r="O67" s="262"/>
      <c r="P67" s="262"/>
      <c r="R67" s="262"/>
      <c r="T67" s="262"/>
      <c r="Y67" s="262"/>
      <c r="CT67" s="262"/>
      <c r="CV67" s="262"/>
      <c r="CW67" s="262"/>
      <c r="CY67" s="262"/>
      <c r="DA67" s="262"/>
      <c r="DB67" s="262"/>
      <c r="DD67" s="262"/>
      <c r="DF67" s="262"/>
      <c r="DG67" s="262"/>
      <c r="DI67" s="262"/>
      <c r="DK67" s="262"/>
      <c r="DL67" s="262"/>
      <c r="DN67" s="262"/>
      <c r="DO67" s="262"/>
      <c r="DP67" s="262"/>
    </row>
    <row r="68" spans="15:120" ht="13.2" x14ac:dyDescent="0.2"/>
    <row r="69" spans="15:120" ht="13.2" x14ac:dyDescent="0.2"/>
    <row r="70" spans="15:120" ht="13.2" x14ac:dyDescent="0.2"/>
    <row r="71" spans="15:120" ht="13.2" x14ac:dyDescent="0.2"/>
    <row r="72" spans="15:120" ht="13.2" x14ac:dyDescent="0.2">
      <c r="DP72" s="262"/>
    </row>
    <row r="73" spans="15:120" ht="13.2" x14ac:dyDescent="0.2">
      <c r="DP73" s="26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62"/>
      <c r="CX96" s="262"/>
      <c r="DC96" s="262"/>
      <c r="DH96" s="262"/>
    </row>
    <row r="97" spans="24:120" ht="13.2" x14ac:dyDescent="0.2">
      <c r="CS97" s="262"/>
      <c r="CX97" s="262"/>
      <c r="DC97" s="262"/>
      <c r="DH97" s="262"/>
      <c r="DP97" s="263" t="s">
        <v>520</v>
      </c>
    </row>
    <row r="98" spans="24:120" ht="13.2" hidden="1" x14ac:dyDescent="0.2">
      <c r="CS98" s="262"/>
      <c r="CX98" s="262"/>
      <c r="DC98" s="262"/>
      <c r="DH98" s="262"/>
    </row>
    <row r="99" spans="24:120" ht="13.2" hidden="1" x14ac:dyDescent="0.2">
      <c r="CS99" s="262"/>
      <c r="CX99" s="262"/>
      <c r="DC99" s="262"/>
      <c r="DH99" s="262"/>
    </row>
    <row r="101" spans="24:120" ht="12" hidden="1" customHeight="1" x14ac:dyDescent="0.2">
      <c r="X101" s="262"/>
      <c r="Y101" s="262"/>
      <c r="Z101" s="262"/>
      <c r="AA101" s="262"/>
      <c r="AB101" s="262"/>
      <c r="AC101" s="262"/>
      <c r="AD101" s="262"/>
      <c r="AE101" s="262"/>
      <c r="AF101" s="262"/>
      <c r="AG101" s="262"/>
      <c r="AH101" s="262"/>
      <c r="AI101" s="262"/>
      <c r="AJ101" s="262"/>
      <c r="AK101" s="262"/>
      <c r="AL101" s="262"/>
      <c r="AM101" s="262"/>
      <c r="AN101" s="262"/>
      <c r="AO101" s="262"/>
      <c r="AP101" s="262"/>
      <c r="AQ101" s="262"/>
      <c r="AR101" s="262"/>
      <c r="AS101" s="262"/>
      <c r="AT101" s="262"/>
      <c r="AU101" s="262"/>
      <c r="AV101" s="262"/>
      <c r="AW101" s="262"/>
      <c r="AX101" s="262"/>
      <c r="AY101" s="262"/>
      <c r="AZ101" s="262"/>
      <c r="BA101" s="262"/>
      <c r="BB101" s="262"/>
      <c r="BC101" s="262"/>
      <c r="BD101" s="262"/>
      <c r="BE101" s="262"/>
      <c r="BF101" s="262"/>
      <c r="BG101" s="262"/>
      <c r="BH101" s="262"/>
      <c r="BI101" s="262"/>
      <c r="BJ101" s="262"/>
      <c r="BK101" s="262"/>
      <c r="BL101" s="262"/>
      <c r="BM101" s="262"/>
      <c r="BN101" s="262"/>
      <c r="BO101" s="262"/>
      <c r="BP101" s="262"/>
      <c r="BQ101" s="262"/>
      <c r="BR101" s="262"/>
      <c r="BS101" s="262"/>
      <c r="BT101" s="262"/>
      <c r="BU101" s="262"/>
      <c r="BV101" s="262"/>
      <c r="BW101" s="262"/>
      <c r="BX101" s="262"/>
      <c r="BY101" s="262"/>
      <c r="BZ101" s="262"/>
      <c r="CA101" s="262"/>
      <c r="CB101" s="262"/>
      <c r="CC101" s="262"/>
      <c r="CD101" s="262"/>
      <c r="CE101" s="262"/>
      <c r="CF101" s="262"/>
      <c r="CG101" s="262"/>
      <c r="CH101" s="262"/>
      <c r="CI101" s="262"/>
      <c r="CJ101" s="262"/>
      <c r="CK101" s="262"/>
      <c r="CL101" s="262"/>
      <c r="CM101" s="262"/>
      <c r="CN101" s="262"/>
      <c r="CO101" s="262"/>
      <c r="CP101" s="262"/>
      <c r="CQ101" s="262"/>
      <c r="CR101" s="262"/>
      <c r="CU101" s="262"/>
      <c r="CZ101" s="262"/>
      <c r="DE101" s="262"/>
      <c r="DJ101" s="262"/>
    </row>
    <row r="102" spans="24:120" ht="1.5" hidden="1" customHeight="1" x14ac:dyDescent="0.2">
      <c r="CU102" s="262"/>
      <c r="CZ102" s="262"/>
      <c r="DE102" s="262"/>
      <c r="DJ102" s="262"/>
      <c r="DM102" s="262"/>
    </row>
    <row r="103" spans="24:120" ht="13.2" hidden="1" x14ac:dyDescent="0.2">
      <c r="CT103" s="262"/>
      <c r="CV103" s="262"/>
      <c r="CW103" s="262"/>
      <c r="CY103" s="262"/>
      <c r="DA103" s="262"/>
      <c r="DB103" s="262"/>
      <c r="DD103" s="262"/>
      <c r="DF103" s="262"/>
      <c r="DG103" s="262"/>
      <c r="DI103" s="262"/>
      <c r="DK103" s="262"/>
      <c r="DL103" s="262"/>
      <c r="DM103" s="262"/>
      <c r="DN103" s="262"/>
      <c r="DO103" s="262"/>
      <c r="DP103" s="262"/>
    </row>
    <row r="104" spans="24:120" ht="13.2" hidden="1" x14ac:dyDescent="0.2">
      <c r="CV104" s="262"/>
      <c r="CW104" s="262"/>
      <c r="DA104" s="262"/>
      <c r="DB104" s="262"/>
      <c r="DF104" s="262"/>
      <c r="DG104" s="262"/>
      <c r="DK104" s="262"/>
      <c r="DL104" s="262"/>
      <c r="DN104" s="262"/>
      <c r="DO104" s="262"/>
      <c r="DP104" s="262"/>
    </row>
    <row r="105" spans="24:120" ht="12.75" hidden="1" customHeight="1" x14ac:dyDescent="0.2"/>
  </sheetData>
  <dataConsolidate/>
  <phoneticPr fontId="2"/>
  <printOptions horizontalCentered="1" verticalCentered="1"/>
  <pageMargins left="0" right="0" top="0" bottom="0" header="0" footer="0"/>
  <pageSetup paperSize="8" scale="63"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63" customWidth="1"/>
    <col min="117" max="16384" width="9" style="262" hidden="1"/>
  </cols>
  <sheetData>
    <row r="1" spans="2:116" ht="13.2"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row>
    <row r="2" spans="2:116" ht="13.2" x14ac:dyDescent="0.2"/>
    <row r="3" spans="2:116" ht="13.2" x14ac:dyDescent="0.2"/>
    <row r="4" spans="2:116" ht="13.2" x14ac:dyDescent="0.2">
      <c r="R4" s="262"/>
      <c r="S4" s="262"/>
      <c r="T4" s="262"/>
      <c r="U4" s="262"/>
      <c r="V4" s="262"/>
      <c r="W4" s="262"/>
      <c r="X4" s="262"/>
      <c r="Y4" s="262"/>
      <c r="Z4" s="262"/>
      <c r="AA4" s="262"/>
      <c r="AB4" s="262"/>
      <c r="AC4" s="262"/>
      <c r="AD4" s="262"/>
      <c r="AE4" s="262"/>
      <c r="AF4" s="262"/>
      <c r="AG4" s="262"/>
      <c r="AH4" s="262"/>
      <c r="AI4" s="262"/>
      <c r="AJ4" s="262"/>
      <c r="AK4" s="262"/>
      <c r="AL4" s="262"/>
      <c r="AM4" s="262"/>
      <c r="AN4" s="262"/>
      <c r="AO4" s="262"/>
      <c r="AP4" s="262"/>
      <c r="AQ4" s="262"/>
      <c r="AR4" s="262"/>
      <c r="AS4" s="262"/>
      <c r="AT4" s="262"/>
      <c r="AU4" s="262"/>
      <c r="AV4" s="262"/>
      <c r="AW4" s="262"/>
      <c r="AX4" s="262"/>
      <c r="AY4" s="262"/>
      <c r="AZ4" s="262"/>
      <c r="BA4" s="262"/>
      <c r="BB4" s="262"/>
      <c r="BC4" s="262"/>
      <c r="BD4" s="262"/>
      <c r="BE4" s="262"/>
      <c r="BF4" s="262"/>
      <c r="BG4" s="262"/>
      <c r="BH4" s="262"/>
      <c r="BI4" s="262"/>
      <c r="BJ4" s="262"/>
      <c r="BK4" s="262"/>
      <c r="BL4" s="262"/>
      <c r="BM4" s="262"/>
      <c r="BN4" s="262"/>
      <c r="BO4" s="262"/>
      <c r="BP4" s="262"/>
      <c r="BQ4" s="262"/>
      <c r="BR4" s="262"/>
      <c r="BS4" s="262"/>
      <c r="BT4" s="262"/>
      <c r="BU4" s="262"/>
      <c r="BV4" s="262"/>
      <c r="BW4" s="262"/>
      <c r="BX4" s="262"/>
      <c r="BY4" s="262"/>
      <c r="BZ4" s="262"/>
      <c r="CA4" s="262"/>
      <c r="CB4" s="262"/>
      <c r="CC4" s="262"/>
      <c r="CD4" s="262"/>
      <c r="CE4" s="262"/>
      <c r="CF4" s="262"/>
      <c r="CG4" s="262"/>
      <c r="CH4" s="262"/>
      <c r="CI4" s="262"/>
      <c r="CJ4" s="262"/>
      <c r="CK4" s="262"/>
      <c r="CL4" s="262"/>
      <c r="CM4" s="262"/>
      <c r="CN4" s="262"/>
      <c r="CO4" s="262"/>
      <c r="CP4" s="262"/>
      <c r="CQ4" s="262"/>
      <c r="CR4" s="262"/>
      <c r="CS4" s="262"/>
      <c r="CT4" s="262"/>
      <c r="CU4" s="262"/>
      <c r="CV4" s="262"/>
      <c r="CW4" s="262"/>
      <c r="CX4" s="262"/>
      <c r="CY4" s="262"/>
      <c r="CZ4" s="262"/>
      <c r="DA4" s="262"/>
      <c r="DB4" s="262"/>
      <c r="DC4" s="262"/>
      <c r="DD4" s="262"/>
      <c r="DE4" s="262"/>
      <c r="DF4" s="262"/>
      <c r="DG4" s="262"/>
      <c r="DH4" s="262"/>
      <c r="DI4" s="262"/>
      <c r="DJ4" s="262"/>
      <c r="DK4" s="262"/>
      <c r="DL4" s="262"/>
    </row>
    <row r="5" spans="2:116" ht="13.2" x14ac:dyDescent="0.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2"/>
      <c r="AT5" s="262"/>
      <c r="AU5" s="262"/>
      <c r="AV5" s="262"/>
      <c r="AW5" s="262"/>
      <c r="AX5" s="262"/>
      <c r="AY5" s="262"/>
      <c r="AZ5" s="262"/>
      <c r="BA5" s="262"/>
      <c r="BB5" s="262"/>
      <c r="BC5" s="262"/>
      <c r="BD5" s="262"/>
      <c r="BE5" s="262"/>
      <c r="BF5" s="262"/>
      <c r="BG5" s="262"/>
      <c r="BH5" s="262"/>
      <c r="BI5" s="262"/>
      <c r="BJ5" s="262"/>
      <c r="BK5" s="262"/>
      <c r="BL5" s="262"/>
      <c r="BM5" s="262"/>
      <c r="BN5" s="262"/>
      <c r="BO5" s="262"/>
      <c r="BP5" s="262"/>
      <c r="BQ5" s="262"/>
      <c r="BR5" s="262"/>
      <c r="BS5" s="262"/>
      <c r="BT5" s="262"/>
      <c r="BU5" s="262"/>
      <c r="BV5" s="262"/>
      <c r="BW5" s="262"/>
      <c r="BX5" s="262"/>
      <c r="BY5" s="262"/>
      <c r="BZ5" s="262"/>
      <c r="CA5" s="262"/>
      <c r="CB5" s="262"/>
      <c r="CC5" s="262"/>
      <c r="CD5" s="262"/>
      <c r="CE5" s="262"/>
      <c r="CF5" s="262"/>
      <c r="CG5" s="262"/>
      <c r="CH5" s="262"/>
      <c r="CI5" s="262"/>
      <c r="CJ5" s="262"/>
      <c r="CK5" s="262"/>
      <c r="CL5" s="262"/>
      <c r="CM5" s="262"/>
      <c r="CN5" s="262"/>
      <c r="CO5" s="262"/>
      <c r="CP5" s="262"/>
      <c r="CQ5" s="262"/>
      <c r="CR5" s="262"/>
      <c r="CS5" s="262"/>
      <c r="CT5" s="262"/>
      <c r="CU5" s="262"/>
      <c r="CV5" s="262"/>
      <c r="CW5" s="262"/>
      <c r="CX5" s="262"/>
      <c r="CY5" s="262"/>
      <c r="CZ5" s="262"/>
      <c r="DA5" s="262"/>
      <c r="DB5" s="262"/>
      <c r="DC5" s="262"/>
      <c r="DD5" s="262"/>
      <c r="DE5" s="262"/>
      <c r="DF5" s="262"/>
      <c r="DG5" s="262"/>
      <c r="DH5" s="262"/>
      <c r="DI5" s="262"/>
      <c r="DJ5" s="262"/>
      <c r="DK5" s="262"/>
      <c r="DL5" s="26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62"/>
      <c r="AR18" s="262"/>
      <c r="AS18" s="262"/>
      <c r="AT18" s="262"/>
      <c r="AU18" s="262"/>
      <c r="AV18" s="262"/>
      <c r="AW18" s="262"/>
      <c r="AX18" s="262"/>
      <c r="AY18" s="262"/>
      <c r="AZ18" s="262"/>
      <c r="BA18" s="262"/>
      <c r="BB18" s="262"/>
      <c r="BC18" s="262"/>
      <c r="BD18" s="262"/>
      <c r="BE18" s="262"/>
      <c r="BF18" s="262"/>
      <c r="BG18" s="262"/>
      <c r="BH18" s="262"/>
      <c r="BI18" s="262"/>
      <c r="BJ18" s="262"/>
      <c r="BK18" s="262"/>
      <c r="BL18" s="262"/>
      <c r="BM18" s="262"/>
      <c r="BN18" s="262"/>
      <c r="BO18" s="262"/>
      <c r="BP18" s="262"/>
      <c r="BQ18" s="262"/>
      <c r="BR18" s="262"/>
      <c r="BS18" s="262"/>
      <c r="BT18" s="262"/>
      <c r="BU18" s="262"/>
      <c r="BV18" s="262"/>
      <c r="BW18" s="262"/>
      <c r="BX18" s="262"/>
      <c r="BY18" s="262"/>
      <c r="BZ18" s="262"/>
      <c r="CA18" s="262"/>
      <c r="CB18" s="262"/>
      <c r="CC18" s="262"/>
      <c r="CD18" s="262"/>
      <c r="CE18" s="262"/>
      <c r="CF18" s="262"/>
      <c r="CG18" s="262"/>
      <c r="CH18" s="262"/>
      <c r="CI18" s="262"/>
      <c r="CJ18" s="262"/>
      <c r="CK18" s="262"/>
      <c r="CL18" s="262"/>
      <c r="CM18" s="262"/>
      <c r="CN18" s="262"/>
      <c r="CO18" s="262"/>
      <c r="CP18" s="262"/>
      <c r="CQ18" s="262"/>
      <c r="CR18" s="262"/>
      <c r="CS18" s="262"/>
      <c r="CT18" s="262"/>
      <c r="CU18" s="262"/>
      <c r="CV18" s="262"/>
      <c r="CW18" s="262"/>
      <c r="CX18" s="262"/>
      <c r="CY18" s="262"/>
      <c r="CZ18" s="262"/>
      <c r="DA18" s="262"/>
      <c r="DB18" s="262"/>
      <c r="DC18" s="262"/>
      <c r="DD18" s="262"/>
      <c r="DE18" s="262"/>
      <c r="DF18" s="262"/>
      <c r="DG18" s="262"/>
      <c r="DH18" s="262"/>
      <c r="DI18" s="262"/>
      <c r="DJ18" s="262"/>
      <c r="DK18" s="262"/>
      <c r="DL18" s="262"/>
    </row>
    <row r="19" spans="9:116" ht="13.2" x14ac:dyDescent="0.2"/>
    <row r="20" spans="9:116" ht="13.2" x14ac:dyDescent="0.2"/>
    <row r="21" spans="9:116" ht="13.2" x14ac:dyDescent="0.2">
      <c r="DL21" s="262"/>
    </row>
    <row r="22" spans="9:116" ht="13.2" x14ac:dyDescent="0.2">
      <c r="DI22" s="262"/>
      <c r="DJ22" s="262"/>
      <c r="DK22" s="262"/>
      <c r="DL22" s="262"/>
    </row>
    <row r="23" spans="9:116" ht="13.2" x14ac:dyDescent="0.2">
      <c r="CY23" s="262"/>
      <c r="CZ23" s="262"/>
      <c r="DA23" s="262"/>
      <c r="DB23" s="262"/>
      <c r="DC23" s="262"/>
      <c r="DD23" s="262"/>
      <c r="DE23" s="262"/>
      <c r="DF23" s="262"/>
      <c r="DG23" s="262"/>
      <c r="DH23" s="262"/>
      <c r="DI23" s="262"/>
      <c r="DJ23" s="262"/>
      <c r="DK23" s="262"/>
      <c r="DL23" s="26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62"/>
      <c r="DA35" s="262"/>
      <c r="DB35" s="262"/>
      <c r="DC35" s="262"/>
      <c r="DD35" s="262"/>
      <c r="DE35" s="262"/>
      <c r="DF35" s="262"/>
      <c r="DG35" s="262"/>
      <c r="DH35" s="262"/>
      <c r="DI35" s="262"/>
      <c r="DJ35" s="262"/>
      <c r="DK35" s="262"/>
      <c r="DL35" s="262"/>
    </row>
    <row r="36" spans="15:116" ht="13.2" x14ac:dyDescent="0.2"/>
    <row r="37" spans="15:116" ht="13.2" x14ac:dyDescent="0.2">
      <c r="DL37" s="262"/>
    </row>
    <row r="38" spans="15:116" ht="13.2" x14ac:dyDescent="0.2">
      <c r="DI38" s="262"/>
      <c r="DJ38" s="262"/>
      <c r="DK38" s="262"/>
      <c r="DL38" s="262"/>
    </row>
    <row r="39" spans="15:116" ht="13.2" x14ac:dyDescent="0.2"/>
    <row r="40" spans="15:116" ht="13.2" x14ac:dyDescent="0.2"/>
    <row r="41" spans="15:116" ht="13.2" x14ac:dyDescent="0.2"/>
    <row r="42" spans="15:116" ht="13.2" x14ac:dyDescent="0.2"/>
    <row r="43" spans="15:116" ht="13.2" x14ac:dyDescent="0.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E43" s="262"/>
      <c r="DF43" s="262"/>
      <c r="DG43" s="262"/>
      <c r="DH43" s="262"/>
      <c r="DI43" s="262"/>
      <c r="DJ43" s="262"/>
      <c r="DK43" s="262"/>
      <c r="DL43" s="262"/>
    </row>
    <row r="44" spans="15:116" ht="13.2" x14ac:dyDescent="0.2">
      <c r="DL44" s="262"/>
    </row>
    <row r="45" spans="15:116" ht="13.2" x14ac:dyDescent="0.2"/>
    <row r="46" spans="15:116" ht="13.2" x14ac:dyDescent="0.2">
      <c r="DA46" s="262"/>
      <c r="DB46" s="262"/>
      <c r="DC46" s="262"/>
      <c r="DD46" s="262"/>
      <c r="DE46" s="262"/>
      <c r="DF46" s="262"/>
      <c r="DG46" s="262"/>
      <c r="DH46" s="262"/>
      <c r="DI46" s="262"/>
      <c r="DJ46" s="262"/>
      <c r="DK46" s="262"/>
      <c r="DL46" s="262"/>
    </row>
    <row r="47" spans="15:116" ht="13.2" x14ac:dyDescent="0.2"/>
    <row r="48" spans="15:116" ht="13.2" x14ac:dyDescent="0.2"/>
    <row r="49" spans="104:116" ht="13.2" x14ac:dyDescent="0.2"/>
    <row r="50" spans="104:116" ht="13.2" x14ac:dyDescent="0.2">
      <c r="CZ50" s="262"/>
      <c r="DA50" s="262"/>
      <c r="DB50" s="262"/>
      <c r="DC50" s="262"/>
      <c r="DD50" s="262"/>
      <c r="DE50" s="262"/>
      <c r="DF50" s="262"/>
      <c r="DG50" s="262"/>
      <c r="DH50" s="262"/>
      <c r="DI50" s="262"/>
      <c r="DJ50" s="262"/>
      <c r="DK50" s="262"/>
      <c r="DL50" s="262"/>
    </row>
    <row r="51" spans="104:116" ht="13.2" x14ac:dyDescent="0.2"/>
    <row r="52" spans="104:116" ht="13.2" x14ac:dyDescent="0.2"/>
    <row r="53" spans="104:116" ht="13.2" x14ac:dyDescent="0.2">
      <c r="DL53" s="26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62"/>
      <c r="DD67" s="262"/>
      <c r="DE67" s="262"/>
      <c r="DF67" s="262"/>
      <c r="DG67" s="262"/>
      <c r="DH67" s="262"/>
      <c r="DI67" s="262"/>
      <c r="DJ67" s="262"/>
      <c r="DK67" s="262"/>
      <c r="DL67" s="26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0HjPw1NJ+swaAS6HOzG0isNuDeERPWHDV7KO78PgnJ1mqmCHX1S261VE3tMB/D4i1Dy8R1OS0dnjBemsEblOSw==" saltValue="UkPHk2ah5eZ3iL/TIJREAw==" spinCount="100000" sheet="1" objects="1" scenarios="1"/>
  <dataConsolidate/>
  <phoneticPr fontId="2"/>
  <printOptions horizontalCentered="1" verticalCentered="1"/>
  <pageMargins left="0" right="0" top="0" bottom="0" header="0" footer="0"/>
  <pageSetup paperSize="8" scale="67"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64" customWidth="1"/>
    <col min="37" max="44" width="17" style="264" customWidth="1"/>
    <col min="45" max="45" width="6.109375" style="271" customWidth="1"/>
    <col min="46" max="46" width="3" style="269" customWidth="1"/>
    <col min="47" max="47" width="19.109375" style="264" hidden="1" customWidth="1"/>
    <col min="48" max="52" width="12.6640625" style="264" hidden="1" customWidth="1"/>
    <col min="53" max="16384" width="8.6640625" style="264" hidden="1"/>
  </cols>
  <sheetData>
    <row r="1" spans="1:46" ht="13.2" x14ac:dyDescent="0.2">
      <c r="AS1" s="265"/>
      <c r="AT1" s="265"/>
    </row>
    <row r="2" spans="1:46" ht="13.2" x14ac:dyDescent="0.2">
      <c r="AS2" s="265"/>
      <c r="AT2" s="265"/>
    </row>
    <row r="3" spans="1:46" ht="13.2" x14ac:dyDescent="0.2">
      <c r="AS3" s="265"/>
      <c r="AT3" s="265"/>
    </row>
    <row r="4" spans="1:46" ht="13.2" x14ac:dyDescent="0.2">
      <c r="AS4" s="265"/>
      <c r="AT4" s="265"/>
    </row>
    <row r="5" spans="1:46" ht="16.2" x14ac:dyDescent="0.2">
      <c r="A5" s="266" t="s">
        <v>521</v>
      </c>
      <c r="B5" s="267"/>
      <c r="C5" s="267"/>
      <c r="D5" s="267"/>
      <c r="E5" s="267"/>
      <c r="F5" s="267"/>
      <c r="G5" s="267"/>
      <c r="H5" s="267"/>
      <c r="I5" s="267"/>
      <c r="J5" s="267"/>
      <c r="K5" s="267"/>
      <c r="L5" s="267"/>
      <c r="M5" s="267"/>
      <c r="N5" s="267"/>
      <c r="O5" s="267"/>
      <c r="P5" s="267"/>
      <c r="Q5" s="267"/>
      <c r="R5" s="267"/>
      <c r="S5" s="267"/>
      <c r="T5" s="267"/>
      <c r="U5" s="267"/>
      <c r="V5" s="267"/>
      <c r="W5" s="267"/>
      <c r="X5" s="267"/>
      <c r="Y5" s="267"/>
      <c r="Z5" s="267"/>
      <c r="AA5" s="267"/>
      <c r="AB5" s="267"/>
      <c r="AC5" s="267"/>
      <c r="AD5" s="267"/>
      <c r="AE5" s="267"/>
      <c r="AF5" s="267"/>
      <c r="AG5" s="267"/>
      <c r="AH5" s="267"/>
      <c r="AI5" s="267"/>
      <c r="AJ5" s="267"/>
      <c r="AK5" s="267"/>
      <c r="AL5" s="267"/>
      <c r="AM5" s="267"/>
      <c r="AN5" s="267"/>
      <c r="AO5" s="267"/>
      <c r="AP5" s="267"/>
      <c r="AQ5" s="267"/>
      <c r="AR5" s="267"/>
      <c r="AS5" s="268"/>
    </row>
    <row r="6" spans="1:46" ht="13.2" x14ac:dyDescent="0.2">
      <c r="A6" s="269"/>
      <c r="B6" s="265"/>
      <c r="C6" s="265"/>
      <c r="D6" s="265"/>
      <c r="E6" s="265"/>
      <c r="F6" s="265"/>
      <c r="G6" s="265"/>
      <c r="H6" s="265"/>
      <c r="I6" s="265"/>
      <c r="J6" s="265"/>
      <c r="K6" s="265"/>
      <c r="L6" s="265"/>
      <c r="M6" s="265"/>
      <c r="N6" s="265"/>
      <c r="O6" s="265"/>
      <c r="P6" s="265"/>
      <c r="Q6" s="265"/>
      <c r="R6" s="265"/>
      <c r="S6" s="265"/>
      <c r="T6" s="265"/>
      <c r="U6" s="265"/>
      <c r="V6" s="265"/>
      <c r="W6" s="265"/>
      <c r="X6" s="265"/>
      <c r="Y6" s="265"/>
      <c r="Z6" s="265"/>
      <c r="AA6" s="265"/>
      <c r="AB6" s="265"/>
      <c r="AC6" s="265"/>
      <c r="AD6" s="265"/>
      <c r="AE6" s="265"/>
      <c r="AF6" s="265"/>
      <c r="AG6" s="265"/>
      <c r="AH6" s="265"/>
      <c r="AI6" s="265"/>
      <c r="AJ6" s="265"/>
      <c r="AK6" s="270" t="s">
        <v>522</v>
      </c>
      <c r="AL6" s="270"/>
      <c r="AM6" s="270"/>
      <c r="AN6" s="270"/>
      <c r="AO6" s="265"/>
      <c r="AP6" s="265"/>
      <c r="AQ6" s="265"/>
      <c r="AR6" s="265"/>
    </row>
    <row r="7" spans="1:46" ht="13.5" customHeight="1" x14ac:dyDescent="0.2">
      <c r="A7" s="269"/>
      <c r="B7" s="265"/>
      <c r="C7" s="265"/>
      <c r="D7" s="265"/>
      <c r="E7" s="265"/>
      <c r="F7" s="265"/>
      <c r="G7" s="265"/>
      <c r="H7" s="265"/>
      <c r="I7" s="265"/>
      <c r="J7" s="265"/>
      <c r="K7" s="265"/>
      <c r="L7" s="265"/>
      <c r="M7" s="265"/>
      <c r="N7" s="265"/>
      <c r="O7" s="265"/>
      <c r="P7" s="265"/>
      <c r="Q7" s="265"/>
      <c r="R7" s="265"/>
      <c r="S7" s="265"/>
      <c r="T7" s="265"/>
      <c r="U7" s="265"/>
      <c r="V7" s="265"/>
      <c r="W7" s="265"/>
      <c r="X7" s="265"/>
      <c r="Y7" s="265"/>
      <c r="Z7" s="265"/>
      <c r="AA7" s="265"/>
      <c r="AB7" s="265"/>
      <c r="AC7" s="265"/>
      <c r="AD7" s="265"/>
      <c r="AE7" s="265"/>
      <c r="AF7" s="265"/>
      <c r="AG7" s="265"/>
      <c r="AH7" s="265"/>
      <c r="AI7" s="265"/>
      <c r="AJ7" s="265"/>
      <c r="AK7" s="272"/>
      <c r="AL7" s="273"/>
      <c r="AM7" s="273"/>
      <c r="AN7" s="274"/>
      <c r="AO7" s="1182" t="s">
        <v>523</v>
      </c>
      <c r="AP7" s="275"/>
      <c r="AQ7" s="276" t="s">
        <v>524</v>
      </c>
      <c r="AR7" s="277"/>
    </row>
    <row r="8" spans="1:46" ht="13.2" x14ac:dyDescent="0.2">
      <c r="A8" s="269"/>
      <c r="B8" s="265"/>
      <c r="C8" s="265"/>
      <c r="D8" s="265"/>
      <c r="E8" s="265"/>
      <c r="F8" s="265"/>
      <c r="G8" s="265"/>
      <c r="H8" s="265"/>
      <c r="I8" s="265"/>
      <c r="J8" s="265"/>
      <c r="K8" s="265"/>
      <c r="L8" s="265"/>
      <c r="M8" s="265"/>
      <c r="N8" s="265"/>
      <c r="O8" s="265"/>
      <c r="P8" s="265"/>
      <c r="Q8" s="265"/>
      <c r="R8" s="265"/>
      <c r="S8" s="265"/>
      <c r="T8" s="265"/>
      <c r="U8" s="265"/>
      <c r="V8" s="265"/>
      <c r="W8" s="265"/>
      <c r="X8" s="265"/>
      <c r="Y8" s="265"/>
      <c r="Z8" s="265"/>
      <c r="AA8" s="265"/>
      <c r="AB8" s="265"/>
      <c r="AC8" s="265"/>
      <c r="AD8" s="265"/>
      <c r="AE8" s="265"/>
      <c r="AF8" s="265"/>
      <c r="AG8" s="265"/>
      <c r="AH8" s="265"/>
      <c r="AI8" s="265"/>
      <c r="AJ8" s="265"/>
      <c r="AK8" s="278"/>
      <c r="AL8" s="279"/>
      <c r="AM8" s="279"/>
      <c r="AN8" s="280"/>
      <c r="AO8" s="1183"/>
      <c r="AP8" s="281" t="s">
        <v>525</v>
      </c>
      <c r="AQ8" s="282" t="s">
        <v>526</v>
      </c>
      <c r="AR8" s="283" t="s">
        <v>527</v>
      </c>
    </row>
    <row r="9" spans="1:46" ht="13.2" x14ac:dyDescent="0.2">
      <c r="A9" s="269"/>
      <c r="B9" s="265"/>
      <c r="C9" s="265"/>
      <c r="D9" s="265"/>
      <c r="E9" s="265"/>
      <c r="F9" s="265"/>
      <c r="G9" s="265"/>
      <c r="H9" s="265"/>
      <c r="I9" s="265"/>
      <c r="J9" s="265"/>
      <c r="K9" s="265"/>
      <c r="L9" s="265"/>
      <c r="M9" s="265"/>
      <c r="N9" s="265"/>
      <c r="O9" s="265"/>
      <c r="P9" s="265"/>
      <c r="Q9" s="265"/>
      <c r="R9" s="265"/>
      <c r="S9" s="265"/>
      <c r="T9" s="265"/>
      <c r="U9" s="265"/>
      <c r="V9" s="265"/>
      <c r="W9" s="265"/>
      <c r="X9" s="265"/>
      <c r="Y9" s="265"/>
      <c r="Z9" s="265"/>
      <c r="AA9" s="265"/>
      <c r="AB9" s="265"/>
      <c r="AC9" s="265"/>
      <c r="AD9" s="265"/>
      <c r="AE9" s="265"/>
      <c r="AF9" s="265"/>
      <c r="AG9" s="265"/>
      <c r="AH9" s="265"/>
      <c r="AI9" s="265"/>
      <c r="AJ9" s="265"/>
      <c r="AK9" s="1194" t="s">
        <v>528</v>
      </c>
      <c r="AL9" s="1195"/>
      <c r="AM9" s="1195"/>
      <c r="AN9" s="1196"/>
      <c r="AO9" s="284">
        <v>360246247</v>
      </c>
      <c r="AP9" s="284">
        <v>95917</v>
      </c>
      <c r="AQ9" s="285">
        <v>105428</v>
      </c>
      <c r="AR9" s="286">
        <v>-9</v>
      </c>
    </row>
    <row r="10" spans="1:46" ht="13.5" customHeight="1" x14ac:dyDescent="0.2">
      <c r="A10" s="269"/>
      <c r="B10" s="265"/>
      <c r="C10" s="265"/>
      <c r="D10" s="265"/>
      <c r="E10" s="265"/>
      <c r="F10" s="265"/>
      <c r="G10" s="265"/>
      <c r="H10" s="265"/>
      <c r="I10" s="265"/>
      <c r="J10" s="265"/>
      <c r="K10" s="265"/>
      <c r="L10" s="265"/>
      <c r="M10" s="265"/>
      <c r="N10" s="265"/>
      <c r="O10" s="265"/>
      <c r="P10" s="265"/>
      <c r="Q10" s="265"/>
      <c r="R10" s="265"/>
      <c r="S10" s="265"/>
      <c r="T10" s="265"/>
      <c r="U10" s="265"/>
      <c r="V10" s="265"/>
      <c r="W10" s="265"/>
      <c r="X10" s="265"/>
      <c r="Y10" s="265"/>
      <c r="Z10" s="265"/>
      <c r="AA10" s="265"/>
      <c r="AB10" s="265"/>
      <c r="AC10" s="265"/>
      <c r="AD10" s="265"/>
      <c r="AE10" s="265"/>
      <c r="AF10" s="265"/>
      <c r="AG10" s="265"/>
      <c r="AH10" s="265"/>
      <c r="AI10" s="265"/>
      <c r="AJ10" s="265"/>
      <c r="AK10" s="1194" t="s">
        <v>529</v>
      </c>
      <c r="AL10" s="1195"/>
      <c r="AM10" s="1195"/>
      <c r="AN10" s="1196"/>
      <c r="AO10" s="287">
        <v>766</v>
      </c>
      <c r="AP10" s="287">
        <v>0</v>
      </c>
      <c r="AQ10" s="288">
        <v>108</v>
      </c>
      <c r="AR10" s="289">
        <v>-100</v>
      </c>
    </row>
    <row r="11" spans="1:46" ht="13.5" customHeight="1" x14ac:dyDescent="0.2">
      <c r="A11" s="269"/>
      <c r="B11" s="265"/>
      <c r="C11" s="265"/>
      <c r="D11" s="265"/>
      <c r="E11" s="265"/>
      <c r="F11" s="265"/>
      <c r="G11" s="265"/>
      <c r="H11" s="265"/>
      <c r="I11" s="265"/>
      <c r="J11" s="265"/>
      <c r="K11" s="265"/>
      <c r="L11" s="265"/>
      <c r="M11" s="265"/>
      <c r="N11" s="265"/>
      <c r="O11" s="265"/>
      <c r="P11" s="265"/>
      <c r="Q11" s="265"/>
      <c r="R11" s="265"/>
      <c r="S11" s="265"/>
      <c r="T11" s="265"/>
      <c r="U11" s="265"/>
      <c r="V11" s="265"/>
      <c r="W11" s="265"/>
      <c r="X11" s="265"/>
      <c r="Y11" s="265"/>
      <c r="Z11" s="265"/>
      <c r="AA11" s="265"/>
      <c r="AB11" s="265"/>
      <c r="AC11" s="265"/>
      <c r="AD11" s="265"/>
      <c r="AE11" s="265"/>
      <c r="AF11" s="265"/>
      <c r="AG11" s="265"/>
      <c r="AH11" s="265"/>
      <c r="AI11" s="265"/>
      <c r="AJ11" s="265"/>
      <c r="AK11" s="1194" t="s">
        <v>530</v>
      </c>
      <c r="AL11" s="1195"/>
      <c r="AM11" s="1195"/>
      <c r="AN11" s="1196"/>
      <c r="AO11" s="287">
        <v>2181852</v>
      </c>
      <c r="AP11" s="287">
        <v>581</v>
      </c>
      <c r="AQ11" s="288">
        <v>1092</v>
      </c>
      <c r="AR11" s="289">
        <v>-46.8</v>
      </c>
    </row>
    <row r="12" spans="1:46" ht="13.5" customHeight="1" x14ac:dyDescent="0.2">
      <c r="A12" s="269"/>
      <c r="B12" s="265"/>
      <c r="C12" s="265"/>
      <c r="D12" s="265"/>
      <c r="E12" s="265"/>
      <c r="F12" s="265"/>
      <c r="G12" s="265"/>
      <c r="H12" s="265"/>
      <c r="I12" s="265"/>
      <c r="J12" s="265"/>
      <c r="K12" s="265"/>
      <c r="L12" s="265"/>
      <c r="M12" s="265"/>
      <c r="N12" s="265"/>
      <c r="O12" s="265"/>
      <c r="P12" s="265"/>
      <c r="Q12" s="265"/>
      <c r="R12" s="265"/>
      <c r="S12" s="265"/>
      <c r="T12" s="265"/>
      <c r="U12" s="265"/>
      <c r="V12" s="265"/>
      <c r="W12" s="265"/>
      <c r="X12" s="265"/>
      <c r="Y12" s="265"/>
      <c r="Z12" s="265"/>
      <c r="AA12" s="265"/>
      <c r="AB12" s="265"/>
      <c r="AC12" s="265"/>
      <c r="AD12" s="265"/>
      <c r="AE12" s="265"/>
      <c r="AF12" s="265"/>
      <c r="AG12" s="265"/>
      <c r="AH12" s="265"/>
      <c r="AI12" s="265"/>
      <c r="AJ12" s="265"/>
      <c r="AK12" s="1194" t="s">
        <v>531</v>
      </c>
      <c r="AL12" s="1195"/>
      <c r="AM12" s="1195"/>
      <c r="AN12" s="1196"/>
      <c r="AO12" s="287" t="s">
        <v>532</v>
      </c>
      <c r="AP12" s="287" t="s">
        <v>532</v>
      </c>
      <c r="AQ12" s="288">
        <v>5</v>
      </c>
      <c r="AR12" s="289" t="s">
        <v>532</v>
      </c>
    </row>
    <row r="13" spans="1:46" ht="13.5" customHeight="1" x14ac:dyDescent="0.2">
      <c r="A13" s="269"/>
      <c r="B13" s="265"/>
      <c r="C13" s="265"/>
      <c r="D13" s="265"/>
      <c r="E13" s="265"/>
      <c r="F13" s="265"/>
      <c r="G13" s="265"/>
      <c r="H13" s="265"/>
      <c r="I13" s="265"/>
      <c r="J13" s="265"/>
      <c r="K13" s="265"/>
      <c r="L13" s="265"/>
      <c r="M13" s="265"/>
      <c r="N13" s="265"/>
      <c r="O13" s="265"/>
      <c r="P13" s="265"/>
      <c r="Q13" s="265"/>
      <c r="R13" s="265"/>
      <c r="S13" s="265"/>
      <c r="T13" s="265"/>
      <c r="U13" s="265"/>
      <c r="V13" s="265"/>
      <c r="W13" s="265"/>
      <c r="X13" s="265"/>
      <c r="Y13" s="265"/>
      <c r="Z13" s="265"/>
      <c r="AA13" s="265"/>
      <c r="AB13" s="265"/>
      <c r="AC13" s="265"/>
      <c r="AD13" s="265"/>
      <c r="AE13" s="265"/>
      <c r="AF13" s="265"/>
      <c r="AG13" s="265"/>
      <c r="AH13" s="265"/>
      <c r="AI13" s="265"/>
      <c r="AJ13" s="265"/>
      <c r="AK13" s="1194" t="s">
        <v>533</v>
      </c>
      <c r="AL13" s="1195"/>
      <c r="AM13" s="1195"/>
      <c r="AN13" s="1196"/>
      <c r="AO13" s="287">
        <v>7483577</v>
      </c>
      <c r="AP13" s="287">
        <v>1993</v>
      </c>
      <c r="AQ13" s="288">
        <v>1959</v>
      </c>
      <c r="AR13" s="289">
        <v>1.7</v>
      </c>
    </row>
    <row r="14" spans="1:46" ht="13.5" customHeight="1" x14ac:dyDescent="0.2">
      <c r="A14" s="269"/>
      <c r="B14" s="265"/>
      <c r="C14" s="265"/>
      <c r="D14" s="265"/>
      <c r="E14" s="265"/>
      <c r="F14" s="265"/>
      <c r="G14" s="265"/>
      <c r="H14" s="265"/>
      <c r="I14" s="265"/>
      <c r="J14" s="265"/>
      <c r="K14" s="265"/>
      <c r="L14" s="265"/>
      <c r="M14" s="265"/>
      <c r="N14" s="265"/>
      <c r="O14" s="265"/>
      <c r="P14" s="265"/>
      <c r="Q14" s="265"/>
      <c r="R14" s="265"/>
      <c r="S14" s="265"/>
      <c r="T14" s="265"/>
      <c r="U14" s="265"/>
      <c r="V14" s="265"/>
      <c r="W14" s="265"/>
      <c r="X14" s="265"/>
      <c r="Y14" s="265"/>
      <c r="Z14" s="265"/>
      <c r="AA14" s="265"/>
      <c r="AB14" s="265"/>
      <c r="AC14" s="265"/>
      <c r="AD14" s="265"/>
      <c r="AE14" s="265"/>
      <c r="AF14" s="265"/>
      <c r="AG14" s="265"/>
      <c r="AH14" s="265"/>
      <c r="AI14" s="265"/>
      <c r="AJ14" s="265"/>
      <c r="AK14" s="1194" t="s">
        <v>534</v>
      </c>
      <c r="AL14" s="1195"/>
      <c r="AM14" s="1195"/>
      <c r="AN14" s="1196"/>
      <c r="AO14" s="287">
        <v>4501506</v>
      </c>
      <c r="AP14" s="287">
        <v>1199</v>
      </c>
      <c r="AQ14" s="288">
        <v>1267</v>
      </c>
      <c r="AR14" s="289">
        <v>-5.4</v>
      </c>
    </row>
    <row r="15" spans="1:46" ht="13.5" customHeight="1" x14ac:dyDescent="0.2">
      <c r="A15" s="269"/>
      <c r="B15" s="265"/>
      <c r="C15" s="265"/>
      <c r="D15" s="265"/>
      <c r="E15" s="265"/>
      <c r="F15" s="265"/>
      <c r="G15" s="265"/>
      <c r="H15" s="265"/>
      <c r="I15" s="265"/>
      <c r="J15" s="265"/>
      <c r="K15" s="265"/>
      <c r="L15" s="265"/>
      <c r="M15" s="265"/>
      <c r="N15" s="265"/>
      <c r="O15" s="265"/>
      <c r="P15" s="265"/>
      <c r="Q15" s="265"/>
      <c r="R15" s="265"/>
      <c r="S15" s="265"/>
      <c r="T15" s="265"/>
      <c r="U15" s="265"/>
      <c r="V15" s="265"/>
      <c r="W15" s="265"/>
      <c r="X15" s="265"/>
      <c r="Y15" s="265"/>
      <c r="Z15" s="265"/>
      <c r="AA15" s="265"/>
      <c r="AB15" s="265"/>
      <c r="AC15" s="265"/>
      <c r="AD15" s="265"/>
      <c r="AE15" s="265"/>
      <c r="AF15" s="265"/>
      <c r="AG15" s="265"/>
      <c r="AH15" s="265"/>
      <c r="AI15" s="265"/>
      <c r="AJ15" s="265"/>
      <c r="AK15" s="1197" t="s">
        <v>535</v>
      </c>
      <c r="AL15" s="1198"/>
      <c r="AM15" s="1198"/>
      <c r="AN15" s="1199"/>
      <c r="AO15" s="287">
        <v>-21938231</v>
      </c>
      <c r="AP15" s="287">
        <v>-5841</v>
      </c>
      <c r="AQ15" s="288">
        <v>-7422</v>
      </c>
      <c r="AR15" s="289">
        <v>-21.3</v>
      </c>
    </row>
    <row r="16" spans="1:46" ht="13.2" x14ac:dyDescent="0.2">
      <c r="A16" s="269"/>
      <c r="B16" s="265"/>
      <c r="C16" s="265"/>
      <c r="D16" s="265"/>
      <c r="E16" s="265"/>
      <c r="F16" s="265"/>
      <c r="G16" s="265"/>
      <c r="H16" s="265"/>
      <c r="I16" s="265"/>
      <c r="J16" s="265"/>
      <c r="K16" s="265"/>
      <c r="L16" s="265"/>
      <c r="M16" s="265"/>
      <c r="N16" s="265"/>
      <c r="O16" s="265"/>
      <c r="P16" s="265"/>
      <c r="Q16" s="265"/>
      <c r="R16" s="265"/>
      <c r="S16" s="265"/>
      <c r="T16" s="265"/>
      <c r="U16" s="265"/>
      <c r="V16" s="265"/>
      <c r="W16" s="265"/>
      <c r="X16" s="265"/>
      <c r="Y16" s="265"/>
      <c r="Z16" s="265"/>
      <c r="AA16" s="265"/>
      <c r="AB16" s="265"/>
      <c r="AC16" s="265"/>
      <c r="AD16" s="265"/>
      <c r="AE16" s="265"/>
      <c r="AF16" s="265"/>
      <c r="AG16" s="265"/>
      <c r="AH16" s="265"/>
      <c r="AI16" s="265"/>
      <c r="AJ16" s="265"/>
      <c r="AK16" s="1197" t="s">
        <v>185</v>
      </c>
      <c r="AL16" s="1198"/>
      <c r="AM16" s="1198"/>
      <c r="AN16" s="1199"/>
      <c r="AO16" s="287">
        <v>352475717</v>
      </c>
      <c r="AP16" s="287">
        <v>93849</v>
      </c>
      <c r="AQ16" s="288">
        <v>102438</v>
      </c>
      <c r="AR16" s="289">
        <v>-8.4</v>
      </c>
    </row>
    <row r="17" spans="1:46" ht="13.2" x14ac:dyDescent="0.2">
      <c r="A17" s="269"/>
      <c r="B17" s="265"/>
      <c r="C17" s="265"/>
      <c r="D17" s="265"/>
      <c r="E17" s="265"/>
      <c r="F17" s="265"/>
      <c r="G17" s="265"/>
      <c r="H17" s="265"/>
      <c r="I17" s="265"/>
      <c r="J17" s="265"/>
      <c r="K17" s="265"/>
      <c r="L17" s="265"/>
      <c r="M17" s="265"/>
      <c r="N17" s="265"/>
      <c r="O17" s="265"/>
      <c r="P17" s="265"/>
      <c r="Q17" s="265"/>
      <c r="R17" s="265"/>
      <c r="S17" s="265"/>
      <c r="T17" s="265"/>
      <c r="U17" s="265"/>
      <c r="V17" s="265"/>
      <c r="W17" s="265"/>
      <c r="X17" s="265"/>
      <c r="Y17" s="265"/>
      <c r="Z17" s="265"/>
      <c r="AA17" s="265"/>
      <c r="AB17" s="265"/>
      <c r="AC17" s="265"/>
      <c r="AD17" s="265"/>
      <c r="AE17" s="265"/>
      <c r="AF17" s="265"/>
      <c r="AG17" s="265"/>
      <c r="AH17" s="265"/>
      <c r="AI17" s="265"/>
      <c r="AJ17" s="265"/>
      <c r="AK17" s="265"/>
      <c r="AL17" s="265"/>
      <c r="AM17" s="265"/>
      <c r="AN17" s="265"/>
      <c r="AO17" s="265"/>
      <c r="AP17" s="265"/>
      <c r="AQ17" s="265"/>
      <c r="AR17" s="290"/>
    </row>
    <row r="18" spans="1:46" ht="13.2" x14ac:dyDescent="0.2">
      <c r="A18" s="269"/>
      <c r="B18" s="265"/>
      <c r="C18" s="265"/>
      <c r="D18" s="265"/>
      <c r="E18" s="265"/>
      <c r="F18" s="265"/>
      <c r="G18" s="265"/>
      <c r="H18" s="265"/>
      <c r="I18" s="265"/>
      <c r="J18" s="265"/>
      <c r="K18" s="265"/>
      <c r="L18" s="265"/>
      <c r="M18" s="265"/>
      <c r="N18" s="265"/>
      <c r="O18" s="265"/>
      <c r="P18" s="265"/>
      <c r="Q18" s="265"/>
      <c r="R18" s="265"/>
      <c r="S18" s="265"/>
      <c r="T18" s="265"/>
      <c r="U18" s="265"/>
      <c r="V18" s="265"/>
      <c r="W18" s="265"/>
      <c r="X18" s="265"/>
      <c r="Y18" s="265"/>
      <c r="Z18" s="265"/>
      <c r="AA18" s="265"/>
      <c r="AB18" s="265"/>
      <c r="AC18" s="265"/>
      <c r="AD18" s="265"/>
      <c r="AE18" s="265"/>
      <c r="AF18" s="265"/>
      <c r="AG18" s="265"/>
      <c r="AH18" s="265"/>
      <c r="AI18" s="265"/>
      <c r="AJ18" s="265"/>
      <c r="AK18" s="265"/>
      <c r="AL18" s="265"/>
      <c r="AM18" s="265"/>
      <c r="AN18" s="265"/>
      <c r="AO18" s="265"/>
      <c r="AP18" s="265"/>
      <c r="AQ18" s="291"/>
      <c r="AR18" s="291"/>
    </row>
    <row r="19" spans="1:46" ht="13.2" x14ac:dyDescent="0.2">
      <c r="A19" s="269"/>
      <c r="B19" s="265"/>
      <c r="C19" s="265"/>
      <c r="D19" s="265"/>
      <c r="E19" s="265"/>
      <c r="F19" s="265"/>
      <c r="G19" s="265"/>
      <c r="H19" s="265"/>
      <c r="I19" s="265"/>
      <c r="J19" s="265"/>
      <c r="K19" s="265"/>
      <c r="L19" s="265"/>
      <c r="M19" s="265"/>
      <c r="N19" s="265"/>
      <c r="O19" s="265"/>
      <c r="P19" s="265"/>
      <c r="Q19" s="265"/>
      <c r="R19" s="265"/>
      <c r="S19" s="265"/>
      <c r="T19" s="265"/>
      <c r="U19" s="265"/>
      <c r="V19" s="265"/>
      <c r="W19" s="265"/>
      <c r="X19" s="265"/>
      <c r="Y19" s="265"/>
      <c r="Z19" s="265"/>
      <c r="AA19" s="265"/>
      <c r="AB19" s="265"/>
      <c r="AC19" s="265"/>
      <c r="AD19" s="265"/>
      <c r="AE19" s="265"/>
      <c r="AF19" s="265"/>
      <c r="AG19" s="265"/>
      <c r="AH19" s="265"/>
      <c r="AI19" s="265"/>
      <c r="AJ19" s="265"/>
      <c r="AK19" s="265" t="s">
        <v>536</v>
      </c>
      <c r="AL19" s="265"/>
      <c r="AM19" s="265"/>
      <c r="AN19" s="265"/>
      <c r="AO19" s="265"/>
      <c r="AP19" s="265"/>
      <c r="AQ19" s="265"/>
      <c r="AR19" s="265"/>
    </row>
    <row r="20" spans="1:46" ht="13.2" x14ac:dyDescent="0.2">
      <c r="A20" s="269"/>
      <c r="B20" s="265"/>
      <c r="C20" s="265"/>
      <c r="D20" s="265"/>
      <c r="E20" s="265"/>
      <c r="F20" s="265"/>
      <c r="G20" s="265"/>
      <c r="H20" s="265"/>
      <c r="I20" s="265"/>
      <c r="J20" s="265"/>
      <c r="K20" s="265"/>
      <c r="L20" s="265"/>
      <c r="M20" s="265"/>
      <c r="N20" s="265"/>
      <c r="O20" s="265"/>
      <c r="P20" s="265"/>
      <c r="Q20" s="265"/>
      <c r="R20" s="265"/>
      <c r="S20" s="265"/>
      <c r="T20" s="265"/>
      <c r="U20" s="265"/>
      <c r="V20" s="265"/>
      <c r="W20" s="265"/>
      <c r="X20" s="265"/>
      <c r="Y20" s="265"/>
      <c r="Z20" s="265"/>
      <c r="AA20" s="265"/>
      <c r="AB20" s="265"/>
      <c r="AC20" s="265"/>
      <c r="AD20" s="265"/>
      <c r="AE20" s="265"/>
      <c r="AF20" s="265"/>
      <c r="AG20" s="265"/>
      <c r="AH20" s="265"/>
      <c r="AI20" s="265"/>
      <c r="AJ20" s="265"/>
      <c r="AK20" s="292"/>
      <c r="AL20" s="293"/>
      <c r="AM20" s="293"/>
      <c r="AN20" s="294"/>
      <c r="AO20" s="295" t="s">
        <v>537</v>
      </c>
      <c r="AP20" s="296" t="s">
        <v>538</v>
      </c>
      <c r="AQ20" s="297" t="s">
        <v>539</v>
      </c>
      <c r="AR20" s="298"/>
    </row>
    <row r="21" spans="1:46" s="304" customFormat="1" ht="13.2" x14ac:dyDescent="0.2">
      <c r="A21" s="299"/>
      <c r="B21" s="270"/>
      <c r="C21" s="270"/>
      <c r="D21" s="270"/>
      <c r="E21" s="270"/>
      <c r="F21" s="270"/>
      <c r="G21" s="270"/>
      <c r="H21" s="270"/>
      <c r="I21" s="270"/>
      <c r="J21" s="270"/>
      <c r="K21" s="270"/>
      <c r="L21" s="270"/>
      <c r="M21" s="270"/>
      <c r="N21" s="270"/>
      <c r="O21" s="270"/>
      <c r="P21" s="270"/>
      <c r="Q21" s="270"/>
      <c r="R21" s="270"/>
      <c r="S21" s="270"/>
      <c r="T21" s="270"/>
      <c r="U21" s="270"/>
      <c r="V21" s="270"/>
      <c r="W21" s="270"/>
      <c r="X21" s="270"/>
      <c r="Y21" s="270"/>
      <c r="Z21" s="270"/>
      <c r="AA21" s="270"/>
      <c r="AB21" s="270"/>
      <c r="AC21" s="270"/>
      <c r="AD21" s="270"/>
      <c r="AE21" s="270"/>
      <c r="AF21" s="270"/>
      <c r="AG21" s="270"/>
      <c r="AH21" s="270"/>
      <c r="AI21" s="270"/>
      <c r="AJ21" s="270"/>
      <c r="AK21" s="1200" t="s">
        <v>540</v>
      </c>
      <c r="AL21" s="1201"/>
      <c r="AM21" s="1201"/>
      <c r="AN21" s="1202"/>
      <c r="AO21" s="300">
        <v>10.18</v>
      </c>
      <c r="AP21" s="301">
        <v>11.31</v>
      </c>
      <c r="AQ21" s="302">
        <v>-1.1299999999999999</v>
      </c>
      <c r="AR21" s="270"/>
      <c r="AS21" s="303"/>
      <c r="AT21" s="299"/>
    </row>
    <row r="22" spans="1:46" s="304" customFormat="1" ht="13.2" x14ac:dyDescent="0.2">
      <c r="A22" s="299"/>
      <c r="B22" s="270"/>
      <c r="C22" s="270"/>
      <c r="D22" s="270"/>
      <c r="E22" s="270"/>
      <c r="F22" s="270"/>
      <c r="G22" s="270"/>
      <c r="H22" s="270"/>
      <c r="I22" s="270"/>
      <c r="J22" s="270"/>
      <c r="K22" s="270"/>
      <c r="L22" s="270"/>
      <c r="M22" s="270"/>
      <c r="N22" s="270"/>
      <c r="O22" s="270"/>
      <c r="P22" s="270"/>
      <c r="Q22" s="270"/>
      <c r="R22" s="270"/>
      <c r="S22" s="270"/>
      <c r="T22" s="270"/>
      <c r="U22" s="270"/>
      <c r="V22" s="270"/>
      <c r="W22" s="270"/>
      <c r="X22" s="270"/>
      <c r="Y22" s="270"/>
      <c r="Z22" s="270"/>
      <c r="AA22" s="270"/>
      <c r="AB22" s="270"/>
      <c r="AC22" s="270"/>
      <c r="AD22" s="270"/>
      <c r="AE22" s="270"/>
      <c r="AF22" s="270"/>
      <c r="AG22" s="270"/>
      <c r="AH22" s="270"/>
      <c r="AI22" s="270"/>
      <c r="AJ22" s="270"/>
      <c r="AK22" s="1200" t="s">
        <v>541</v>
      </c>
      <c r="AL22" s="1201"/>
      <c r="AM22" s="1201"/>
      <c r="AN22" s="1202"/>
      <c r="AO22" s="305">
        <v>99.9</v>
      </c>
      <c r="AP22" s="306">
        <v>99.7</v>
      </c>
      <c r="AQ22" s="307">
        <v>0.2</v>
      </c>
      <c r="AR22" s="291"/>
      <c r="AS22" s="303"/>
      <c r="AT22" s="299"/>
    </row>
    <row r="23" spans="1:46" s="304" customFormat="1" ht="13.2" x14ac:dyDescent="0.2">
      <c r="A23" s="299"/>
      <c r="B23" s="270"/>
      <c r="C23" s="270"/>
      <c r="D23" s="270"/>
      <c r="E23" s="270"/>
      <c r="F23" s="270"/>
      <c r="G23" s="270"/>
      <c r="H23" s="270"/>
      <c r="I23" s="270"/>
      <c r="J23" s="270"/>
      <c r="K23" s="270"/>
      <c r="L23" s="270"/>
      <c r="M23" s="270"/>
      <c r="N23" s="270"/>
      <c r="O23" s="270"/>
      <c r="P23" s="270"/>
      <c r="Q23" s="270"/>
      <c r="R23" s="270"/>
      <c r="S23" s="270"/>
      <c r="T23" s="270"/>
      <c r="U23" s="270"/>
      <c r="V23" s="270"/>
      <c r="W23" s="270"/>
      <c r="X23" s="270"/>
      <c r="Y23" s="270"/>
      <c r="Z23" s="270"/>
      <c r="AA23" s="270"/>
      <c r="AB23" s="270"/>
      <c r="AC23" s="270"/>
      <c r="AD23" s="270"/>
      <c r="AE23" s="270"/>
      <c r="AF23" s="270"/>
      <c r="AG23" s="270"/>
      <c r="AH23" s="270"/>
      <c r="AI23" s="270"/>
      <c r="AJ23" s="270"/>
      <c r="AK23" s="270"/>
      <c r="AL23" s="270"/>
      <c r="AM23" s="270"/>
      <c r="AN23" s="270"/>
      <c r="AO23" s="270"/>
      <c r="AP23" s="291"/>
      <c r="AQ23" s="291"/>
      <c r="AR23" s="291"/>
      <c r="AS23" s="303"/>
      <c r="AT23" s="299"/>
    </row>
    <row r="24" spans="1:46" s="304" customFormat="1" ht="13.2" x14ac:dyDescent="0.2">
      <c r="A24" s="299"/>
      <c r="B24" s="270"/>
      <c r="C24" s="270"/>
      <c r="D24" s="270"/>
      <c r="E24" s="270"/>
      <c r="F24" s="270"/>
      <c r="G24" s="270"/>
      <c r="H24" s="270"/>
      <c r="I24" s="270"/>
      <c r="J24" s="270"/>
      <c r="K24" s="270"/>
      <c r="L24" s="270"/>
      <c r="M24" s="270"/>
      <c r="N24" s="270"/>
      <c r="O24" s="270"/>
      <c r="P24" s="270"/>
      <c r="Q24" s="270"/>
      <c r="R24" s="270"/>
      <c r="S24" s="270"/>
      <c r="T24" s="270"/>
      <c r="U24" s="270"/>
      <c r="V24" s="270"/>
      <c r="W24" s="270"/>
      <c r="X24" s="270"/>
      <c r="Y24" s="270"/>
      <c r="Z24" s="270"/>
      <c r="AA24" s="270"/>
      <c r="AB24" s="270"/>
      <c r="AC24" s="270"/>
      <c r="AD24" s="270"/>
      <c r="AE24" s="270"/>
      <c r="AF24" s="270"/>
      <c r="AG24" s="270"/>
      <c r="AH24" s="270"/>
      <c r="AI24" s="270"/>
      <c r="AJ24" s="270"/>
      <c r="AK24" s="270"/>
      <c r="AL24" s="270"/>
      <c r="AM24" s="270"/>
      <c r="AN24" s="270"/>
      <c r="AO24" s="270"/>
      <c r="AP24" s="291"/>
      <c r="AQ24" s="291"/>
      <c r="AR24" s="291"/>
      <c r="AS24" s="303"/>
      <c r="AT24" s="299"/>
    </row>
    <row r="25" spans="1:46" s="304" customFormat="1" ht="13.2" x14ac:dyDescent="0.2">
      <c r="A25" s="308"/>
      <c r="B25" s="309"/>
      <c r="C25" s="309"/>
      <c r="D25" s="309"/>
      <c r="E25" s="309"/>
      <c r="F25" s="309"/>
      <c r="G25" s="309"/>
      <c r="H25" s="309"/>
      <c r="I25" s="309"/>
      <c r="J25" s="309"/>
      <c r="K25" s="309"/>
      <c r="L25" s="309"/>
      <c r="M25" s="309"/>
      <c r="N25" s="309"/>
      <c r="O25" s="309"/>
      <c r="P25" s="309"/>
      <c r="Q25" s="309"/>
      <c r="R25" s="309"/>
      <c r="S25" s="309"/>
      <c r="T25" s="309"/>
      <c r="U25" s="309"/>
      <c r="V25" s="309"/>
      <c r="W25" s="309"/>
      <c r="X25" s="309"/>
      <c r="Y25" s="309"/>
      <c r="Z25" s="309"/>
      <c r="AA25" s="309"/>
      <c r="AB25" s="309"/>
      <c r="AC25" s="309"/>
      <c r="AD25" s="309"/>
      <c r="AE25" s="309"/>
      <c r="AF25" s="309"/>
      <c r="AG25" s="309"/>
      <c r="AH25" s="309"/>
      <c r="AI25" s="309"/>
      <c r="AJ25" s="309"/>
      <c r="AK25" s="309"/>
      <c r="AL25" s="309"/>
      <c r="AM25" s="309"/>
      <c r="AN25" s="309"/>
      <c r="AO25" s="309"/>
      <c r="AP25" s="310"/>
      <c r="AQ25" s="310"/>
      <c r="AR25" s="310"/>
      <c r="AS25" s="311"/>
      <c r="AT25" s="299"/>
    </row>
    <row r="26" spans="1:46" s="304" customFormat="1" ht="13.2" x14ac:dyDescent="0.2">
      <c r="A26" s="1193" t="s">
        <v>542</v>
      </c>
      <c r="B26" s="1193"/>
      <c r="C26" s="1193"/>
      <c r="D26" s="1193"/>
      <c r="E26" s="1193"/>
      <c r="F26" s="1193"/>
      <c r="G26" s="1193"/>
      <c r="H26" s="1193"/>
      <c r="I26" s="1193"/>
      <c r="J26" s="1193"/>
      <c r="K26" s="1193"/>
      <c r="L26" s="1193"/>
      <c r="M26" s="1193"/>
      <c r="N26" s="1193"/>
      <c r="O26" s="1193"/>
      <c r="P26" s="1193"/>
      <c r="Q26" s="1193"/>
      <c r="R26" s="1193"/>
      <c r="S26" s="1193"/>
      <c r="T26" s="1193"/>
      <c r="U26" s="1193"/>
      <c r="V26" s="1193"/>
      <c r="W26" s="1193"/>
      <c r="X26" s="1193"/>
      <c r="Y26" s="1193"/>
      <c r="Z26" s="1193"/>
      <c r="AA26" s="1193"/>
      <c r="AB26" s="1193"/>
      <c r="AC26" s="1193"/>
      <c r="AD26" s="1193"/>
      <c r="AE26" s="1193"/>
      <c r="AF26" s="1193"/>
      <c r="AG26" s="1193"/>
      <c r="AH26" s="1193"/>
      <c r="AI26" s="1193"/>
      <c r="AJ26" s="1193"/>
      <c r="AK26" s="1193"/>
      <c r="AL26" s="1193"/>
      <c r="AM26" s="1193"/>
      <c r="AN26" s="1193"/>
      <c r="AO26" s="1193"/>
      <c r="AP26" s="1193"/>
      <c r="AQ26" s="1193"/>
      <c r="AR26" s="1193"/>
      <c r="AS26" s="1193"/>
      <c r="AT26" s="270"/>
    </row>
    <row r="27" spans="1:46" ht="13.2" x14ac:dyDescent="0.2">
      <c r="A27" s="312"/>
      <c r="AO27" s="265"/>
      <c r="AP27" s="265"/>
      <c r="AQ27" s="265"/>
      <c r="AR27" s="265"/>
      <c r="AS27" s="265"/>
      <c r="AT27" s="265"/>
    </row>
    <row r="28" spans="1:46" ht="16.2" x14ac:dyDescent="0.2">
      <c r="A28" s="266" t="s">
        <v>543</v>
      </c>
      <c r="B28" s="267"/>
      <c r="C28" s="267"/>
      <c r="D28" s="267"/>
      <c r="E28" s="267"/>
      <c r="F28" s="267"/>
      <c r="G28" s="267"/>
      <c r="H28" s="267"/>
      <c r="I28" s="267"/>
      <c r="J28" s="267"/>
      <c r="K28" s="267"/>
      <c r="L28" s="267"/>
      <c r="M28" s="267"/>
      <c r="N28" s="267"/>
      <c r="O28" s="267"/>
      <c r="P28" s="267"/>
      <c r="Q28" s="267"/>
      <c r="R28" s="267"/>
      <c r="S28" s="267"/>
      <c r="T28" s="267"/>
      <c r="U28" s="267"/>
      <c r="V28" s="267"/>
      <c r="W28" s="267"/>
      <c r="X28" s="267"/>
      <c r="Y28" s="267"/>
      <c r="Z28" s="267"/>
      <c r="AA28" s="267"/>
      <c r="AB28" s="267"/>
      <c r="AC28" s="267"/>
      <c r="AD28" s="267"/>
      <c r="AE28" s="267"/>
      <c r="AF28" s="267"/>
      <c r="AG28" s="267"/>
      <c r="AH28" s="267"/>
      <c r="AI28" s="267"/>
      <c r="AJ28" s="267"/>
      <c r="AK28" s="267"/>
      <c r="AL28" s="267"/>
      <c r="AM28" s="267"/>
      <c r="AN28" s="267"/>
      <c r="AO28" s="267"/>
      <c r="AP28" s="267"/>
      <c r="AQ28" s="267"/>
      <c r="AR28" s="267"/>
      <c r="AS28" s="313"/>
    </row>
    <row r="29" spans="1:46" ht="13.2" x14ac:dyDescent="0.2">
      <c r="A29" s="269"/>
      <c r="B29" s="265"/>
      <c r="C29" s="265"/>
      <c r="D29" s="265"/>
      <c r="E29" s="265"/>
      <c r="F29" s="265"/>
      <c r="G29" s="265"/>
      <c r="H29" s="265"/>
      <c r="I29" s="265"/>
      <c r="J29" s="265"/>
      <c r="K29" s="265"/>
      <c r="L29" s="265"/>
      <c r="M29" s="265"/>
      <c r="N29" s="265"/>
      <c r="O29" s="265"/>
      <c r="P29" s="265"/>
      <c r="Q29" s="265"/>
      <c r="R29" s="265"/>
      <c r="S29" s="265"/>
      <c r="T29" s="265"/>
      <c r="U29" s="265"/>
      <c r="V29" s="265"/>
      <c r="W29" s="265"/>
      <c r="X29" s="265"/>
      <c r="Y29" s="265"/>
      <c r="Z29" s="265"/>
      <c r="AA29" s="265"/>
      <c r="AB29" s="265"/>
      <c r="AC29" s="265"/>
      <c r="AD29" s="265"/>
      <c r="AE29" s="265"/>
      <c r="AF29" s="265"/>
      <c r="AG29" s="265"/>
      <c r="AH29" s="265"/>
      <c r="AI29" s="265"/>
      <c r="AJ29" s="265"/>
      <c r="AK29" s="270" t="s">
        <v>544</v>
      </c>
      <c r="AL29" s="270"/>
      <c r="AM29" s="270"/>
      <c r="AN29" s="270"/>
      <c r="AO29" s="265"/>
      <c r="AP29" s="265"/>
      <c r="AQ29" s="265"/>
      <c r="AR29" s="265"/>
      <c r="AS29" s="314"/>
    </row>
    <row r="30" spans="1:46" ht="13.5" customHeight="1" x14ac:dyDescent="0.2">
      <c r="A30" s="269"/>
      <c r="B30" s="265"/>
      <c r="C30" s="265"/>
      <c r="D30" s="265"/>
      <c r="E30" s="265"/>
      <c r="F30" s="265"/>
      <c r="G30" s="265"/>
      <c r="H30" s="265"/>
      <c r="I30" s="265"/>
      <c r="J30" s="265"/>
      <c r="K30" s="265"/>
      <c r="L30" s="265"/>
      <c r="M30" s="265"/>
      <c r="N30" s="265"/>
      <c r="O30" s="265"/>
      <c r="P30" s="265"/>
      <c r="Q30" s="265"/>
      <c r="R30" s="265"/>
      <c r="S30" s="265"/>
      <c r="T30" s="265"/>
      <c r="U30" s="265"/>
      <c r="V30" s="265"/>
      <c r="W30" s="265"/>
      <c r="X30" s="265"/>
      <c r="Y30" s="265"/>
      <c r="Z30" s="265"/>
      <c r="AA30" s="265"/>
      <c r="AB30" s="265"/>
      <c r="AC30" s="265"/>
      <c r="AD30" s="265"/>
      <c r="AE30" s="265"/>
      <c r="AF30" s="265"/>
      <c r="AG30" s="265"/>
      <c r="AH30" s="265"/>
      <c r="AI30" s="265"/>
      <c r="AJ30" s="265"/>
      <c r="AK30" s="272"/>
      <c r="AL30" s="273"/>
      <c r="AM30" s="273"/>
      <c r="AN30" s="274"/>
      <c r="AO30" s="1182" t="s">
        <v>523</v>
      </c>
      <c r="AP30" s="275"/>
      <c r="AQ30" s="276" t="s">
        <v>524</v>
      </c>
      <c r="AR30" s="277"/>
    </row>
    <row r="31" spans="1:46" ht="13.2" x14ac:dyDescent="0.2">
      <c r="A31" s="269"/>
      <c r="B31" s="265"/>
      <c r="C31" s="265"/>
      <c r="D31" s="265"/>
      <c r="E31" s="265"/>
      <c r="F31" s="265"/>
      <c r="G31" s="265"/>
      <c r="H31" s="265"/>
      <c r="I31" s="265"/>
      <c r="J31" s="265"/>
      <c r="K31" s="265"/>
      <c r="L31" s="265"/>
      <c r="M31" s="265"/>
      <c r="N31" s="265"/>
      <c r="O31" s="265"/>
      <c r="P31" s="265"/>
      <c r="Q31" s="265"/>
      <c r="R31" s="265"/>
      <c r="S31" s="265"/>
      <c r="T31" s="265"/>
      <c r="U31" s="265"/>
      <c r="V31" s="265"/>
      <c r="W31" s="265"/>
      <c r="X31" s="265"/>
      <c r="Y31" s="265"/>
      <c r="Z31" s="265"/>
      <c r="AA31" s="265"/>
      <c r="AB31" s="265"/>
      <c r="AC31" s="265"/>
      <c r="AD31" s="265"/>
      <c r="AE31" s="265"/>
      <c r="AF31" s="265"/>
      <c r="AG31" s="265"/>
      <c r="AH31" s="265"/>
      <c r="AI31" s="265"/>
      <c r="AJ31" s="265"/>
      <c r="AK31" s="278"/>
      <c r="AL31" s="279"/>
      <c r="AM31" s="279"/>
      <c r="AN31" s="280"/>
      <c r="AO31" s="1183"/>
      <c r="AP31" s="281" t="s">
        <v>525</v>
      </c>
      <c r="AQ31" s="282" t="s">
        <v>526</v>
      </c>
      <c r="AR31" s="283" t="s">
        <v>527</v>
      </c>
    </row>
    <row r="32" spans="1:46" ht="27" customHeight="1" x14ac:dyDescent="0.2">
      <c r="A32" s="269"/>
      <c r="B32" s="265"/>
      <c r="C32" s="265"/>
      <c r="D32" s="265"/>
      <c r="E32" s="265"/>
      <c r="F32" s="265"/>
      <c r="G32" s="265"/>
      <c r="H32" s="265"/>
      <c r="I32" s="265"/>
      <c r="J32" s="265"/>
      <c r="K32" s="265"/>
      <c r="L32" s="265"/>
      <c r="M32" s="265"/>
      <c r="N32" s="265"/>
      <c r="O32" s="265"/>
      <c r="P32" s="265"/>
      <c r="Q32" s="265"/>
      <c r="R32" s="265"/>
      <c r="S32" s="265"/>
      <c r="T32" s="265"/>
      <c r="U32" s="265"/>
      <c r="V32" s="265"/>
      <c r="W32" s="265"/>
      <c r="X32" s="265"/>
      <c r="Y32" s="265"/>
      <c r="Z32" s="265"/>
      <c r="AA32" s="265"/>
      <c r="AB32" s="265"/>
      <c r="AC32" s="265"/>
      <c r="AD32" s="265"/>
      <c r="AE32" s="265"/>
      <c r="AF32" s="265"/>
      <c r="AG32" s="265"/>
      <c r="AH32" s="265"/>
      <c r="AI32" s="265"/>
      <c r="AJ32" s="265"/>
      <c r="AK32" s="1184" t="s">
        <v>545</v>
      </c>
      <c r="AL32" s="1185"/>
      <c r="AM32" s="1185"/>
      <c r="AN32" s="1186"/>
      <c r="AO32" s="315">
        <v>114467681</v>
      </c>
      <c r="AP32" s="315">
        <v>30478</v>
      </c>
      <c r="AQ32" s="316">
        <v>31345</v>
      </c>
      <c r="AR32" s="317">
        <v>-2.8</v>
      </c>
    </row>
    <row r="33" spans="1:46" ht="13.5" customHeight="1" x14ac:dyDescent="0.2">
      <c r="A33" s="269"/>
      <c r="B33" s="265"/>
      <c r="C33" s="265"/>
      <c r="D33" s="265"/>
      <c r="E33" s="265"/>
      <c r="F33" s="265"/>
      <c r="G33" s="265"/>
      <c r="H33" s="265"/>
      <c r="I33" s="265"/>
      <c r="J33" s="265"/>
      <c r="K33" s="265"/>
      <c r="L33" s="265"/>
      <c r="M33" s="265"/>
      <c r="N33" s="265"/>
      <c r="O33" s="265"/>
      <c r="P33" s="265"/>
      <c r="Q33" s="265"/>
      <c r="R33" s="265"/>
      <c r="S33" s="265"/>
      <c r="T33" s="265"/>
      <c r="U33" s="265"/>
      <c r="V33" s="265"/>
      <c r="W33" s="265"/>
      <c r="X33" s="265"/>
      <c r="Y33" s="265"/>
      <c r="Z33" s="265"/>
      <c r="AA33" s="265"/>
      <c r="AB33" s="265"/>
      <c r="AC33" s="265"/>
      <c r="AD33" s="265"/>
      <c r="AE33" s="265"/>
      <c r="AF33" s="265"/>
      <c r="AG33" s="265"/>
      <c r="AH33" s="265"/>
      <c r="AI33" s="265"/>
      <c r="AJ33" s="265"/>
      <c r="AK33" s="1184" t="s">
        <v>546</v>
      </c>
      <c r="AL33" s="1185"/>
      <c r="AM33" s="1185"/>
      <c r="AN33" s="1186"/>
      <c r="AO33" s="315">
        <v>23891480</v>
      </c>
      <c r="AP33" s="315">
        <v>6361</v>
      </c>
      <c r="AQ33" s="316">
        <v>2339</v>
      </c>
      <c r="AR33" s="317">
        <v>172</v>
      </c>
    </row>
    <row r="34" spans="1:46" ht="27" customHeight="1" x14ac:dyDescent="0.2">
      <c r="A34" s="269"/>
      <c r="B34" s="265"/>
      <c r="C34" s="265"/>
      <c r="D34" s="265"/>
      <c r="E34" s="265"/>
      <c r="F34" s="265"/>
      <c r="G34" s="265"/>
      <c r="H34" s="265"/>
      <c r="I34" s="265"/>
      <c r="J34" s="265"/>
      <c r="K34" s="265"/>
      <c r="L34" s="265"/>
      <c r="M34" s="265"/>
      <c r="N34" s="265"/>
      <c r="O34" s="265"/>
      <c r="P34" s="265"/>
      <c r="Q34" s="265"/>
      <c r="R34" s="265"/>
      <c r="S34" s="265"/>
      <c r="T34" s="265"/>
      <c r="U34" s="265"/>
      <c r="V34" s="265"/>
      <c r="W34" s="265"/>
      <c r="X34" s="265"/>
      <c r="Y34" s="265"/>
      <c r="Z34" s="265"/>
      <c r="AA34" s="265"/>
      <c r="AB34" s="265"/>
      <c r="AC34" s="265"/>
      <c r="AD34" s="265"/>
      <c r="AE34" s="265"/>
      <c r="AF34" s="265"/>
      <c r="AG34" s="265"/>
      <c r="AH34" s="265"/>
      <c r="AI34" s="265"/>
      <c r="AJ34" s="265"/>
      <c r="AK34" s="1184" t="s">
        <v>547</v>
      </c>
      <c r="AL34" s="1185"/>
      <c r="AM34" s="1185"/>
      <c r="AN34" s="1186"/>
      <c r="AO34" s="315">
        <v>61100568</v>
      </c>
      <c r="AP34" s="315">
        <v>16268</v>
      </c>
      <c r="AQ34" s="316">
        <v>20945</v>
      </c>
      <c r="AR34" s="317">
        <v>-22.3</v>
      </c>
    </row>
    <row r="35" spans="1:46" ht="27" customHeight="1" x14ac:dyDescent="0.2">
      <c r="A35" s="269"/>
      <c r="B35" s="265"/>
      <c r="C35" s="265"/>
      <c r="D35" s="265"/>
      <c r="E35" s="265"/>
      <c r="F35" s="265"/>
      <c r="G35" s="265"/>
      <c r="H35" s="265"/>
      <c r="I35" s="265"/>
      <c r="J35" s="265"/>
      <c r="K35" s="265"/>
      <c r="L35" s="265"/>
      <c r="M35" s="265"/>
      <c r="N35" s="265"/>
      <c r="O35" s="265"/>
      <c r="P35" s="265"/>
      <c r="Q35" s="265"/>
      <c r="R35" s="265"/>
      <c r="S35" s="265"/>
      <c r="T35" s="265"/>
      <c r="U35" s="265"/>
      <c r="V35" s="265"/>
      <c r="W35" s="265"/>
      <c r="X35" s="265"/>
      <c r="Y35" s="265"/>
      <c r="Z35" s="265"/>
      <c r="AA35" s="265"/>
      <c r="AB35" s="265"/>
      <c r="AC35" s="265"/>
      <c r="AD35" s="265"/>
      <c r="AE35" s="265"/>
      <c r="AF35" s="265"/>
      <c r="AG35" s="265"/>
      <c r="AH35" s="265"/>
      <c r="AI35" s="265"/>
      <c r="AJ35" s="265"/>
      <c r="AK35" s="1184" t="s">
        <v>548</v>
      </c>
      <c r="AL35" s="1185"/>
      <c r="AM35" s="1185"/>
      <c r="AN35" s="1186"/>
      <c r="AO35" s="315">
        <v>43268650</v>
      </c>
      <c r="AP35" s="315">
        <v>11521</v>
      </c>
      <c r="AQ35" s="316">
        <v>9788</v>
      </c>
      <c r="AR35" s="317">
        <v>17.7</v>
      </c>
    </row>
    <row r="36" spans="1:46" ht="27" customHeight="1" x14ac:dyDescent="0.2">
      <c r="A36" s="269"/>
      <c r="B36" s="265"/>
      <c r="C36" s="265"/>
      <c r="D36" s="265"/>
      <c r="E36" s="265"/>
      <c r="F36" s="265"/>
      <c r="G36" s="265"/>
      <c r="H36" s="265"/>
      <c r="I36" s="265"/>
      <c r="J36" s="265"/>
      <c r="K36" s="265"/>
      <c r="L36" s="265"/>
      <c r="M36" s="265"/>
      <c r="N36" s="265"/>
      <c r="O36" s="265"/>
      <c r="P36" s="265"/>
      <c r="Q36" s="265"/>
      <c r="R36" s="265"/>
      <c r="S36" s="265"/>
      <c r="T36" s="265"/>
      <c r="U36" s="265"/>
      <c r="V36" s="265"/>
      <c r="W36" s="265"/>
      <c r="X36" s="265"/>
      <c r="Y36" s="265"/>
      <c r="Z36" s="265"/>
      <c r="AA36" s="265"/>
      <c r="AB36" s="265"/>
      <c r="AC36" s="265"/>
      <c r="AD36" s="265"/>
      <c r="AE36" s="265"/>
      <c r="AF36" s="265"/>
      <c r="AG36" s="265"/>
      <c r="AH36" s="265"/>
      <c r="AI36" s="265"/>
      <c r="AJ36" s="265"/>
      <c r="AK36" s="1184" t="s">
        <v>549</v>
      </c>
      <c r="AL36" s="1185"/>
      <c r="AM36" s="1185"/>
      <c r="AN36" s="1186"/>
      <c r="AO36" s="315" t="s">
        <v>532</v>
      </c>
      <c r="AP36" s="315" t="s">
        <v>532</v>
      </c>
      <c r="AQ36" s="316">
        <v>145</v>
      </c>
      <c r="AR36" s="317" t="s">
        <v>532</v>
      </c>
    </row>
    <row r="37" spans="1:46" ht="13.5" customHeight="1" x14ac:dyDescent="0.2">
      <c r="A37" s="269"/>
      <c r="B37" s="265"/>
      <c r="C37" s="265"/>
      <c r="D37" s="265"/>
      <c r="E37" s="265"/>
      <c r="F37" s="265"/>
      <c r="G37" s="265"/>
      <c r="H37" s="265"/>
      <c r="I37" s="265"/>
      <c r="J37" s="265"/>
      <c r="K37" s="265"/>
      <c r="L37" s="265"/>
      <c r="M37" s="265"/>
      <c r="N37" s="265"/>
      <c r="O37" s="265"/>
      <c r="P37" s="265"/>
      <c r="Q37" s="265"/>
      <c r="R37" s="265"/>
      <c r="S37" s="265"/>
      <c r="T37" s="265"/>
      <c r="U37" s="265"/>
      <c r="V37" s="265"/>
      <c r="W37" s="265"/>
      <c r="X37" s="265"/>
      <c r="Y37" s="265"/>
      <c r="Z37" s="265"/>
      <c r="AA37" s="265"/>
      <c r="AB37" s="265"/>
      <c r="AC37" s="265"/>
      <c r="AD37" s="265"/>
      <c r="AE37" s="265"/>
      <c r="AF37" s="265"/>
      <c r="AG37" s="265"/>
      <c r="AH37" s="265"/>
      <c r="AI37" s="265"/>
      <c r="AJ37" s="265"/>
      <c r="AK37" s="1184" t="s">
        <v>550</v>
      </c>
      <c r="AL37" s="1185"/>
      <c r="AM37" s="1185"/>
      <c r="AN37" s="1186"/>
      <c r="AO37" s="315">
        <v>3327137</v>
      </c>
      <c r="AP37" s="315">
        <v>886</v>
      </c>
      <c r="AQ37" s="316">
        <v>1430</v>
      </c>
      <c r="AR37" s="317">
        <v>-38</v>
      </c>
    </row>
    <row r="38" spans="1:46" ht="27" customHeight="1" x14ac:dyDescent="0.2">
      <c r="A38" s="269"/>
      <c r="B38" s="265"/>
      <c r="C38" s="265"/>
      <c r="D38" s="265"/>
      <c r="E38" s="265"/>
      <c r="F38" s="265"/>
      <c r="G38" s="265"/>
      <c r="H38" s="265"/>
      <c r="I38" s="265"/>
      <c r="J38" s="265"/>
      <c r="K38" s="265"/>
      <c r="L38" s="265"/>
      <c r="M38" s="265"/>
      <c r="N38" s="265"/>
      <c r="O38" s="265"/>
      <c r="P38" s="265"/>
      <c r="Q38" s="265"/>
      <c r="R38" s="265"/>
      <c r="S38" s="265"/>
      <c r="T38" s="265"/>
      <c r="U38" s="265"/>
      <c r="V38" s="265"/>
      <c r="W38" s="265"/>
      <c r="X38" s="265"/>
      <c r="Y38" s="265"/>
      <c r="Z38" s="265"/>
      <c r="AA38" s="265"/>
      <c r="AB38" s="265"/>
      <c r="AC38" s="265"/>
      <c r="AD38" s="265"/>
      <c r="AE38" s="265"/>
      <c r="AF38" s="265"/>
      <c r="AG38" s="265"/>
      <c r="AH38" s="265"/>
      <c r="AI38" s="265"/>
      <c r="AJ38" s="265"/>
      <c r="AK38" s="1187" t="s">
        <v>551</v>
      </c>
      <c r="AL38" s="1188"/>
      <c r="AM38" s="1188"/>
      <c r="AN38" s="1189"/>
      <c r="AO38" s="318">
        <v>25</v>
      </c>
      <c r="AP38" s="318">
        <v>0</v>
      </c>
      <c r="AQ38" s="319">
        <v>1</v>
      </c>
      <c r="AR38" s="307">
        <v>-100</v>
      </c>
      <c r="AS38" s="314"/>
    </row>
    <row r="39" spans="1:46" ht="13.2" x14ac:dyDescent="0.2">
      <c r="A39" s="269"/>
      <c r="B39" s="265"/>
      <c r="C39" s="265"/>
      <c r="D39" s="265"/>
      <c r="E39" s="265"/>
      <c r="F39" s="265"/>
      <c r="G39" s="265"/>
      <c r="H39" s="265"/>
      <c r="I39" s="265"/>
      <c r="J39" s="265"/>
      <c r="K39" s="265"/>
      <c r="L39" s="265"/>
      <c r="M39" s="265"/>
      <c r="N39" s="265"/>
      <c r="O39" s="265"/>
      <c r="P39" s="265"/>
      <c r="Q39" s="265"/>
      <c r="R39" s="265"/>
      <c r="S39" s="265"/>
      <c r="T39" s="265"/>
      <c r="U39" s="265"/>
      <c r="V39" s="265"/>
      <c r="W39" s="265"/>
      <c r="X39" s="265"/>
      <c r="Y39" s="265"/>
      <c r="Z39" s="265"/>
      <c r="AA39" s="265"/>
      <c r="AB39" s="265"/>
      <c r="AC39" s="265"/>
      <c r="AD39" s="265"/>
      <c r="AE39" s="265"/>
      <c r="AF39" s="265"/>
      <c r="AG39" s="265"/>
      <c r="AH39" s="265"/>
      <c r="AI39" s="265"/>
      <c r="AJ39" s="265"/>
      <c r="AK39" s="1187" t="s">
        <v>552</v>
      </c>
      <c r="AL39" s="1188"/>
      <c r="AM39" s="1188"/>
      <c r="AN39" s="1189"/>
      <c r="AO39" s="315">
        <v>-51424709</v>
      </c>
      <c r="AP39" s="315">
        <v>-13692</v>
      </c>
      <c r="AQ39" s="316">
        <v>-16549</v>
      </c>
      <c r="AR39" s="317">
        <v>-17.3</v>
      </c>
      <c r="AS39" s="314"/>
    </row>
    <row r="40" spans="1:46" ht="27" customHeight="1" x14ac:dyDescent="0.2">
      <c r="A40" s="269"/>
      <c r="B40" s="265"/>
      <c r="C40" s="265"/>
      <c r="D40" s="265"/>
      <c r="E40" s="265"/>
      <c r="F40" s="265"/>
      <c r="G40" s="265"/>
      <c r="H40" s="265"/>
      <c r="I40" s="265"/>
      <c r="J40" s="265"/>
      <c r="K40" s="265"/>
      <c r="L40" s="265"/>
      <c r="M40" s="265"/>
      <c r="N40" s="265"/>
      <c r="O40" s="265"/>
      <c r="P40" s="265"/>
      <c r="Q40" s="265"/>
      <c r="R40" s="265"/>
      <c r="S40" s="265"/>
      <c r="T40" s="265"/>
      <c r="U40" s="265"/>
      <c r="V40" s="265"/>
      <c r="W40" s="265"/>
      <c r="X40" s="265"/>
      <c r="Y40" s="265"/>
      <c r="Z40" s="265"/>
      <c r="AA40" s="265"/>
      <c r="AB40" s="265"/>
      <c r="AC40" s="265"/>
      <c r="AD40" s="265"/>
      <c r="AE40" s="265"/>
      <c r="AF40" s="265"/>
      <c r="AG40" s="265"/>
      <c r="AH40" s="265"/>
      <c r="AI40" s="265"/>
      <c r="AJ40" s="265"/>
      <c r="AK40" s="1184" t="s">
        <v>553</v>
      </c>
      <c r="AL40" s="1185"/>
      <c r="AM40" s="1185"/>
      <c r="AN40" s="1186"/>
      <c r="AO40" s="315">
        <v>-104749580</v>
      </c>
      <c r="AP40" s="315">
        <v>-27890</v>
      </c>
      <c r="AQ40" s="316">
        <v>-31989</v>
      </c>
      <c r="AR40" s="317">
        <v>-12.8</v>
      </c>
      <c r="AS40" s="314"/>
    </row>
    <row r="41" spans="1:46" ht="13.2" x14ac:dyDescent="0.2">
      <c r="A41" s="269"/>
      <c r="B41" s="265"/>
      <c r="C41" s="265"/>
      <c r="D41" s="265"/>
      <c r="E41" s="265"/>
      <c r="F41" s="265"/>
      <c r="G41" s="265"/>
      <c r="H41" s="265"/>
      <c r="I41" s="265"/>
      <c r="J41" s="265"/>
      <c r="K41" s="265"/>
      <c r="L41" s="265"/>
      <c r="M41" s="265"/>
      <c r="N41" s="265"/>
      <c r="O41" s="265"/>
      <c r="P41" s="265"/>
      <c r="Q41" s="265"/>
      <c r="R41" s="265"/>
      <c r="S41" s="265"/>
      <c r="T41" s="265"/>
      <c r="U41" s="265"/>
      <c r="V41" s="265"/>
      <c r="W41" s="265"/>
      <c r="X41" s="265"/>
      <c r="Y41" s="265"/>
      <c r="Z41" s="265"/>
      <c r="AA41" s="265"/>
      <c r="AB41" s="265"/>
      <c r="AC41" s="265"/>
      <c r="AD41" s="265"/>
      <c r="AE41" s="265"/>
      <c r="AF41" s="265"/>
      <c r="AG41" s="265"/>
      <c r="AH41" s="265"/>
      <c r="AI41" s="265"/>
      <c r="AJ41" s="265"/>
      <c r="AK41" s="1190" t="s">
        <v>295</v>
      </c>
      <c r="AL41" s="1191"/>
      <c r="AM41" s="1191"/>
      <c r="AN41" s="1192"/>
      <c r="AO41" s="315">
        <v>89881252</v>
      </c>
      <c r="AP41" s="315">
        <v>23931</v>
      </c>
      <c r="AQ41" s="316">
        <v>17454</v>
      </c>
      <c r="AR41" s="317">
        <v>37.1</v>
      </c>
      <c r="AS41" s="314"/>
    </row>
    <row r="42" spans="1:46" ht="13.2" x14ac:dyDescent="0.2">
      <c r="A42" s="269"/>
      <c r="B42" s="265"/>
      <c r="C42" s="265"/>
      <c r="D42" s="265"/>
      <c r="E42" s="265"/>
      <c r="F42" s="265"/>
      <c r="G42" s="265"/>
      <c r="H42" s="265"/>
      <c r="I42" s="265"/>
      <c r="J42" s="265"/>
      <c r="K42" s="265"/>
      <c r="L42" s="265"/>
      <c r="M42" s="265"/>
      <c r="N42" s="265"/>
      <c r="O42" s="265"/>
      <c r="P42" s="265"/>
      <c r="Q42" s="265"/>
      <c r="R42" s="265"/>
      <c r="S42" s="265"/>
      <c r="T42" s="265"/>
      <c r="U42" s="265"/>
      <c r="V42" s="265"/>
      <c r="W42" s="265"/>
      <c r="X42" s="265"/>
      <c r="Y42" s="265"/>
      <c r="Z42" s="265"/>
      <c r="AA42" s="265"/>
      <c r="AB42" s="265"/>
      <c r="AC42" s="265"/>
      <c r="AD42" s="265"/>
      <c r="AE42" s="265"/>
      <c r="AF42" s="265"/>
      <c r="AG42" s="265"/>
      <c r="AH42" s="265"/>
      <c r="AI42" s="265"/>
      <c r="AJ42" s="265"/>
      <c r="AK42" s="320" t="s">
        <v>554</v>
      </c>
      <c r="AL42" s="265"/>
      <c r="AM42" s="265"/>
      <c r="AN42" s="265"/>
      <c r="AO42" s="265"/>
      <c r="AP42" s="265"/>
      <c r="AQ42" s="291"/>
      <c r="AR42" s="291"/>
      <c r="AS42" s="314"/>
    </row>
    <row r="43" spans="1:46" ht="13.2" x14ac:dyDescent="0.2">
      <c r="A43" s="269"/>
      <c r="B43" s="265"/>
      <c r="C43" s="265"/>
      <c r="D43" s="265"/>
      <c r="E43" s="265"/>
      <c r="F43" s="265"/>
      <c r="G43" s="265"/>
      <c r="H43" s="265"/>
      <c r="I43" s="265"/>
      <c r="J43" s="265"/>
      <c r="K43" s="265"/>
      <c r="L43" s="265"/>
      <c r="M43" s="265"/>
      <c r="N43" s="265"/>
      <c r="O43" s="265"/>
      <c r="P43" s="265"/>
      <c r="Q43" s="265"/>
      <c r="R43" s="265"/>
      <c r="S43" s="265"/>
      <c r="T43" s="265"/>
      <c r="U43" s="265"/>
      <c r="V43" s="265"/>
      <c r="W43" s="265"/>
      <c r="X43" s="265"/>
      <c r="Y43" s="265"/>
      <c r="Z43" s="265"/>
      <c r="AA43" s="265"/>
      <c r="AB43" s="265"/>
      <c r="AC43" s="265"/>
      <c r="AD43" s="265"/>
      <c r="AE43" s="265"/>
      <c r="AF43" s="265"/>
      <c r="AG43" s="265"/>
      <c r="AH43" s="265"/>
      <c r="AI43" s="265"/>
      <c r="AJ43" s="265"/>
      <c r="AK43" s="265"/>
      <c r="AL43" s="265"/>
      <c r="AM43" s="265"/>
      <c r="AN43" s="265"/>
      <c r="AO43" s="265"/>
      <c r="AP43" s="321"/>
      <c r="AQ43" s="291"/>
      <c r="AR43" s="265"/>
      <c r="AS43" s="314"/>
    </row>
    <row r="44" spans="1:46" ht="13.2" x14ac:dyDescent="0.2">
      <c r="A44" s="269"/>
      <c r="B44" s="265"/>
      <c r="C44" s="265"/>
      <c r="D44" s="265"/>
      <c r="E44" s="265"/>
      <c r="F44" s="265"/>
      <c r="G44" s="265"/>
      <c r="H44" s="265"/>
      <c r="I44" s="265"/>
      <c r="J44" s="265"/>
      <c r="K44" s="265"/>
      <c r="L44" s="265"/>
      <c r="M44" s="265"/>
      <c r="N44" s="265"/>
      <c r="O44" s="265"/>
      <c r="P44" s="265"/>
      <c r="Q44" s="265"/>
      <c r="R44" s="265"/>
      <c r="S44" s="265"/>
      <c r="T44" s="265"/>
      <c r="U44" s="265"/>
      <c r="V44" s="265"/>
      <c r="W44" s="265"/>
      <c r="X44" s="265"/>
      <c r="Y44" s="265"/>
      <c r="Z44" s="265"/>
      <c r="AA44" s="265"/>
      <c r="AB44" s="265"/>
      <c r="AC44" s="265"/>
      <c r="AD44" s="265"/>
      <c r="AE44" s="265"/>
      <c r="AF44" s="265"/>
      <c r="AG44" s="265"/>
      <c r="AH44" s="265"/>
      <c r="AI44" s="265"/>
      <c r="AJ44" s="265"/>
      <c r="AK44" s="265"/>
      <c r="AL44" s="265"/>
      <c r="AM44" s="265"/>
      <c r="AN44" s="265"/>
      <c r="AO44" s="265"/>
      <c r="AP44" s="265"/>
      <c r="AQ44" s="291"/>
      <c r="AR44" s="265"/>
    </row>
    <row r="45" spans="1:46" ht="13.2" x14ac:dyDescent="0.2">
      <c r="A45" s="267"/>
      <c r="B45" s="267"/>
      <c r="C45" s="267"/>
      <c r="D45" s="267"/>
      <c r="E45" s="267"/>
      <c r="F45" s="267"/>
      <c r="G45" s="267"/>
      <c r="H45" s="267"/>
      <c r="I45" s="267"/>
      <c r="J45" s="267"/>
      <c r="K45" s="267"/>
      <c r="L45" s="267"/>
      <c r="M45" s="267"/>
      <c r="N45" s="267"/>
      <c r="O45" s="267"/>
      <c r="P45" s="267"/>
      <c r="Q45" s="267"/>
      <c r="R45" s="267"/>
      <c r="S45" s="267"/>
      <c r="T45" s="267"/>
      <c r="U45" s="267"/>
      <c r="V45" s="267"/>
      <c r="W45" s="267"/>
      <c r="X45" s="267"/>
      <c r="Y45" s="267"/>
      <c r="Z45" s="267"/>
      <c r="AA45" s="267"/>
      <c r="AB45" s="267"/>
      <c r="AC45" s="267"/>
      <c r="AD45" s="267"/>
      <c r="AE45" s="267"/>
      <c r="AF45" s="267"/>
      <c r="AG45" s="267"/>
      <c r="AH45" s="267"/>
      <c r="AI45" s="267"/>
      <c r="AJ45" s="267"/>
      <c r="AK45" s="267"/>
      <c r="AL45" s="267"/>
      <c r="AM45" s="267"/>
      <c r="AN45" s="267"/>
      <c r="AO45" s="267"/>
      <c r="AP45" s="267"/>
      <c r="AQ45" s="322"/>
      <c r="AR45" s="267"/>
      <c r="AS45" s="267"/>
      <c r="AT45" s="265"/>
    </row>
    <row r="46" spans="1:46" ht="13.2" x14ac:dyDescent="0.2">
      <c r="A46" s="323"/>
      <c r="B46" s="323"/>
      <c r="C46" s="323"/>
      <c r="D46" s="323"/>
      <c r="E46" s="323"/>
      <c r="F46" s="323"/>
      <c r="G46" s="323"/>
      <c r="H46" s="323"/>
      <c r="I46" s="323"/>
      <c r="J46" s="323"/>
      <c r="K46" s="323"/>
      <c r="L46" s="323"/>
      <c r="M46" s="323"/>
      <c r="N46" s="323"/>
      <c r="O46" s="323"/>
      <c r="P46" s="323"/>
      <c r="Q46" s="323"/>
      <c r="R46" s="323"/>
      <c r="S46" s="323"/>
      <c r="T46" s="323"/>
      <c r="U46" s="323"/>
      <c r="V46" s="323"/>
      <c r="W46" s="323"/>
      <c r="X46" s="323"/>
      <c r="Y46" s="323"/>
      <c r="Z46" s="323"/>
      <c r="AA46" s="323"/>
      <c r="AB46" s="323"/>
      <c r="AC46" s="323"/>
      <c r="AD46" s="323"/>
      <c r="AE46" s="323"/>
      <c r="AF46" s="323"/>
      <c r="AG46" s="323"/>
      <c r="AH46" s="323"/>
      <c r="AI46" s="323"/>
      <c r="AJ46" s="323"/>
      <c r="AK46" s="323"/>
      <c r="AL46" s="323"/>
      <c r="AM46" s="323"/>
      <c r="AN46" s="323"/>
      <c r="AO46" s="323"/>
      <c r="AP46" s="323"/>
      <c r="AQ46" s="323"/>
      <c r="AR46" s="323"/>
      <c r="AS46" s="323"/>
      <c r="AT46" s="265"/>
    </row>
    <row r="47" spans="1:46" ht="17.25" customHeight="1" x14ac:dyDescent="0.2">
      <c r="A47" s="324" t="s">
        <v>555</v>
      </c>
      <c r="B47" s="265"/>
      <c r="C47" s="265"/>
      <c r="D47" s="265"/>
      <c r="E47" s="265"/>
      <c r="F47" s="265"/>
      <c r="G47" s="265"/>
      <c r="H47" s="265"/>
      <c r="I47" s="265"/>
      <c r="J47" s="265"/>
      <c r="K47" s="265"/>
      <c r="L47" s="265"/>
      <c r="M47" s="265"/>
      <c r="N47" s="265"/>
      <c r="O47" s="265"/>
      <c r="P47" s="265"/>
      <c r="Q47" s="265"/>
      <c r="R47" s="265"/>
      <c r="S47" s="265"/>
      <c r="T47" s="265"/>
      <c r="U47" s="265"/>
      <c r="V47" s="265"/>
      <c r="W47" s="265"/>
      <c r="X47" s="265"/>
      <c r="Y47" s="265"/>
      <c r="Z47" s="265"/>
      <c r="AA47" s="265"/>
      <c r="AB47" s="265"/>
      <c r="AC47" s="265"/>
      <c r="AD47" s="265"/>
      <c r="AE47" s="265"/>
      <c r="AF47" s="265"/>
      <c r="AG47" s="265"/>
      <c r="AH47" s="265"/>
      <c r="AI47" s="265"/>
      <c r="AJ47" s="265"/>
      <c r="AK47" s="265"/>
      <c r="AL47" s="265"/>
      <c r="AM47" s="265"/>
      <c r="AN47" s="265"/>
      <c r="AO47" s="265"/>
      <c r="AP47" s="265"/>
      <c r="AQ47" s="265"/>
      <c r="AR47" s="265"/>
    </row>
    <row r="48" spans="1:46" ht="13.2" x14ac:dyDescent="0.2">
      <c r="A48" s="269"/>
      <c r="B48" s="265"/>
      <c r="C48" s="265"/>
      <c r="D48" s="265"/>
      <c r="E48" s="265"/>
      <c r="F48" s="265"/>
      <c r="G48" s="265"/>
      <c r="H48" s="265"/>
      <c r="I48" s="265"/>
      <c r="J48" s="265"/>
      <c r="K48" s="265"/>
      <c r="L48" s="265"/>
      <c r="M48" s="265"/>
      <c r="N48" s="265"/>
      <c r="O48" s="265"/>
      <c r="P48" s="265"/>
      <c r="Q48" s="265"/>
      <c r="R48" s="265"/>
      <c r="S48" s="265"/>
      <c r="T48" s="265"/>
      <c r="U48" s="265"/>
      <c r="V48" s="265"/>
      <c r="W48" s="265"/>
      <c r="X48" s="265"/>
      <c r="Y48" s="265"/>
      <c r="Z48" s="265"/>
      <c r="AA48" s="265"/>
      <c r="AB48" s="265"/>
      <c r="AC48" s="265"/>
      <c r="AD48" s="265"/>
      <c r="AE48" s="265"/>
      <c r="AF48" s="265"/>
      <c r="AG48" s="265"/>
      <c r="AH48" s="265"/>
      <c r="AI48" s="265"/>
      <c r="AJ48" s="265"/>
      <c r="AK48" s="325" t="s">
        <v>556</v>
      </c>
      <c r="AL48" s="325"/>
      <c r="AM48" s="325"/>
      <c r="AN48" s="325"/>
      <c r="AO48" s="325"/>
      <c r="AP48" s="325"/>
      <c r="AQ48" s="326"/>
      <c r="AR48" s="325"/>
    </row>
    <row r="49" spans="1:44" ht="13.5" customHeight="1" x14ac:dyDescent="0.2">
      <c r="A49" s="269"/>
      <c r="B49" s="265"/>
      <c r="C49" s="265"/>
      <c r="D49" s="265"/>
      <c r="E49" s="265"/>
      <c r="F49" s="265"/>
      <c r="G49" s="265"/>
      <c r="H49" s="265"/>
      <c r="I49" s="265"/>
      <c r="J49" s="265"/>
      <c r="K49" s="265"/>
      <c r="L49" s="265"/>
      <c r="M49" s="265"/>
      <c r="N49" s="265"/>
      <c r="O49" s="265"/>
      <c r="P49" s="265"/>
      <c r="Q49" s="265"/>
      <c r="R49" s="265"/>
      <c r="S49" s="265"/>
      <c r="T49" s="265"/>
      <c r="U49" s="265"/>
      <c r="V49" s="265"/>
      <c r="W49" s="265"/>
      <c r="X49" s="265"/>
      <c r="Y49" s="265"/>
      <c r="Z49" s="265"/>
      <c r="AA49" s="265"/>
      <c r="AB49" s="265"/>
      <c r="AC49" s="265"/>
      <c r="AD49" s="265"/>
      <c r="AE49" s="265"/>
      <c r="AF49" s="265"/>
      <c r="AG49" s="265"/>
      <c r="AH49" s="265"/>
      <c r="AI49" s="265"/>
      <c r="AJ49" s="265"/>
      <c r="AK49" s="327"/>
      <c r="AL49" s="328"/>
      <c r="AM49" s="1177" t="s">
        <v>523</v>
      </c>
      <c r="AN49" s="1179" t="s">
        <v>557</v>
      </c>
      <c r="AO49" s="1180"/>
      <c r="AP49" s="1180"/>
      <c r="AQ49" s="1180"/>
      <c r="AR49" s="1181"/>
    </row>
    <row r="50" spans="1:44" ht="13.2" x14ac:dyDescent="0.2">
      <c r="A50" s="269"/>
      <c r="B50" s="265"/>
      <c r="C50" s="265"/>
      <c r="D50" s="265"/>
      <c r="E50" s="265"/>
      <c r="F50" s="265"/>
      <c r="G50" s="265"/>
      <c r="H50" s="265"/>
      <c r="I50" s="265"/>
      <c r="J50" s="265"/>
      <c r="K50" s="265"/>
      <c r="L50" s="265"/>
      <c r="M50" s="265"/>
      <c r="N50" s="265"/>
      <c r="O50" s="265"/>
      <c r="P50" s="265"/>
      <c r="Q50" s="265"/>
      <c r="R50" s="265"/>
      <c r="S50" s="265"/>
      <c r="T50" s="265"/>
      <c r="U50" s="265"/>
      <c r="V50" s="265"/>
      <c r="W50" s="265"/>
      <c r="X50" s="265"/>
      <c r="Y50" s="265"/>
      <c r="Z50" s="265"/>
      <c r="AA50" s="265"/>
      <c r="AB50" s="265"/>
      <c r="AC50" s="265"/>
      <c r="AD50" s="265"/>
      <c r="AE50" s="265"/>
      <c r="AF50" s="265"/>
      <c r="AG50" s="265"/>
      <c r="AH50" s="265"/>
      <c r="AI50" s="265"/>
      <c r="AJ50" s="265"/>
      <c r="AK50" s="329"/>
      <c r="AL50" s="330"/>
      <c r="AM50" s="1178"/>
      <c r="AN50" s="331" t="s">
        <v>558</v>
      </c>
      <c r="AO50" s="332" t="s">
        <v>559</v>
      </c>
      <c r="AP50" s="333" t="s">
        <v>560</v>
      </c>
      <c r="AQ50" s="334" t="s">
        <v>561</v>
      </c>
      <c r="AR50" s="335" t="s">
        <v>562</v>
      </c>
    </row>
    <row r="51" spans="1:44" ht="13.2" x14ac:dyDescent="0.2">
      <c r="A51" s="269"/>
      <c r="B51" s="265"/>
      <c r="C51" s="265"/>
      <c r="D51" s="265"/>
      <c r="E51" s="265"/>
      <c r="F51" s="265"/>
      <c r="G51" s="265"/>
      <c r="H51" s="265"/>
      <c r="I51" s="265"/>
      <c r="J51" s="265"/>
      <c r="K51" s="265"/>
      <c r="L51" s="265"/>
      <c r="M51" s="265"/>
      <c r="N51" s="265"/>
      <c r="O51" s="265"/>
      <c r="P51" s="265"/>
      <c r="Q51" s="265"/>
      <c r="R51" s="265"/>
      <c r="S51" s="265"/>
      <c r="T51" s="265"/>
      <c r="U51" s="265"/>
      <c r="V51" s="265"/>
      <c r="W51" s="265"/>
      <c r="X51" s="265"/>
      <c r="Y51" s="265"/>
      <c r="Z51" s="265"/>
      <c r="AA51" s="265"/>
      <c r="AB51" s="265"/>
      <c r="AC51" s="265"/>
      <c r="AD51" s="265"/>
      <c r="AE51" s="265"/>
      <c r="AF51" s="265"/>
      <c r="AG51" s="265"/>
      <c r="AH51" s="265"/>
      <c r="AI51" s="265"/>
      <c r="AJ51" s="265"/>
      <c r="AK51" s="327" t="s">
        <v>563</v>
      </c>
      <c r="AL51" s="328"/>
      <c r="AM51" s="336">
        <v>202469546</v>
      </c>
      <c r="AN51" s="337">
        <v>54167</v>
      </c>
      <c r="AO51" s="338">
        <v>-6.9</v>
      </c>
      <c r="AP51" s="339">
        <v>52897</v>
      </c>
      <c r="AQ51" s="340">
        <v>2.2999999999999998</v>
      </c>
      <c r="AR51" s="341">
        <v>-9.1999999999999993</v>
      </c>
    </row>
    <row r="52" spans="1:44" ht="13.2" x14ac:dyDescent="0.2">
      <c r="A52" s="269"/>
      <c r="B52" s="265"/>
      <c r="C52" s="265"/>
      <c r="D52" s="265"/>
      <c r="E52" s="265"/>
      <c r="F52" s="265"/>
      <c r="G52" s="265"/>
      <c r="H52" s="265"/>
      <c r="I52" s="265"/>
      <c r="J52" s="265"/>
      <c r="K52" s="265"/>
      <c r="L52" s="265"/>
      <c r="M52" s="265"/>
      <c r="N52" s="265"/>
      <c r="O52" s="265"/>
      <c r="P52" s="265"/>
      <c r="Q52" s="265"/>
      <c r="R52" s="265"/>
      <c r="S52" s="265"/>
      <c r="T52" s="265"/>
      <c r="U52" s="265"/>
      <c r="V52" s="265"/>
      <c r="W52" s="265"/>
      <c r="X52" s="265"/>
      <c r="Y52" s="265"/>
      <c r="Z52" s="265"/>
      <c r="AA52" s="265"/>
      <c r="AB52" s="265"/>
      <c r="AC52" s="265"/>
      <c r="AD52" s="265"/>
      <c r="AE52" s="265"/>
      <c r="AF52" s="265"/>
      <c r="AG52" s="265"/>
      <c r="AH52" s="265"/>
      <c r="AI52" s="265"/>
      <c r="AJ52" s="265"/>
      <c r="AK52" s="342"/>
      <c r="AL52" s="343" t="s">
        <v>564</v>
      </c>
      <c r="AM52" s="344">
        <v>115507904</v>
      </c>
      <c r="AN52" s="345">
        <v>30902</v>
      </c>
      <c r="AO52" s="346">
        <v>-9.1</v>
      </c>
      <c r="AP52" s="347">
        <v>27013</v>
      </c>
      <c r="AQ52" s="348">
        <v>1.3</v>
      </c>
      <c r="AR52" s="349">
        <v>-10.4</v>
      </c>
    </row>
    <row r="53" spans="1:44" ht="13.2" x14ac:dyDescent="0.2">
      <c r="A53" s="269"/>
      <c r="B53" s="265"/>
      <c r="C53" s="265"/>
      <c r="D53" s="265"/>
      <c r="E53" s="265"/>
      <c r="F53" s="265"/>
      <c r="G53" s="265"/>
      <c r="H53" s="265"/>
      <c r="I53" s="265"/>
      <c r="J53" s="265"/>
      <c r="K53" s="265"/>
      <c r="L53" s="265"/>
      <c r="M53" s="265"/>
      <c r="N53" s="265"/>
      <c r="O53" s="265"/>
      <c r="P53" s="265"/>
      <c r="Q53" s="265"/>
      <c r="R53" s="265"/>
      <c r="S53" s="265"/>
      <c r="T53" s="265"/>
      <c r="U53" s="265"/>
      <c r="V53" s="265"/>
      <c r="W53" s="265"/>
      <c r="X53" s="265"/>
      <c r="Y53" s="265"/>
      <c r="Z53" s="265"/>
      <c r="AA53" s="265"/>
      <c r="AB53" s="265"/>
      <c r="AC53" s="265"/>
      <c r="AD53" s="265"/>
      <c r="AE53" s="265"/>
      <c r="AF53" s="265"/>
      <c r="AG53" s="265"/>
      <c r="AH53" s="265"/>
      <c r="AI53" s="265"/>
      <c r="AJ53" s="265"/>
      <c r="AK53" s="327" t="s">
        <v>565</v>
      </c>
      <c r="AL53" s="328"/>
      <c r="AM53" s="336">
        <v>235234575</v>
      </c>
      <c r="AN53" s="337">
        <v>62800</v>
      </c>
      <c r="AO53" s="338">
        <v>15.9</v>
      </c>
      <c r="AP53" s="339">
        <v>54945</v>
      </c>
      <c r="AQ53" s="340">
        <v>3.9</v>
      </c>
      <c r="AR53" s="341">
        <v>12</v>
      </c>
    </row>
    <row r="54" spans="1:44" ht="13.2" x14ac:dyDescent="0.2">
      <c r="A54" s="269"/>
      <c r="B54" s="265"/>
      <c r="C54" s="265"/>
      <c r="D54" s="265"/>
      <c r="E54" s="265"/>
      <c r="F54" s="265"/>
      <c r="G54" s="265"/>
      <c r="H54" s="265"/>
      <c r="I54" s="265"/>
      <c r="J54" s="265"/>
      <c r="K54" s="265"/>
      <c r="L54" s="265"/>
      <c r="M54" s="265"/>
      <c r="N54" s="265"/>
      <c r="O54" s="265"/>
      <c r="P54" s="265"/>
      <c r="Q54" s="265"/>
      <c r="R54" s="265"/>
      <c r="S54" s="265"/>
      <c r="T54" s="265"/>
      <c r="U54" s="265"/>
      <c r="V54" s="265"/>
      <c r="W54" s="265"/>
      <c r="X54" s="265"/>
      <c r="Y54" s="265"/>
      <c r="Z54" s="265"/>
      <c r="AA54" s="265"/>
      <c r="AB54" s="265"/>
      <c r="AC54" s="265"/>
      <c r="AD54" s="265"/>
      <c r="AE54" s="265"/>
      <c r="AF54" s="265"/>
      <c r="AG54" s="265"/>
      <c r="AH54" s="265"/>
      <c r="AI54" s="265"/>
      <c r="AJ54" s="265"/>
      <c r="AK54" s="342"/>
      <c r="AL54" s="343" t="s">
        <v>564</v>
      </c>
      <c r="AM54" s="344">
        <v>156061437</v>
      </c>
      <c r="AN54" s="345">
        <v>41663</v>
      </c>
      <c r="AO54" s="346">
        <v>34.799999999999997</v>
      </c>
      <c r="AP54" s="347">
        <v>29293</v>
      </c>
      <c r="AQ54" s="348">
        <v>8.4</v>
      </c>
      <c r="AR54" s="349">
        <v>26.4</v>
      </c>
    </row>
    <row r="55" spans="1:44" ht="13.2" x14ac:dyDescent="0.2">
      <c r="A55" s="269"/>
      <c r="B55" s="265"/>
      <c r="C55" s="265"/>
      <c r="D55" s="265"/>
      <c r="E55" s="265"/>
      <c r="F55" s="265"/>
      <c r="G55" s="265"/>
      <c r="H55" s="265"/>
      <c r="I55" s="265"/>
      <c r="J55" s="265"/>
      <c r="K55" s="265"/>
      <c r="L55" s="265"/>
      <c r="M55" s="265"/>
      <c r="N55" s="265"/>
      <c r="O55" s="265"/>
      <c r="P55" s="265"/>
      <c r="Q55" s="265"/>
      <c r="R55" s="265"/>
      <c r="S55" s="265"/>
      <c r="T55" s="265"/>
      <c r="U55" s="265"/>
      <c r="V55" s="265"/>
      <c r="W55" s="265"/>
      <c r="X55" s="265"/>
      <c r="Y55" s="265"/>
      <c r="Z55" s="265"/>
      <c r="AA55" s="265"/>
      <c r="AB55" s="265"/>
      <c r="AC55" s="265"/>
      <c r="AD55" s="265"/>
      <c r="AE55" s="265"/>
      <c r="AF55" s="265"/>
      <c r="AG55" s="265"/>
      <c r="AH55" s="265"/>
      <c r="AI55" s="265"/>
      <c r="AJ55" s="265"/>
      <c r="AK55" s="327" t="s">
        <v>566</v>
      </c>
      <c r="AL55" s="328"/>
      <c r="AM55" s="336">
        <v>235246591</v>
      </c>
      <c r="AN55" s="337">
        <v>62653</v>
      </c>
      <c r="AO55" s="338">
        <v>-0.2</v>
      </c>
      <c r="AP55" s="339">
        <v>57132</v>
      </c>
      <c r="AQ55" s="340">
        <v>4</v>
      </c>
      <c r="AR55" s="341">
        <v>-4.2</v>
      </c>
    </row>
    <row r="56" spans="1:44" ht="13.2" x14ac:dyDescent="0.2">
      <c r="A56" s="269"/>
      <c r="B56" s="265"/>
      <c r="C56" s="265"/>
      <c r="D56" s="265"/>
      <c r="E56" s="265"/>
      <c r="F56" s="265"/>
      <c r="G56" s="265"/>
      <c r="H56" s="265"/>
      <c r="I56" s="265"/>
      <c r="J56" s="265"/>
      <c r="K56" s="265"/>
      <c r="L56" s="265"/>
      <c r="M56" s="265"/>
      <c r="N56" s="265"/>
      <c r="O56" s="265"/>
      <c r="P56" s="265"/>
      <c r="Q56" s="265"/>
      <c r="R56" s="265"/>
      <c r="S56" s="265"/>
      <c r="T56" s="265"/>
      <c r="U56" s="265"/>
      <c r="V56" s="265"/>
      <c r="W56" s="265"/>
      <c r="X56" s="265"/>
      <c r="Y56" s="265"/>
      <c r="Z56" s="265"/>
      <c r="AA56" s="265"/>
      <c r="AB56" s="265"/>
      <c r="AC56" s="265"/>
      <c r="AD56" s="265"/>
      <c r="AE56" s="265"/>
      <c r="AF56" s="265"/>
      <c r="AG56" s="265"/>
      <c r="AH56" s="265"/>
      <c r="AI56" s="265"/>
      <c r="AJ56" s="265"/>
      <c r="AK56" s="342"/>
      <c r="AL56" s="343" t="s">
        <v>564</v>
      </c>
      <c r="AM56" s="344">
        <v>149855391</v>
      </c>
      <c r="AN56" s="345">
        <v>39911</v>
      </c>
      <c r="AO56" s="346">
        <v>-4.2</v>
      </c>
      <c r="AP56" s="347">
        <v>30126</v>
      </c>
      <c r="AQ56" s="348">
        <v>2.8</v>
      </c>
      <c r="AR56" s="349">
        <v>-7</v>
      </c>
    </row>
    <row r="57" spans="1:44" ht="13.2" x14ac:dyDescent="0.2">
      <c r="A57" s="269"/>
      <c r="B57" s="265"/>
      <c r="C57" s="265"/>
      <c r="D57" s="265"/>
      <c r="E57" s="265"/>
      <c r="F57" s="265"/>
      <c r="G57" s="265"/>
      <c r="H57" s="265"/>
      <c r="I57" s="265"/>
      <c r="J57" s="265"/>
      <c r="K57" s="265"/>
      <c r="L57" s="265"/>
      <c r="M57" s="265"/>
      <c r="N57" s="265"/>
      <c r="O57" s="265"/>
      <c r="P57" s="265"/>
      <c r="Q57" s="265"/>
      <c r="R57" s="265"/>
      <c r="S57" s="265"/>
      <c r="T57" s="265"/>
      <c r="U57" s="265"/>
      <c r="V57" s="265"/>
      <c r="W57" s="265"/>
      <c r="X57" s="265"/>
      <c r="Y57" s="265"/>
      <c r="Z57" s="265"/>
      <c r="AA57" s="265"/>
      <c r="AB57" s="265"/>
      <c r="AC57" s="265"/>
      <c r="AD57" s="265"/>
      <c r="AE57" s="265"/>
      <c r="AF57" s="265"/>
      <c r="AG57" s="265"/>
      <c r="AH57" s="265"/>
      <c r="AI57" s="265"/>
      <c r="AJ57" s="265"/>
      <c r="AK57" s="327" t="s">
        <v>567</v>
      </c>
      <c r="AL57" s="328"/>
      <c r="AM57" s="336">
        <v>228994699</v>
      </c>
      <c r="AN57" s="337">
        <v>60904</v>
      </c>
      <c r="AO57" s="338">
        <v>-2.8</v>
      </c>
      <c r="AP57" s="339">
        <v>58766</v>
      </c>
      <c r="AQ57" s="340">
        <v>2.9</v>
      </c>
      <c r="AR57" s="341">
        <v>-5.7</v>
      </c>
    </row>
    <row r="58" spans="1:44" ht="13.2" x14ac:dyDescent="0.2">
      <c r="A58" s="269"/>
      <c r="B58" s="265"/>
      <c r="C58" s="265"/>
      <c r="D58" s="265"/>
      <c r="E58" s="265"/>
      <c r="F58" s="265"/>
      <c r="G58" s="265"/>
      <c r="H58" s="265"/>
      <c r="I58" s="265"/>
      <c r="J58" s="265"/>
      <c r="K58" s="265"/>
      <c r="L58" s="265"/>
      <c r="M58" s="265"/>
      <c r="N58" s="265"/>
      <c r="O58" s="265"/>
      <c r="P58" s="265"/>
      <c r="Q58" s="265"/>
      <c r="R58" s="265"/>
      <c r="S58" s="265"/>
      <c r="T58" s="265"/>
      <c r="U58" s="265"/>
      <c r="V58" s="265"/>
      <c r="W58" s="265"/>
      <c r="X58" s="265"/>
      <c r="Y58" s="265"/>
      <c r="Z58" s="265"/>
      <c r="AA58" s="265"/>
      <c r="AB58" s="265"/>
      <c r="AC58" s="265"/>
      <c r="AD58" s="265"/>
      <c r="AE58" s="265"/>
      <c r="AF58" s="265"/>
      <c r="AG58" s="265"/>
      <c r="AH58" s="265"/>
      <c r="AI58" s="265"/>
      <c r="AJ58" s="265"/>
      <c r="AK58" s="342"/>
      <c r="AL58" s="343" t="s">
        <v>564</v>
      </c>
      <c r="AM58" s="344">
        <v>123197219</v>
      </c>
      <c r="AN58" s="345">
        <v>32766</v>
      </c>
      <c r="AO58" s="346">
        <v>-17.899999999999999</v>
      </c>
      <c r="AP58" s="347">
        <v>29363</v>
      </c>
      <c r="AQ58" s="348">
        <v>-2.5</v>
      </c>
      <c r="AR58" s="349">
        <v>-15.4</v>
      </c>
    </row>
    <row r="59" spans="1:44" ht="13.2" x14ac:dyDescent="0.2">
      <c r="A59" s="269"/>
      <c r="B59" s="265"/>
      <c r="C59" s="265"/>
      <c r="D59" s="265"/>
      <c r="E59" s="265"/>
      <c r="F59" s="265"/>
      <c r="G59" s="265"/>
      <c r="H59" s="265"/>
      <c r="I59" s="265"/>
      <c r="J59" s="265"/>
      <c r="K59" s="265"/>
      <c r="L59" s="265"/>
      <c r="M59" s="265"/>
      <c r="N59" s="265"/>
      <c r="O59" s="265"/>
      <c r="P59" s="265"/>
      <c r="Q59" s="265"/>
      <c r="R59" s="265"/>
      <c r="S59" s="265"/>
      <c r="T59" s="265"/>
      <c r="U59" s="265"/>
      <c r="V59" s="265"/>
      <c r="W59" s="265"/>
      <c r="X59" s="265"/>
      <c r="Y59" s="265"/>
      <c r="Z59" s="265"/>
      <c r="AA59" s="265"/>
      <c r="AB59" s="265"/>
      <c r="AC59" s="265"/>
      <c r="AD59" s="265"/>
      <c r="AE59" s="265"/>
      <c r="AF59" s="265"/>
      <c r="AG59" s="265"/>
      <c r="AH59" s="265"/>
      <c r="AI59" s="265"/>
      <c r="AJ59" s="265"/>
      <c r="AK59" s="327" t="s">
        <v>568</v>
      </c>
      <c r="AL59" s="328"/>
      <c r="AM59" s="336">
        <v>315899623</v>
      </c>
      <c r="AN59" s="337">
        <v>84110</v>
      </c>
      <c r="AO59" s="338">
        <v>38.1</v>
      </c>
      <c r="AP59" s="339">
        <v>62482</v>
      </c>
      <c r="AQ59" s="340">
        <v>6.3</v>
      </c>
      <c r="AR59" s="341">
        <v>31.8</v>
      </c>
    </row>
    <row r="60" spans="1:44" ht="13.2" x14ac:dyDescent="0.2">
      <c r="A60" s="269"/>
      <c r="B60" s="265"/>
      <c r="C60" s="265"/>
      <c r="D60" s="265"/>
      <c r="E60" s="265"/>
      <c r="F60" s="265"/>
      <c r="G60" s="265"/>
      <c r="H60" s="265"/>
      <c r="I60" s="265"/>
      <c r="J60" s="265"/>
      <c r="K60" s="265"/>
      <c r="L60" s="265"/>
      <c r="M60" s="265"/>
      <c r="N60" s="265"/>
      <c r="O60" s="265"/>
      <c r="P60" s="265"/>
      <c r="Q60" s="265"/>
      <c r="R60" s="265"/>
      <c r="S60" s="265"/>
      <c r="T60" s="265"/>
      <c r="U60" s="265"/>
      <c r="V60" s="265"/>
      <c r="W60" s="265"/>
      <c r="X60" s="265"/>
      <c r="Y60" s="265"/>
      <c r="Z60" s="265"/>
      <c r="AA60" s="265"/>
      <c r="AB60" s="265"/>
      <c r="AC60" s="265"/>
      <c r="AD60" s="265"/>
      <c r="AE60" s="265"/>
      <c r="AF60" s="265"/>
      <c r="AG60" s="265"/>
      <c r="AH60" s="265"/>
      <c r="AI60" s="265"/>
      <c r="AJ60" s="265"/>
      <c r="AK60" s="342"/>
      <c r="AL60" s="343" t="s">
        <v>564</v>
      </c>
      <c r="AM60" s="344">
        <v>228669087</v>
      </c>
      <c r="AN60" s="345">
        <v>60884</v>
      </c>
      <c r="AO60" s="346">
        <v>85.8</v>
      </c>
      <c r="AP60" s="347">
        <v>34626</v>
      </c>
      <c r="AQ60" s="348">
        <v>17.899999999999999</v>
      </c>
      <c r="AR60" s="349">
        <v>67.900000000000006</v>
      </c>
    </row>
    <row r="61" spans="1:44" ht="13.2" x14ac:dyDescent="0.2">
      <c r="A61" s="269"/>
      <c r="B61" s="265"/>
      <c r="C61" s="265"/>
      <c r="D61" s="265"/>
      <c r="E61" s="265"/>
      <c r="F61" s="265"/>
      <c r="G61" s="265"/>
      <c r="H61" s="265"/>
      <c r="I61" s="265"/>
      <c r="J61" s="265"/>
      <c r="K61" s="265"/>
      <c r="L61" s="265"/>
      <c r="M61" s="265"/>
      <c r="N61" s="265"/>
      <c r="O61" s="265"/>
      <c r="P61" s="265"/>
      <c r="Q61" s="265"/>
      <c r="R61" s="265"/>
      <c r="S61" s="265"/>
      <c r="T61" s="265"/>
      <c r="U61" s="265"/>
      <c r="V61" s="265"/>
      <c r="W61" s="265"/>
      <c r="X61" s="265"/>
      <c r="Y61" s="265"/>
      <c r="Z61" s="265"/>
      <c r="AA61" s="265"/>
      <c r="AB61" s="265"/>
      <c r="AC61" s="265"/>
      <c r="AD61" s="265"/>
      <c r="AE61" s="265"/>
      <c r="AF61" s="265"/>
      <c r="AG61" s="265"/>
      <c r="AH61" s="265"/>
      <c r="AI61" s="265"/>
      <c r="AJ61" s="265"/>
      <c r="AK61" s="327" t="s">
        <v>569</v>
      </c>
      <c r="AL61" s="350"/>
      <c r="AM61" s="351">
        <v>243569007</v>
      </c>
      <c r="AN61" s="352">
        <v>64927</v>
      </c>
      <c r="AO61" s="353">
        <v>8.8000000000000007</v>
      </c>
      <c r="AP61" s="354">
        <v>57244</v>
      </c>
      <c r="AQ61" s="355">
        <v>3.9</v>
      </c>
      <c r="AR61" s="341">
        <v>4.9000000000000004</v>
      </c>
    </row>
    <row r="62" spans="1:44" ht="13.2" x14ac:dyDescent="0.2">
      <c r="A62" s="269"/>
      <c r="B62" s="265"/>
      <c r="C62" s="265"/>
      <c r="D62" s="265"/>
      <c r="E62" s="265"/>
      <c r="F62" s="265"/>
      <c r="G62" s="265"/>
      <c r="H62" s="265"/>
      <c r="I62" s="265"/>
      <c r="J62" s="265"/>
      <c r="K62" s="265"/>
      <c r="L62" s="265"/>
      <c r="M62" s="265"/>
      <c r="N62" s="265"/>
      <c r="O62" s="265"/>
      <c r="P62" s="265"/>
      <c r="Q62" s="265"/>
      <c r="R62" s="265"/>
      <c r="S62" s="265"/>
      <c r="T62" s="265"/>
      <c r="U62" s="265"/>
      <c r="V62" s="265"/>
      <c r="W62" s="265"/>
      <c r="X62" s="265"/>
      <c r="Y62" s="265"/>
      <c r="Z62" s="265"/>
      <c r="AA62" s="265"/>
      <c r="AB62" s="265"/>
      <c r="AC62" s="265"/>
      <c r="AD62" s="265"/>
      <c r="AE62" s="265"/>
      <c r="AF62" s="265"/>
      <c r="AG62" s="265"/>
      <c r="AH62" s="265"/>
      <c r="AI62" s="265"/>
      <c r="AJ62" s="265"/>
      <c r="AK62" s="342"/>
      <c r="AL62" s="343" t="s">
        <v>564</v>
      </c>
      <c r="AM62" s="344">
        <v>154658208</v>
      </c>
      <c r="AN62" s="345">
        <v>41225</v>
      </c>
      <c r="AO62" s="346">
        <v>17.899999999999999</v>
      </c>
      <c r="AP62" s="347">
        <v>30084</v>
      </c>
      <c r="AQ62" s="348">
        <v>5.6</v>
      </c>
      <c r="AR62" s="349">
        <v>12.3</v>
      </c>
    </row>
    <row r="63" spans="1:44" ht="13.2" x14ac:dyDescent="0.2">
      <c r="A63" s="269"/>
      <c r="B63" s="265"/>
      <c r="C63" s="265"/>
      <c r="D63" s="265"/>
      <c r="E63" s="265"/>
      <c r="F63" s="265"/>
      <c r="G63" s="265"/>
      <c r="H63" s="265"/>
      <c r="I63" s="265"/>
      <c r="J63" s="265"/>
      <c r="K63" s="265"/>
      <c r="L63" s="265"/>
      <c r="M63" s="265"/>
      <c r="N63" s="265"/>
      <c r="O63" s="265"/>
      <c r="P63" s="265"/>
      <c r="Q63" s="265"/>
      <c r="R63" s="265"/>
      <c r="S63" s="265"/>
      <c r="T63" s="265"/>
      <c r="U63" s="265"/>
      <c r="V63" s="265"/>
      <c r="W63" s="265"/>
      <c r="X63" s="265"/>
      <c r="Y63" s="265"/>
      <c r="Z63" s="265"/>
      <c r="AA63" s="265"/>
      <c r="AB63" s="265"/>
      <c r="AC63" s="265"/>
      <c r="AD63" s="265"/>
      <c r="AE63" s="265"/>
      <c r="AF63" s="265"/>
      <c r="AG63" s="265"/>
      <c r="AH63" s="265"/>
      <c r="AI63" s="265"/>
      <c r="AJ63" s="265"/>
      <c r="AK63" s="265"/>
      <c r="AL63" s="265"/>
      <c r="AM63" s="265"/>
      <c r="AN63" s="265"/>
      <c r="AO63" s="265"/>
      <c r="AP63" s="265"/>
      <c r="AQ63" s="265"/>
      <c r="AR63" s="265"/>
    </row>
    <row r="64" spans="1:44" ht="13.2" x14ac:dyDescent="0.2">
      <c r="A64" s="269"/>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row>
    <row r="65" spans="1:46" ht="13.2" x14ac:dyDescent="0.2">
      <c r="A65" s="269"/>
      <c r="B65" s="265"/>
      <c r="C65" s="265"/>
      <c r="D65" s="265"/>
      <c r="E65" s="265"/>
      <c r="F65" s="265"/>
      <c r="G65" s="265"/>
      <c r="H65" s="265"/>
      <c r="I65" s="265"/>
      <c r="J65" s="265"/>
      <c r="K65" s="265"/>
      <c r="L65" s="265"/>
      <c r="M65" s="265"/>
      <c r="N65" s="265"/>
      <c r="O65" s="265"/>
      <c r="P65" s="265"/>
      <c r="Q65" s="265"/>
      <c r="R65" s="265"/>
      <c r="S65" s="265"/>
      <c r="T65" s="265"/>
      <c r="U65" s="265"/>
      <c r="V65" s="265"/>
      <c r="W65" s="265"/>
      <c r="X65" s="265"/>
      <c r="Y65" s="265"/>
      <c r="Z65" s="265"/>
      <c r="AA65" s="265"/>
      <c r="AB65" s="265"/>
      <c r="AC65" s="265"/>
      <c r="AD65" s="265"/>
      <c r="AE65" s="265"/>
      <c r="AF65" s="265"/>
      <c r="AG65" s="265"/>
      <c r="AH65" s="265"/>
      <c r="AI65" s="265"/>
      <c r="AJ65" s="265"/>
      <c r="AK65" s="265"/>
      <c r="AL65" s="265"/>
      <c r="AM65" s="265"/>
      <c r="AN65" s="265"/>
      <c r="AO65" s="265"/>
      <c r="AP65" s="265"/>
      <c r="AQ65" s="265"/>
      <c r="AR65" s="265"/>
    </row>
    <row r="66" spans="1:46" ht="13.2" x14ac:dyDescent="0.2">
      <c r="A66" s="356"/>
      <c r="B66" s="323"/>
      <c r="C66" s="323"/>
      <c r="D66" s="323"/>
      <c r="E66" s="323"/>
      <c r="F66" s="323"/>
      <c r="G66" s="323"/>
      <c r="H66" s="323"/>
      <c r="I66" s="323"/>
      <c r="J66" s="323"/>
      <c r="K66" s="323"/>
      <c r="L66" s="323"/>
      <c r="M66" s="323"/>
      <c r="N66" s="323"/>
      <c r="O66" s="323"/>
      <c r="P66" s="323"/>
      <c r="Q66" s="323"/>
      <c r="R66" s="323"/>
      <c r="S66" s="323"/>
      <c r="T66" s="323"/>
      <c r="U66" s="323"/>
      <c r="V66" s="323"/>
      <c r="W66" s="323"/>
      <c r="X66" s="323"/>
      <c r="Y66" s="323"/>
      <c r="Z66" s="323"/>
      <c r="AA66" s="323"/>
      <c r="AB66" s="323"/>
      <c r="AC66" s="323"/>
      <c r="AD66" s="323"/>
      <c r="AE66" s="323"/>
      <c r="AF66" s="323"/>
      <c r="AG66" s="323"/>
      <c r="AH66" s="323"/>
      <c r="AI66" s="323"/>
      <c r="AJ66" s="323"/>
      <c r="AK66" s="323"/>
      <c r="AL66" s="323"/>
      <c r="AM66" s="323"/>
      <c r="AN66" s="323"/>
      <c r="AO66" s="323"/>
      <c r="AP66" s="323"/>
      <c r="AQ66" s="323"/>
      <c r="AR66" s="323"/>
      <c r="AS66" s="357"/>
    </row>
    <row r="67" spans="1:46" ht="13.5" hidden="1" customHeight="1" x14ac:dyDescent="0.2">
      <c r="AK67" s="265"/>
      <c r="AL67" s="265"/>
      <c r="AM67" s="265"/>
      <c r="AN67" s="265"/>
      <c r="AO67" s="265"/>
      <c r="AP67" s="265"/>
      <c r="AQ67" s="265"/>
      <c r="AR67" s="265"/>
      <c r="AS67" s="265"/>
      <c r="AT67" s="265"/>
    </row>
    <row r="68" spans="1:46" ht="13.5" hidden="1" customHeight="1" x14ac:dyDescent="0.2">
      <c r="AK68" s="265"/>
      <c r="AL68" s="265"/>
      <c r="AM68" s="265"/>
      <c r="AN68" s="265"/>
      <c r="AO68" s="265"/>
      <c r="AP68" s="265"/>
      <c r="AQ68" s="265"/>
      <c r="AR68" s="265"/>
    </row>
    <row r="69" spans="1:46" ht="13.5" hidden="1" customHeight="1" x14ac:dyDescent="0.2">
      <c r="AK69" s="265"/>
      <c r="AL69" s="265"/>
      <c r="AM69" s="265"/>
      <c r="AN69" s="265"/>
      <c r="AO69" s="265"/>
      <c r="AP69" s="265"/>
      <c r="AQ69" s="265"/>
      <c r="AR69" s="265"/>
    </row>
    <row r="70" spans="1:46" ht="13.2" hidden="1" x14ac:dyDescent="0.2">
      <c r="AK70" s="265"/>
      <c r="AL70" s="265"/>
      <c r="AM70" s="265"/>
      <c r="AN70" s="265"/>
      <c r="AO70" s="265"/>
      <c r="AP70" s="265"/>
      <c r="AQ70" s="265"/>
      <c r="AR70" s="265"/>
    </row>
    <row r="71" spans="1:46" ht="13.2" hidden="1" x14ac:dyDescent="0.2">
      <c r="AK71" s="265"/>
      <c r="AL71" s="265"/>
      <c r="AM71" s="265"/>
      <c r="AN71" s="265"/>
      <c r="AO71" s="265"/>
      <c r="AP71" s="265"/>
      <c r="AQ71" s="265"/>
      <c r="AR71" s="265"/>
    </row>
    <row r="72" spans="1:46" ht="13.2" hidden="1" x14ac:dyDescent="0.2">
      <c r="AK72" s="265"/>
      <c r="AL72" s="265"/>
      <c r="AM72" s="265"/>
      <c r="AN72" s="265"/>
      <c r="AO72" s="265"/>
      <c r="AP72" s="265"/>
      <c r="AQ72" s="265"/>
      <c r="AR72" s="265"/>
    </row>
    <row r="73" spans="1:46" ht="13.2" hidden="1" x14ac:dyDescent="0.2">
      <c r="AK73" s="265"/>
      <c r="AL73" s="265"/>
      <c r="AM73" s="265"/>
      <c r="AN73" s="265"/>
      <c r="AO73" s="265"/>
      <c r="AP73" s="265"/>
      <c r="AQ73" s="265"/>
      <c r="AR73" s="265"/>
    </row>
  </sheetData>
  <sheetProtection algorithmName="SHA-512" hashValue="yXM3GHV5Yt/nUTgty/DQhhbHHXjQZl6thuWlP/BaZ81q5wUFVTEprjnBMryFprp+rMNLVMZ1yEl+fRSCqhN85A==" saltValue="WHWRrjDuIdZzirP7dZ3OL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8" scale="87"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63" customWidth="1"/>
    <col min="126" max="16384" width="9" style="262" hidden="1"/>
  </cols>
  <sheetData>
    <row r="1" spans="2:125"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2:125" ht="13.2" x14ac:dyDescent="0.2">
      <c r="B2" s="262"/>
      <c r="DG2" s="262"/>
    </row>
    <row r="3" spans="2:125" ht="13.2" x14ac:dyDescent="0.2">
      <c r="C3" s="262"/>
      <c r="D3" s="262"/>
      <c r="E3" s="262"/>
      <c r="F3" s="262"/>
      <c r="G3" s="262"/>
      <c r="H3" s="262"/>
      <c r="I3" s="262"/>
      <c r="J3" s="262"/>
      <c r="K3" s="262"/>
      <c r="L3" s="262"/>
      <c r="M3" s="262"/>
      <c r="N3" s="262"/>
      <c r="O3" s="262"/>
      <c r="P3" s="262"/>
      <c r="Q3" s="262"/>
      <c r="R3" s="262"/>
      <c r="S3" s="262"/>
      <c r="T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H3" s="262"/>
      <c r="DI3" s="262"/>
      <c r="DJ3" s="262"/>
      <c r="DK3" s="262"/>
      <c r="DL3" s="262"/>
      <c r="DM3" s="262"/>
      <c r="DN3" s="262"/>
      <c r="DO3" s="262"/>
      <c r="DP3" s="262"/>
      <c r="DQ3" s="262"/>
      <c r="DR3" s="262"/>
      <c r="DS3" s="262"/>
      <c r="DT3" s="262"/>
      <c r="DU3" s="262"/>
    </row>
    <row r="4" spans="2:125" ht="13.2" x14ac:dyDescent="0.2"/>
    <row r="5" spans="2:125" ht="13.2" x14ac:dyDescent="0.2"/>
    <row r="6" spans="2:125" ht="13.2" x14ac:dyDescent="0.2"/>
    <row r="7" spans="2:125" ht="13.2" x14ac:dyDescent="0.2"/>
    <row r="8" spans="2:125" ht="13.2" x14ac:dyDescent="0.2"/>
    <row r="9" spans="2:125" ht="13.2" x14ac:dyDescent="0.2">
      <c r="DU9" s="26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62"/>
    </row>
    <row r="18" spans="125:125" ht="13.2" x14ac:dyDescent="0.2"/>
    <row r="19" spans="125:125" ht="13.2" x14ac:dyDescent="0.2"/>
    <row r="20" spans="125:125" ht="13.2" x14ac:dyDescent="0.2">
      <c r="DU20" s="262"/>
    </row>
    <row r="21" spans="125:125" ht="13.2" x14ac:dyDescent="0.2">
      <c r="DU21" s="26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62"/>
    </row>
    <row r="29" spans="125:125" ht="13.2" x14ac:dyDescent="0.2"/>
    <row r="30" spans="125:125" ht="13.2" x14ac:dyDescent="0.2"/>
    <row r="31" spans="125:125" ht="13.2" x14ac:dyDescent="0.2"/>
    <row r="32" spans="125:125" ht="13.2" x14ac:dyDescent="0.2"/>
    <row r="33" spans="2:125" ht="13.2" x14ac:dyDescent="0.2">
      <c r="B33" s="262"/>
      <c r="G33" s="262"/>
      <c r="I33" s="262"/>
    </row>
    <row r="34" spans="2:125" ht="13.2" x14ac:dyDescent="0.2">
      <c r="C34" s="262"/>
      <c r="P34" s="262"/>
      <c r="DE34" s="262"/>
      <c r="DH34" s="262"/>
    </row>
    <row r="35" spans="2:125" ht="13.2" x14ac:dyDescent="0.2">
      <c r="D35" s="262"/>
      <c r="E35" s="262"/>
      <c r="DG35" s="262"/>
      <c r="DJ35" s="262"/>
      <c r="DP35" s="262"/>
      <c r="DQ35" s="262"/>
      <c r="DR35" s="262"/>
      <c r="DS35" s="262"/>
      <c r="DT35" s="262"/>
      <c r="DU35" s="262"/>
    </row>
    <row r="36" spans="2:125" ht="13.2" x14ac:dyDescent="0.2">
      <c r="F36" s="262"/>
      <c r="H36" s="262"/>
      <c r="J36" s="262"/>
      <c r="K36" s="262"/>
      <c r="L36" s="262"/>
      <c r="M36" s="262"/>
      <c r="N36" s="262"/>
      <c r="O36" s="262"/>
      <c r="Q36" s="262"/>
      <c r="R36" s="262"/>
      <c r="S36" s="262"/>
      <c r="T36" s="262"/>
      <c r="U36" s="262"/>
      <c r="V36" s="262"/>
      <c r="W36" s="262"/>
      <c r="X36" s="262"/>
      <c r="Y36" s="262"/>
      <c r="Z36" s="262"/>
      <c r="AA36" s="262"/>
      <c r="AB36" s="262"/>
      <c r="AC36" s="262"/>
      <c r="AD36" s="262"/>
      <c r="AE36" s="262"/>
      <c r="AF36" s="262"/>
      <c r="AG36" s="262"/>
      <c r="AH36" s="262"/>
      <c r="AI36" s="262"/>
      <c r="AJ36" s="262"/>
      <c r="AK36" s="262"/>
      <c r="AL36" s="262"/>
      <c r="AM36" s="262"/>
      <c r="AN36" s="262"/>
      <c r="AO36" s="262"/>
      <c r="AP36" s="262"/>
      <c r="AQ36" s="262"/>
      <c r="AR36" s="262"/>
      <c r="AS36" s="262"/>
      <c r="AT36" s="262"/>
      <c r="AU36" s="262"/>
      <c r="AV36" s="262"/>
      <c r="AW36" s="262"/>
      <c r="AX36" s="262"/>
      <c r="AY36" s="262"/>
      <c r="AZ36" s="262"/>
      <c r="BA36" s="262"/>
      <c r="BB36" s="262"/>
      <c r="BC36" s="262"/>
      <c r="BD36" s="262"/>
      <c r="BE36" s="262"/>
      <c r="BF36" s="262"/>
      <c r="BG36" s="262"/>
      <c r="BH36" s="262"/>
      <c r="BI36" s="262"/>
      <c r="BJ36" s="262"/>
      <c r="BK36" s="262"/>
      <c r="BL36" s="262"/>
      <c r="BM36" s="262"/>
      <c r="BN36" s="262"/>
      <c r="BO36" s="262"/>
      <c r="BP36" s="262"/>
      <c r="BQ36" s="262"/>
      <c r="BR36" s="262"/>
      <c r="BS36" s="262"/>
      <c r="BT36" s="262"/>
      <c r="BU36" s="262"/>
      <c r="BV36" s="262"/>
      <c r="BW36" s="262"/>
      <c r="BX36" s="262"/>
      <c r="BY36" s="262"/>
      <c r="BZ36" s="262"/>
      <c r="CA36" s="262"/>
      <c r="CB36" s="262"/>
      <c r="CC36" s="262"/>
      <c r="CD36" s="262"/>
      <c r="CE36" s="262"/>
      <c r="CF36" s="262"/>
      <c r="CG36" s="262"/>
      <c r="CH36" s="262"/>
      <c r="CI36" s="262"/>
      <c r="CJ36" s="262"/>
      <c r="CK36" s="262"/>
      <c r="CL36" s="262"/>
      <c r="CM36" s="262"/>
      <c r="CN36" s="262"/>
      <c r="CO36" s="262"/>
      <c r="CP36" s="262"/>
      <c r="CQ36" s="262"/>
      <c r="CR36" s="262"/>
      <c r="CS36" s="262"/>
      <c r="CT36" s="262"/>
      <c r="CU36" s="262"/>
      <c r="CV36" s="262"/>
      <c r="CW36" s="262"/>
      <c r="CX36" s="262"/>
      <c r="CY36" s="262"/>
      <c r="CZ36" s="262"/>
      <c r="DA36" s="262"/>
      <c r="DB36" s="262"/>
      <c r="DC36" s="262"/>
      <c r="DD36" s="262"/>
      <c r="DF36" s="262"/>
      <c r="DI36" s="262"/>
      <c r="DK36" s="262"/>
      <c r="DL36" s="262"/>
      <c r="DM36" s="262"/>
      <c r="DN36" s="262"/>
      <c r="DO36" s="262"/>
      <c r="DP36" s="262"/>
      <c r="DQ36" s="262"/>
      <c r="DR36" s="262"/>
      <c r="DS36" s="262"/>
      <c r="DT36" s="262"/>
      <c r="DU36" s="262"/>
    </row>
    <row r="37" spans="2:125" ht="13.2" x14ac:dyDescent="0.2">
      <c r="DU37" s="262"/>
    </row>
    <row r="38" spans="2:125" ht="13.2" x14ac:dyDescent="0.2">
      <c r="DT38" s="262"/>
      <c r="DU38" s="262"/>
    </row>
    <row r="39" spans="2:125" ht="13.2" x14ac:dyDescent="0.2"/>
    <row r="40" spans="2:125" ht="13.2" x14ac:dyDescent="0.2">
      <c r="DH40" s="262"/>
    </row>
    <row r="41" spans="2:125" ht="13.2" x14ac:dyDescent="0.2">
      <c r="DE41" s="262"/>
    </row>
    <row r="42" spans="2:125" ht="13.2" x14ac:dyDescent="0.2">
      <c r="DG42" s="262"/>
      <c r="DJ42" s="262"/>
    </row>
    <row r="43" spans="2:125" ht="13.2" x14ac:dyDescent="0.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F43" s="262"/>
      <c r="DI43" s="262"/>
      <c r="DK43" s="262"/>
      <c r="DL43" s="262"/>
      <c r="DM43" s="262"/>
      <c r="DN43" s="262"/>
      <c r="DO43" s="262"/>
      <c r="DP43" s="262"/>
      <c r="DQ43" s="262"/>
      <c r="DR43" s="262"/>
      <c r="DS43" s="262"/>
      <c r="DT43" s="262"/>
      <c r="DU43" s="262"/>
    </row>
    <row r="44" spans="2:125" ht="13.2" x14ac:dyDescent="0.2">
      <c r="DU44" s="262"/>
    </row>
    <row r="45" spans="2:125" ht="13.2" x14ac:dyDescent="0.2"/>
    <row r="46" spans="2:125" ht="13.2" x14ac:dyDescent="0.2"/>
    <row r="47" spans="2:125" ht="13.2" x14ac:dyDescent="0.2"/>
    <row r="48" spans="2:125" ht="13.2" x14ac:dyDescent="0.2">
      <c r="DT48" s="262"/>
      <c r="DU48" s="262"/>
    </row>
    <row r="49" spans="120:125" ht="13.2" x14ac:dyDescent="0.2">
      <c r="DU49" s="262"/>
    </row>
    <row r="50" spans="120:125" ht="13.2" x14ac:dyDescent="0.2">
      <c r="DU50" s="262"/>
    </row>
    <row r="51" spans="120:125" ht="13.2" x14ac:dyDescent="0.2">
      <c r="DP51" s="262"/>
      <c r="DQ51" s="262"/>
      <c r="DR51" s="262"/>
      <c r="DS51" s="262"/>
      <c r="DT51" s="262"/>
      <c r="DU51" s="262"/>
    </row>
    <row r="52" spans="120:125" ht="13.2" x14ac:dyDescent="0.2"/>
    <row r="53" spans="120:125" ht="13.2" x14ac:dyDescent="0.2"/>
    <row r="54" spans="120:125" ht="13.2" x14ac:dyDescent="0.2">
      <c r="DU54" s="262"/>
    </row>
    <row r="55" spans="120:125" ht="13.2" x14ac:dyDescent="0.2"/>
    <row r="56" spans="120:125" ht="13.2" x14ac:dyDescent="0.2"/>
    <row r="57" spans="120:125" ht="13.2" x14ac:dyDescent="0.2"/>
    <row r="58" spans="120:125" ht="13.2" x14ac:dyDescent="0.2">
      <c r="DU58" s="262"/>
    </row>
    <row r="59" spans="120:125" ht="13.2" x14ac:dyDescent="0.2"/>
    <row r="60" spans="120:125" ht="13.2" x14ac:dyDescent="0.2"/>
    <row r="61" spans="120:125" ht="13.2" x14ac:dyDescent="0.2"/>
    <row r="62" spans="120:125" ht="13.2" x14ac:dyDescent="0.2"/>
    <row r="63" spans="120:125" ht="13.2" x14ac:dyDescent="0.2">
      <c r="DU63" s="262"/>
    </row>
    <row r="64" spans="120:125" ht="13.2" x14ac:dyDescent="0.2">
      <c r="DT64" s="262"/>
      <c r="DU64" s="262"/>
    </row>
    <row r="65" spans="123:125" ht="13.2" x14ac:dyDescent="0.2"/>
    <row r="66" spans="123:125" ht="13.2" x14ac:dyDescent="0.2"/>
    <row r="67" spans="123:125" ht="13.2" x14ac:dyDescent="0.2"/>
    <row r="68" spans="123:125" ht="13.2" x14ac:dyDescent="0.2"/>
    <row r="69" spans="123:125" ht="13.2" x14ac:dyDescent="0.2">
      <c r="DS69" s="262"/>
      <c r="DT69" s="262"/>
      <c r="DU69" s="26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62"/>
    </row>
    <row r="83" spans="116:125" ht="13.2" x14ac:dyDescent="0.2">
      <c r="DM83" s="262"/>
      <c r="DN83" s="262"/>
      <c r="DO83" s="262"/>
      <c r="DP83" s="262"/>
      <c r="DQ83" s="262"/>
      <c r="DR83" s="262"/>
      <c r="DS83" s="262"/>
      <c r="DT83" s="262"/>
      <c r="DU83" s="262"/>
    </row>
    <row r="84" spans="116:125" ht="13.2" x14ac:dyDescent="0.2"/>
    <row r="85" spans="116:125" ht="13.2" x14ac:dyDescent="0.2"/>
    <row r="86" spans="116:125" ht="13.2" x14ac:dyDescent="0.2"/>
    <row r="87" spans="116:125" ht="13.2" x14ac:dyDescent="0.2"/>
    <row r="88" spans="116:125" ht="13.2" x14ac:dyDescent="0.2">
      <c r="DU88" s="26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62"/>
      <c r="DT94" s="262"/>
      <c r="DU94" s="262"/>
    </row>
    <row r="95" spans="116:125" ht="13.5" customHeight="1" x14ac:dyDescent="0.2">
      <c r="DU95" s="26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62"/>
    </row>
    <row r="102" spans="124:125" ht="13.5" customHeight="1" x14ac:dyDescent="0.2"/>
    <row r="103" spans="124:125" ht="13.5" customHeight="1" x14ac:dyDescent="0.2"/>
    <row r="104" spans="124:125" ht="13.5" customHeight="1" x14ac:dyDescent="0.2">
      <c r="DT104" s="262"/>
      <c r="DU104" s="26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2" t="s">
        <v>571</v>
      </c>
    </row>
    <row r="120" spans="125:125" ht="13.5" hidden="1" customHeight="1" x14ac:dyDescent="0.2"/>
    <row r="121" spans="125:125" ht="13.5" hidden="1" customHeight="1" x14ac:dyDescent="0.2">
      <c r="DU121" s="262"/>
    </row>
  </sheetData>
  <sheetProtection algorithmName="SHA-512" hashValue="7DCTk21UpGviRQhSr2Q3h7X34rZ071uiOdm0vsJihNTZKfGwZZ4rfeN3CUR5VRRQ0ZI9+2EdQHmq/Q+qncz6Jw==" saltValue="y0aXf5zK8jJZeq6DXiT/qg==" spinCount="100000" sheet="1" objects="1" scenarios="1"/>
  <dataConsolidate/>
  <phoneticPr fontId="2"/>
  <printOptions horizontalCentered="1" verticalCentered="1"/>
  <pageMargins left="0" right="0" top="0.19685039370078741" bottom="0" header="0.39370078740157483" footer="0"/>
  <pageSetup paperSize="8" scale="55"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63" customWidth="1"/>
    <col min="126" max="142" width="0" style="262" hidden="1" customWidth="1"/>
    <col min="143" max="16384" width="9" style="262" hidden="1"/>
  </cols>
  <sheetData>
    <row r="1" spans="1:125"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1:125" ht="13.2" x14ac:dyDescent="0.2">
      <c r="B2" s="262"/>
      <c r="T2" s="262"/>
    </row>
    <row r="3" spans="1:125"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G3" s="262"/>
      <c r="DH3" s="262"/>
      <c r="DI3" s="262"/>
      <c r="DJ3" s="262"/>
      <c r="DK3" s="262"/>
      <c r="DL3" s="262"/>
      <c r="DM3" s="262"/>
      <c r="DN3" s="262"/>
      <c r="DO3" s="262"/>
      <c r="DP3" s="262"/>
      <c r="DQ3" s="262"/>
      <c r="DR3" s="262"/>
      <c r="DS3" s="262"/>
      <c r="DT3" s="262"/>
      <c r="DU3" s="26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62"/>
      <c r="G33" s="262"/>
      <c r="I33" s="262"/>
    </row>
    <row r="34" spans="2:125" ht="13.2" x14ac:dyDescent="0.2">
      <c r="C34" s="262"/>
      <c r="P34" s="262"/>
      <c r="R34" s="262"/>
      <c r="U34" s="262"/>
    </row>
    <row r="35" spans="2:125" ht="13.2" x14ac:dyDescent="0.2">
      <c r="D35" s="262"/>
      <c r="E35" s="262"/>
      <c r="T35" s="262"/>
      <c r="W35" s="262"/>
      <c r="X35" s="262"/>
      <c r="Y35" s="262"/>
      <c r="Z35" s="262"/>
      <c r="AA35" s="262"/>
      <c r="AB35" s="262"/>
      <c r="AC35" s="262"/>
      <c r="AD35" s="262"/>
      <c r="AE35" s="262"/>
      <c r="AF35" s="262"/>
      <c r="AG35" s="262"/>
      <c r="AH35" s="262"/>
      <c r="AI35" s="262"/>
      <c r="AJ35" s="262"/>
      <c r="AK35" s="262"/>
      <c r="AL35" s="262"/>
      <c r="AM35" s="262"/>
      <c r="AN35" s="262"/>
      <c r="AO35" s="262"/>
      <c r="AP35" s="262"/>
      <c r="AQ35" s="262"/>
      <c r="AR35" s="262"/>
      <c r="AS35" s="262"/>
      <c r="AT35" s="262"/>
      <c r="AU35" s="262"/>
      <c r="AV35" s="262"/>
      <c r="AW35" s="262"/>
      <c r="AX35" s="262"/>
      <c r="AY35" s="262"/>
      <c r="AZ35" s="262"/>
      <c r="BA35" s="262"/>
      <c r="BB35" s="262"/>
      <c r="BC35" s="262"/>
      <c r="BD35" s="262"/>
      <c r="BE35" s="262"/>
      <c r="BF35" s="262"/>
      <c r="BG35" s="262"/>
      <c r="BH35" s="262"/>
      <c r="BI35" s="262"/>
      <c r="BJ35" s="262"/>
      <c r="BK35" s="262"/>
      <c r="BL35" s="262"/>
      <c r="BM35" s="262"/>
      <c r="BN35" s="262"/>
      <c r="BO35" s="262"/>
      <c r="BP35" s="262"/>
      <c r="BQ35" s="262"/>
      <c r="BR35" s="262"/>
      <c r="BS35" s="262"/>
      <c r="BT35" s="262"/>
      <c r="BU35" s="262"/>
      <c r="BV35" s="262"/>
      <c r="BW35" s="262"/>
      <c r="BX35" s="262"/>
      <c r="BY35" s="262"/>
      <c r="BZ35" s="262"/>
      <c r="CA35" s="262"/>
      <c r="CB35" s="262"/>
      <c r="CC35" s="262"/>
      <c r="CD35" s="262"/>
      <c r="CE35" s="262"/>
      <c r="CF35" s="262"/>
      <c r="CG35" s="262"/>
      <c r="CH35" s="262"/>
      <c r="CI35" s="262"/>
      <c r="CJ35" s="262"/>
      <c r="CK35" s="262"/>
      <c r="CL35" s="262"/>
      <c r="CM35" s="262"/>
      <c r="CN35" s="262"/>
      <c r="CO35" s="262"/>
      <c r="CP35" s="262"/>
      <c r="CQ35" s="262"/>
      <c r="CR35" s="262"/>
      <c r="CS35" s="262"/>
      <c r="CT35" s="262"/>
      <c r="CU35" s="262"/>
      <c r="CV35" s="262"/>
      <c r="CW35" s="262"/>
      <c r="CX35" s="262"/>
      <c r="CY35" s="262"/>
      <c r="CZ35" s="262"/>
      <c r="DA35" s="262"/>
      <c r="DB35" s="262"/>
      <c r="DC35" s="262"/>
      <c r="DD35" s="262"/>
      <c r="DE35" s="262"/>
      <c r="DF35" s="262"/>
      <c r="DG35" s="262"/>
      <c r="DH35" s="262"/>
      <c r="DI35" s="262"/>
      <c r="DJ35" s="262"/>
      <c r="DK35" s="262"/>
      <c r="DL35" s="262"/>
      <c r="DM35" s="262"/>
      <c r="DN35" s="262"/>
      <c r="DO35" s="262"/>
      <c r="DP35" s="262"/>
      <c r="DQ35" s="262"/>
      <c r="DR35" s="262"/>
      <c r="DS35" s="262"/>
      <c r="DT35" s="262"/>
      <c r="DU35" s="262"/>
    </row>
    <row r="36" spans="2:125" ht="13.2" x14ac:dyDescent="0.2">
      <c r="F36" s="262"/>
      <c r="H36" s="262"/>
      <c r="J36" s="262"/>
      <c r="K36" s="262"/>
      <c r="L36" s="262"/>
      <c r="M36" s="262"/>
      <c r="N36" s="262"/>
      <c r="O36" s="262"/>
      <c r="Q36" s="262"/>
      <c r="S36" s="262"/>
      <c r="V36" s="262"/>
    </row>
    <row r="37" spans="2:125" ht="13.2" x14ac:dyDescent="0.2"/>
    <row r="38" spans="2:125" ht="13.2" x14ac:dyDescent="0.2"/>
    <row r="39" spans="2:125" ht="13.2" x14ac:dyDescent="0.2"/>
    <row r="40" spans="2:125" ht="13.2" x14ac:dyDescent="0.2">
      <c r="U40" s="262"/>
    </row>
    <row r="41" spans="2:125" ht="13.2" x14ac:dyDescent="0.2">
      <c r="R41" s="262"/>
    </row>
    <row r="42" spans="2:125" ht="13.2" x14ac:dyDescent="0.2">
      <c r="T42" s="262"/>
      <c r="W42" s="262"/>
      <c r="X42" s="262"/>
      <c r="Y42" s="262"/>
      <c r="Z42" s="262"/>
      <c r="AA42" s="262"/>
      <c r="AB42" s="262"/>
      <c r="AC42" s="262"/>
      <c r="AD42" s="262"/>
      <c r="AE42" s="262"/>
      <c r="AF42" s="262"/>
      <c r="AG42" s="262"/>
      <c r="AH42" s="262"/>
      <c r="AI42" s="262"/>
      <c r="AJ42" s="262"/>
      <c r="AK42" s="262"/>
      <c r="AL42" s="262"/>
      <c r="AM42" s="262"/>
      <c r="AN42" s="262"/>
      <c r="AO42" s="262"/>
      <c r="AP42" s="262"/>
      <c r="AQ42" s="262"/>
      <c r="AR42" s="262"/>
      <c r="AS42" s="262"/>
      <c r="AT42" s="262"/>
      <c r="AU42" s="262"/>
      <c r="AV42" s="262"/>
      <c r="AW42" s="262"/>
      <c r="AX42" s="262"/>
      <c r="AY42" s="262"/>
      <c r="AZ42" s="262"/>
      <c r="BA42" s="262"/>
      <c r="BB42" s="262"/>
      <c r="BC42" s="262"/>
      <c r="BD42" s="262"/>
      <c r="BE42" s="262"/>
      <c r="BF42" s="262"/>
      <c r="BG42" s="262"/>
      <c r="BH42" s="262"/>
      <c r="BI42" s="262"/>
      <c r="BJ42" s="262"/>
      <c r="BK42" s="262"/>
      <c r="BL42" s="262"/>
      <c r="BM42" s="262"/>
      <c r="BN42" s="262"/>
      <c r="BO42" s="262"/>
      <c r="BP42" s="262"/>
      <c r="BQ42" s="262"/>
      <c r="BR42" s="262"/>
      <c r="BS42" s="262"/>
      <c r="BT42" s="262"/>
      <c r="BU42" s="262"/>
      <c r="BV42" s="262"/>
      <c r="BW42" s="262"/>
      <c r="BX42" s="262"/>
      <c r="BY42" s="262"/>
      <c r="BZ42" s="262"/>
      <c r="CA42" s="262"/>
      <c r="CB42" s="262"/>
      <c r="CC42" s="262"/>
      <c r="CD42" s="262"/>
      <c r="CE42" s="262"/>
      <c r="CF42" s="262"/>
      <c r="CG42" s="262"/>
      <c r="CH42" s="262"/>
      <c r="CI42" s="262"/>
      <c r="CJ42" s="262"/>
      <c r="CK42" s="262"/>
      <c r="CL42" s="262"/>
      <c r="CM42" s="262"/>
      <c r="CN42" s="262"/>
      <c r="CO42" s="262"/>
      <c r="CP42" s="262"/>
      <c r="CQ42" s="262"/>
      <c r="CR42" s="262"/>
      <c r="CS42" s="262"/>
      <c r="CT42" s="262"/>
      <c r="CU42" s="262"/>
      <c r="CV42" s="262"/>
      <c r="CW42" s="262"/>
      <c r="CX42" s="262"/>
      <c r="CY42" s="262"/>
      <c r="CZ42" s="262"/>
      <c r="DA42" s="262"/>
      <c r="DB42" s="262"/>
      <c r="DC42" s="262"/>
      <c r="DD42" s="262"/>
      <c r="DE42" s="262"/>
      <c r="DF42" s="262"/>
      <c r="DG42" s="262"/>
      <c r="DH42" s="262"/>
      <c r="DI42" s="262"/>
      <c r="DJ42" s="262"/>
      <c r="DK42" s="262"/>
      <c r="DL42" s="262"/>
      <c r="DM42" s="262"/>
      <c r="DN42" s="262"/>
      <c r="DO42" s="262"/>
      <c r="DP42" s="262"/>
      <c r="DQ42" s="262"/>
      <c r="DR42" s="262"/>
      <c r="DS42" s="262"/>
      <c r="DT42" s="262"/>
      <c r="DU42" s="262"/>
    </row>
    <row r="43" spans="2:125" ht="13.2" x14ac:dyDescent="0.2">
      <c r="Q43" s="262"/>
      <c r="S43" s="262"/>
      <c r="V43" s="26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3" t="s">
        <v>572</v>
      </c>
    </row>
  </sheetData>
  <sheetProtection algorithmName="SHA-512" hashValue="w8DoSMChiE/8s/6Yha/1I9Gu7nD1M61L+kBiDUd3Fi2ETB2mg+vXnFfW6JzDxcYn5pzZwnNEJjPiRtUZqMDUmQ==" saltValue="wXSK7i5XqgyCV7B9/Sjtbg==" spinCount="100000" sheet="1" objects="1" scenarios="1"/>
  <dataConsolidate/>
  <phoneticPr fontId="2"/>
  <printOptions horizontalCentered="1" verticalCentered="1"/>
  <pageMargins left="0" right="0" top="0.19685039370078741" bottom="0" header="0.39370078740157483" footer="0"/>
  <pageSetup paperSize="8" scale="55"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73</v>
      </c>
      <c r="G46" s="8" t="s">
        <v>574</v>
      </c>
      <c r="H46" s="8" t="s">
        <v>575</v>
      </c>
      <c r="I46" s="8" t="s">
        <v>576</v>
      </c>
      <c r="J46" s="9" t="s">
        <v>577</v>
      </c>
    </row>
    <row r="47" spans="2:10" ht="57.75" customHeight="1" x14ac:dyDescent="0.2">
      <c r="B47" s="10"/>
      <c r="C47" s="1203" t="s">
        <v>3</v>
      </c>
      <c r="D47" s="1203"/>
      <c r="E47" s="1204"/>
      <c r="F47" s="11">
        <v>2.8</v>
      </c>
      <c r="G47" s="12">
        <v>2.31</v>
      </c>
      <c r="H47" s="12">
        <v>0.84</v>
      </c>
      <c r="I47" s="12">
        <v>1.19</v>
      </c>
      <c r="J47" s="13">
        <v>3.13</v>
      </c>
    </row>
    <row r="48" spans="2:10" ht="57.75" customHeight="1" x14ac:dyDescent="0.2">
      <c r="B48" s="14"/>
      <c r="C48" s="1205" t="s">
        <v>4</v>
      </c>
      <c r="D48" s="1205"/>
      <c r="E48" s="1206"/>
      <c r="F48" s="15">
        <v>1.39</v>
      </c>
      <c r="G48" s="16">
        <v>0.51</v>
      </c>
      <c r="H48" s="16">
        <v>0.86</v>
      </c>
      <c r="I48" s="16">
        <v>0.7</v>
      </c>
      <c r="J48" s="17">
        <v>1.4</v>
      </c>
    </row>
    <row r="49" spans="2:10" ht="57.75" customHeight="1" thickBot="1" x14ac:dyDescent="0.25">
      <c r="B49" s="18"/>
      <c r="C49" s="1207" t="s">
        <v>5</v>
      </c>
      <c r="D49" s="1207"/>
      <c r="E49" s="1208"/>
      <c r="F49" s="19">
        <v>1.33</v>
      </c>
      <c r="G49" s="20" t="s">
        <v>578</v>
      </c>
      <c r="H49" s="20" t="s">
        <v>579</v>
      </c>
      <c r="I49" s="20" t="s">
        <v>580</v>
      </c>
      <c r="J49" s="21">
        <v>2.4500000000000002</v>
      </c>
    </row>
    <row r="50" spans="2:10" ht="13.2" x14ac:dyDescent="0.2"/>
  </sheetData>
  <sheetProtection algorithmName="SHA-512" hashValue="j48fBqSQoiaEvl2CgwDc9Ov+K+R9CqsRQ3OrzUFeS0KPsaocZa9Ly5A571EY/a2LAWnCcZlrfoVon3Kjf8g2bA==" saltValue="7MRK9uKUhrEwPrhMaLK6F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17T05:16:51Z</cp:lastPrinted>
  <dcterms:created xsi:type="dcterms:W3CDTF">2023-02-20T04:52:03Z</dcterms:created>
  <dcterms:modified xsi:type="dcterms:W3CDTF">2023-10-05T02:43:21Z</dcterms:modified>
  <cp:category/>
</cp:coreProperties>
</file>